
<file path=[Content_Types].xml><?xml version="1.0" encoding="utf-8"?>
<Types xmlns="http://schemas.openxmlformats.org/package/2006/content-types">
  <Default ContentType="image/jpeg" Extension="jpeg"/>
  <Default ContentType="image/png" Extension="png"/>
  <Default ContentType="application/vnd.openxmlformats-package.relationships+xml" Extension="rels"/>
  <Default ContentType="image/x-wmf" Extension="wmf"/>
  <Default ContentType="application/xml" Extension="xml"/>
  <Override ContentType="application/vnd.openxmlformats-officedocument.extended-properties+xml" PartName="/docProps/app.xml"/>
  <Override ContentType="application/vnd.openxmlformats-package.core-properties+xml" PartName="/docProps/core.xml"/>
  <Override ContentType="application/vnd.openxmlformats-officedocument.presentationml.notesMaster+xml" PartName="/ppt/notesMasters/notesMaster1.xml"/>
  <Override ContentType="application/vnd.openxmlformats-officedocument.presentationml.notesSlide+xml" PartName="/ppt/notesSlides/notesSlide1.xml"/>
  <Override ContentType="application/vnd.openxmlformats-officedocument.presentationml.notesSlide+xml" PartName="/ppt/notesSlides/notesSlide2.xml"/>
  <Override ContentType="application/vnd.openxmlformats-officedocument.presentationml.notesSlide+xml" PartName="/ppt/notesSlides/notesSlide3.xml"/>
  <Override ContentType="application/vnd.openxmlformats-officedocument.presentationml.notesSlide+xml" PartName="/ppt/notesSlides/notesSlide4.xml"/>
  <Override ContentType="application/vnd.openxmlformats-officedocument.presentationml.notesSlide+xml" PartName="/ppt/notesSlides/notesSlide5.xml"/>
  <Override ContentType="application/vnd.openxmlformats-officedocument.presentationml.notesSlide+xml" PartName="/ppt/notesSlides/notesSlide6.xml"/>
  <Override ContentType="application/vnd.openxmlformats-officedocument.presentationml.notesSlide+xml" PartName="/ppt/notesSlides/notesSlide7.xml"/>
  <Override ContentType="application/vnd.openxmlformats-officedocument.presentationml.notesSlide+xml" PartName="/ppt/notesSlides/notesSlide8.xml"/>
  <Override ContentType="application/vnd.openxmlformats-officedocument.presentationml.notesSlide+xml" PartName="/ppt/notesSlides/notesSlide9.xml"/>
  <Override ContentType="application/vnd.openxmlformats-officedocument.presentationml.notesSlide+xml" PartName="/ppt/notesSlides/notesSlide10.xml"/>
  <Override ContentType="application/vnd.openxmlformats-officedocument.presentationml.notesSlide+xml" PartName="/ppt/notesSlides/notesSlide11.xml"/>
  <Override ContentType="application/vnd.openxmlformats-officedocument.presentationml.notesSlide+xml" PartName="/ppt/notesSlides/notesSlide12.xml"/>
  <Override ContentType="application/vnd.openxmlformats-officedocument.presentationml.notesSlide+xml" PartName="/ppt/notesSlides/notesSlide13.xml"/>
  <Override ContentType="application/vnd.openxmlformats-officedocument.presentationml.notesSlide+xml" PartName="/ppt/notesSlides/notesSlide14.xml"/>
  <Override ContentType="application/vnd.openxmlformats-officedocument.presentationml.notesSlide+xml" PartName="/ppt/notesSlides/notesSlide15.xml"/>
  <Override ContentType="application/vnd.openxmlformats-officedocument.presentationml.notesSlide+xml" PartName="/ppt/notesSlides/notesSlide16.xml"/>
  <Override ContentType="application/vnd.openxmlformats-officedocument.presentationml.notesSlide+xml" PartName="/ppt/notesSlides/notesSlide17.xml"/>
  <Override ContentType="application/vnd.openxmlformats-officedocument.presentationml.notesSlide+xml" PartName="/ppt/notesSlides/notesSlide18.xml"/>
  <Override ContentType="application/vnd.openxmlformats-officedocument.presentationml.notesSlide+xml" PartName="/ppt/notesSlides/notesSlide19.xml"/>
  <Override ContentType="application/vnd.openxmlformats-officedocument.presentationml.notesSlide+xml" PartName="/ppt/notesSlides/notesSlide20.xml"/>
  <Override ContentType="application/vnd.openxmlformats-officedocument.presentationml.notesSlide+xml" PartName="/ppt/notesSlides/notesSlide21.xml"/>
  <Override ContentType="application/vnd.openxmlformats-officedocument.presentationml.notesSlide+xml" PartName="/ppt/notesSlides/notesSlide22.xml"/>
  <Override ContentType="application/vnd.openxmlformats-officedocument.presentationml.notesSlide+xml" PartName="/ppt/notesSlides/notesSlide23.xml"/>
  <Override ContentType="application/vnd.openxmlformats-officedocument.presentationml.notesSlide+xml" PartName="/ppt/notesSlides/notesSlide24.xml"/>
  <Override ContentType="application/vnd.openxmlformats-officedocument.presentationml.notesSlide+xml" PartName="/ppt/notesSlides/notesSlide25.xml"/>
  <Override ContentType="application/vnd.openxmlformats-officedocument.presentationml.notesSlide+xml" PartName="/ppt/notesSlides/notesSlide26.xml"/>
  <Override ContentType="application/vnd.openxmlformats-officedocument.presentationml.notesSlide+xml" PartName="/ppt/notesSlides/notesSlide27.xml"/>
  <Override ContentType="application/vnd.openxmlformats-officedocument.presentationml.notesSlide+xml" PartName="/ppt/notesSlides/notesSlide28.xml"/>
  <Override ContentType="application/vnd.openxmlformats-officedocument.presentationml.notesSlide+xml" PartName="/ppt/notesSlides/notesSlide29.xml"/>
  <Override ContentType="application/vnd.openxmlformats-officedocument.presentationml.notesSlide+xml" PartName="/ppt/notesSlides/notesSlide30.xml"/>
  <Override ContentType="application/vnd.openxmlformats-officedocument.presentationml.notesSlide+xml" PartName="/ppt/notesSlides/notesSlide31.xml"/>
  <Override ContentType="application/vnd.openxmlformats-officedocument.presentationml.notesSlide+xml" PartName="/ppt/notesSlides/notesSlide32.xml"/>
  <Override ContentType="application/vnd.openxmlformats-officedocument.presentationml.notesSlide+xml" PartName="/ppt/notesSlides/notesSlide33.xml"/>
  <Override ContentType="application/vnd.openxmlformats-officedocument.presentationml.notesSlide+xml" PartName="/ppt/notesSlides/notesSlide34.xml"/>
  <Override ContentType="application/vnd.openxmlformats-officedocument.presentationml.notesSlide+xml" PartName="/ppt/notesSlides/notesSlide35.xml"/>
  <Override ContentType="application/vnd.openxmlformats-officedocument.presentationml.notesSlide+xml" PartName="/ppt/notesSlides/notesSlide36.xml"/>
  <Override ContentType="application/vnd.openxmlformats-officedocument.presentationml.presentation.main+xml" PartName="/ppt/presentation.xml"/>
  <Override ContentType="application/vnd.openxmlformats-officedocument.presentationml.presProps+xml" PartName="/ppt/presProps.xml"/>
  <Override ContentType="application/vnd.openxmlformats-officedocument.presentationml.slideLayout+xml" PartName="/ppt/slideLayouts/slideLayout1.xml"/>
  <Override ContentType="application/vnd.openxmlformats-officedocument.presentationml.slideLayout+xml" PartName="/ppt/slideLayouts/slideLayout2.xml"/>
  <Override ContentType="application/vnd.openxmlformats-officedocument.presentationml.slideLayout+xml" PartName="/ppt/slideLayouts/slideLayout3.xml"/>
  <Override ContentType="application/vnd.openxmlformats-officedocument.presentationml.slideLayout+xml" PartName="/ppt/slideLayouts/slideLayout4.xml"/>
  <Override ContentType="application/vnd.openxmlformats-officedocument.presentationml.slideLayout+xml" PartName="/ppt/slideLayouts/slideLayout5.xml"/>
  <Override ContentType="application/vnd.openxmlformats-officedocument.presentationml.slideLayout+xml" PartName="/ppt/slideLayouts/slideLayout6.xml"/>
  <Override ContentType="application/vnd.openxmlformats-officedocument.presentationml.slideLayout+xml" PartName="/ppt/slideLayouts/slideLayout7.xml"/>
  <Override ContentType="application/vnd.openxmlformats-officedocument.presentationml.slideLayout+xml" PartName="/ppt/slideLayouts/slideLayout8.xml"/>
  <Override ContentType="application/vnd.openxmlformats-officedocument.presentationml.slideLayout+xml" PartName="/ppt/slideLayouts/slideLayout9.xml"/>
  <Override ContentType="application/vnd.openxmlformats-officedocument.presentationml.slideLayout+xml" PartName="/ppt/slideLayouts/slideLayout10.xml"/>
  <Override ContentType="application/vnd.openxmlformats-officedocument.presentationml.slideLayout+xml" PartName="/ppt/slideLayouts/slideLayout11.xml"/>
  <Override ContentType="application/vnd.openxmlformats-officedocument.presentationml.slideLayout+xml" PartName="/ppt/slideLayouts/slideLayout12.xml"/>
  <Override ContentType="application/vnd.openxmlformats-officedocument.presentationml.slideLayout+xml" PartName="/ppt/slideLayouts/slideLayout13.xml"/>
  <Override ContentType="application/vnd.openxmlformats-officedocument.presentationml.slideLayout+xml" PartName="/ppt/slideLayouts/slideLayout14.xml"/>
  <Override ContentType="application/vnd.openxmlformats-officedocument.presentationml.slideLayout+xml" PartName="/ppt/slideLayouts/slideLayout15.xml"/>
  <Override ContentType="application/vnd.openxmlformats-officedocument.presentationml.slideLayout+xml" PartName="/ppt/slideLayouts/slideLayout16.xml"/>
  <Override ContentType="application/vnd.openxmlformats-officedocument.presentationml.slideLayout+xml" PartName="/ppt/slideLayouts/slideLayout17.xml"/>
  <Override ContentType="application/vnd.openxmlformats-officedocument.presentationml.slideLayout+xml" PartName="/ppt/slideLayouts/slideLayout18.xml"/>
  <Override ContentType="application/vnd.openxmlformats-officedocument.presentationml.slideMaster+xml" PartName="/ppt/slideMasters/slideMaster1.xml"/>
  <Override ContentType="application/vnd.openxmlformats-officedocument.presentationml.slideMaster+xml" PartName="/ppt/slideMasters/slideMaster2.xml"/>
  <Override ContentType="application/vnd.openxmlformats-officedocument.presentationml.slide+xml" PartName="/ppt/slides/slide1.xml"/>
  <Override ContentType="application/vnd.openxmlformats-officedocument.presentationml.slide+xml" PartName="/ppt/slides/slide2.xml"/>
  <Override ContentType="application/vnd.openxmlformats-officedocument.presentationml.slide+xml" PartName="/ppt/slides/slide3.xml"/>
  <Override ContentType="application/vnd.openxmlformats-officedocument.presentationml.slide+xml" PartName="/ppt/slides/slide4.xml"/>
  <Override ContentType="application/vnd.openxmlformats-officedocument.presentationml.slide+xml" PartName="/ppt/slides/slide5.xml"/>
  <Override ContentType="application/vnd.openxmlformats-officedocument.presentationml.slide+xml" PartName="/ppt/slides/slide6.xml"/>
  <Override ContentType="application/vnd.openxmlformats-officedocument.presentationml.slide+xml" PartName="/ppt/slides/slide7.xml"/>
  <Override ContentType="application/vnd.openxmlformats-officedocument.presentationml.slide+xml" PartName="/ppt/slides/slide8.xml"/>
  <Override ContentType="application/vnd.openxmlformats-officedocument.presentationml.slide+xml" PartName="/ppt/slides/slide9.xml"/>
  <Override ContentType="application/vnd.openxmlformats-officedocument.presentationml.slide+xml" PartName="/ppt/slides/slide10.xml"/>
  <Override ContentType="application/vnd.openxmlformats-officedocument.presentationml.slide+xml" PartName="/ppt/slides/slide11.xml"/>
  <Override ContentType="application/vnd.openxmlformats-officedocument.presentationml.slide+xml" PartName="/ppt/slides/slide12.xml"/>
  <Override ContentType="application/vnd.openxmlformats-officedocument.presentationml.slide+xml" PartName="/ppt/slides/slide13.xml"/>
  <Override ContentType="application/vnd.openxmlformats-officedocument.presentationml.slide+xml" PartName="/ppt/slides/slide14.xml"/>
  <Override ContentType="application/vnd.openxmlformats-officedocument.presentationml.slide+xml" PartName="/ppt/slides/slide15.xml"/>
  <Override ContentType="application/vnd.openxmlformats-officedocument.presentationml.slide+xml" PartName="/ppt/slides/slide16.xml"/>
  <Override ContentType="application/vnd.openxmlformats-officedocument.presentationml.slide+xml" PartName="/ppt/slides/slide17.xml"/>
  <Override ContentType="application/vnd.openxmlformats-officedocument.presentationml.slide+xml" PartName="/ppt/slides/slide18.xml"/>
  <Override ContentType="application/vnd.openxmlformats-officedocument.presentationml.slide+xml" PartName="/ppt/slides/slide19.xml"/>
  <Override ContentType="application/vnd.openxmlformats-officedocument.presentationml.slide+xml" PartName="/ppt/slides/slide20.xml"/>
  <Override ContentType="application/vnd.openxmlformats-officedocument.presentationml.slide+xml" PartName="/ppt/slides/slide21.xml"/>
  <Override ContentType="application/vnd.openxmlformats-officedocument.presentationml.slide+xml" PartName="/ppt/slides/slide22.xml"/>
  <Override ContentType="application/vnd.openxmlformats-officedocument.presentationml.slide+xml" PartName="/ppt/slides/slide23.xml"/>
  <Override ContentType="application/vnd.openxmlformats-officedocument.presentationml.slide+xml" PartName="/ppt/slides/slide24.xml"/>
  <Override ContentType="application/vnd.openxmlformats-officedocument.presentationml.slide+xml" PartName="/ppt/slides/slide25.xml"/>
  <Override ContentType="application/vnd.openxmlformats-officedocument.presentationml.slide+xml" PartName="/ppt/slides/slide26.xml"/>
  <Override ContentType="application/vnd.openxmlformats-officedocument.presentationml.slide+xml" PartName="/ppt/slides/slide27.xml"/>
  <Override ContentType="application/vnd.openxmlformats-officedocument.presentationml.slide+xml" PartName="/ppt/slides/slide28.xml"/>
  <Override ContentType="application/vnd.openxmlformats-officedocument.presentationml.slide+xml" PartName="/ppt/slides/slide29.xml"/>
  <Override ContentType="application/vnd.openxmlformats-officedocument.presentationml.slide+xml" PartName="/ppt/slides/slide30.xml"/>
  <Override ContentType="application/vnd.openxmlformats-officedocument.presentationml.slide+xml" PartName="/ppt/slides/slide31.xml"/>
  <Override ContentType="application/vnd.openxmlformats-officedocument.presentationml.slide+xml" PartName="/ppt/slides/slide32.xml"/>
  <Override ContentType="application/vnd.openxmlformats-officedocument.presentationml.slide+xml" PartName="/ppt/slides/slide33.xml"/>
  <Override ContentType="application/vnd.openxmlformats-officedocument.presentationml.slide+xml" PartName="/ppt/slides/slide34.xml"/>
  <Override ContentType="application/vnd.openxmlformats-officedocument.presentationml.slide+xml" PartName="/ppt/slides/slide35.xml"/>
  <Override ContentType="application/vnd.openxmlformats-officedocument.presentationml.slide+xml" PartName="/ppt/slides/slide36.xml"/>
  <Override ContentType="application/vnd.openxmlformats-officedocument.presentationml.tableStyles+xml" PartName="/ppt/tableStyles.xml"/>
  <Override ContentType="application/vnd.openxmlformats-officedocument.presentationml.tags+xml" PartName="/ppt/tags/tag1.xml"/>
  <Override ContentType="application/vnd.openxmlformats-officedocument.theme+xml" PartName="/ppt/theme/theme1.xml"/>
  <Override ContentType="application/vnd.openxmlformats-officedocument.theme+xml" PartName="/ppt/theme/theme2.xml"/>
  <Override ContentType="application/vnd.openxmlformats-officedocument.theme+xml" PartName="/ppt/theme/theme3.xml"/>
  <Override ContentType="application/vnd.openxmlformats-officedocument.presentationml.viewProps+xml" PartName="/ppt/viewProps.xml"/>
</Types>
</file>

<file path=_rels/.rels><?xml version="1.0" encoding="UTF-8" standalone="yes"?><Relationships xmlns="http://schemas.openxmlformats.org/package/2006/relationships"><Relationship Id="rId1" Target="ppt/presentation.xml" Type="http://schemas.openxmlformats.org/officeDocument/2006/relationships/officeDocument"/><Relationship Id="rId2" Target="docProps/core.xml" Type="http://schemas.openxmlformats.org/package/2006/relationships/metadata/core-properties"/><Relationship Id="rId3" Target="docProps/app.xml" Type="http://schemas.openxmlformats.org/officeDocument/2006/relationships/extended-properties"/><Relationship Id="rId4" Target="docProps/thumbnail.jpeg" Type="http://schemas.openxmlformats.org/package/2006/relationships/metadata/thumbnail"/></Relationships>
</file>

<file path=ppt/presentation.xml><?xml version="1.0" encoding="utf-8"?>
<p:presentation xmlns:r="http://schemas.openxmlformats.org/officeDocument/2006/relationships" xmlns:a="http://schemas.openxmlformats.org/drawingml/2006/main" xmlns:p="http://schemas.openxmlformats.org/presentationml/2006/main" saveSubsetFonts="1">
  <p:sldMasterIdLst>
    <p:sldMasterId id="2147483648" r:id="rId1"/>
    <p:sldMasterId id="2147483656" r:id="rId2"/>
  </p:sldMasterIdLst>
  <p:notesMasterIdLst>
    <p:notesMasterId r:id="rId3"/>
  </p:notesMasterIdLst>
  <p:sldIdLst>
    <p:sldId id="256" r:id="rId4"/>
    <p:sldId id="267" r:id="rId5"/>
    <p:sldId id="259" r:id="rId6"/>
    <p:sldId id="292" r:id="rId7"/>
    <p:sldId id="283" r:id="rId8"/>
    <p:sldId id="261" r:id="rId9"/>
    <p:sldId id="262" r:id="rId10"/>
    <p:sldId id="263" r:id="rId11"/>
    <p:sldId id="264" r:id="rId12"/>
    <p:sldId id="273" r:id="rId13"/>
    <p:sldId id="266" r:id="rId14"/>
    <p:sldId id="269" r:id="rId15"/>
    <p:sldId id="270" r:id="rId16"/>
    <p:sldId id="271" r:id="rId17"/>
    <p:sldId id="272" r:id="rId18"/>
    <p:sldId id="274" r:id="rId19"/>
    <p:sldId id="275" r:id="rId20"/>
    <p:sldId id="276" r:id="rId21"/>
    <p:sldId id="277" r:id="rId22"/>
    <p:sldId id="278" r:id="rId23"/>
    <p:sldId id="279" r:id="rId24"/>
    <p:sldId id="280" r:id="rId25"/>
    <p:sldId id="281" r:id="rId26"/>
    <p:sldId id="282" r:id="rId27"/>
    <p:sldId id="284" r:id="rId28"/>
    <p:sldId id="285" r:id="rId29"/>
    <p:sldId id="268" r:id="rId30"/>
    <p:sldId id="287" r:id="rId31"/>
    <p:sldId id="293" r:id="rId32"/>
    <p:sldId id="290" r:id="rId33"/>
    <p:sldId id="286" r:id="rId34"/>
    <p:sldId id="291" r:id="rId35"/>
    <p:sldId id="288" r:id="rId36"/>
    <p:sldId id="289" r:id="rId37"/>
    <p:sldId id="265" r:id="rId38"/>
    <p:sldId id="294" r:id="rId39"/>
  </p:sldIdLst>
  <p:sldSz cx="10160000" cy="5715000"/>
  <p:notesSz cx="6858000" cy="9144000"/>
  <p:custDataLst>
    <p:tags r:id="rId40"/>
  </p:custDataLst>
  <p:defaultText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85" userDrawn="1">
          <p15:clr>
            <a:srgbClr val="A4A3A4"/>
          </p15:clr>
        </p15:guide>
        <p15:guide id="2" pos="378" userDrawn="1">
          <p15:clr>
            <a:srgbClr val="A4A3A4"/>
          </p15:clr>
        </p15:guide>
        <p15:guide id="3" pos="6072" userDrawn="1">
          <p15:clr>
            <a:srgbClr val="A4A3A4"/>
          </p15:clr>
        </p15:guide>
      </p15:sldGuideLst>
    </p:ext>
  </p:extLst>
</p:presentation>
</file>

<file path=ppt/presProps.xml><?xml version="1.0" encoding="utf-8"?>
<p:presentationPr xmlns:r="http://schemas.openxmlformats.org/officeDocument/2006/relationships" xmlns:a="http://schemas.openxmlformats.org/drawingml/2006/main"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 uri="{1BD7E111-0CB8-44D6-8891-C1BB2F81B7CC}">
      <p1710:readonlyRecommended xmlns:p1710="http://schemas.microsoft.com/office/powerpoint/2017/10/main" val="0"/>
    </p:ext>
  </p:extLst>
</p:presentationPr>
</file>

<file path=ppt/tableStyles.xml><?xml version="1.0" encoding="utf-8"?>
<a:tblStyleLst xmlns:r="http://schemas.openxmlformats.org/officeDocument/2006/relationships"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093" autoAdjust="0"/>
    <p:restoredTop sz="94660"/>
  </p:normalViewPr>
  <p:slideViewPr>
    <p:cSldViewPr>
      <p:cViewPr varScale="1">
        <p:scale>
          <a:sx n="100" d="100"/>
          <a:sy n="100" d="100"/>
        </p:scale>
        <p:origin x="402" y="78"/>
      </p:cViewPr>
      <p:guideLst>
        <p:guide orient="horz" pos="485"/>
        <p:guide pos="378"/>
        <p:guide pos="6072"/>
      </p:guideLst>
    </p:cSldViewPr>
  </p:slideViewPr>
  <p:notesTextViewPr>
    <p:cViewPr>
      <p:scale>
        <a:sx n="100" d="100"/>
        <a:sy n="100" d="100"/>
      </p:scale>
      <p:origin x="0" y="0"/>
    </p:cViewPr>
  </p:notesTextViewPr>
  <p:sorterViewPr>
    <p:cViewPr>
      <p:scale>
        <a:sx n="66" d="100"/>
        <a:sy n="66" d="100"/>
      </p:scale>
      <p:origin x="0" y="36"/>
    </p:cViewPr>
  </p:sorterViewPr>
  <p:notesViewPr>
    <p:cSldViewPr>
      <p:cViewPr>
        <p:scale>
          <a:sx n="1" d="100"/>
          <a:sy n="1" d="100"/>
        </p:scale>
        <p:origin x="0" y="0"/>
      </p:cViewPr>
    </p:cSldViewPr>
  </p:notesViewPr>
  <p:gridSpacing cx="72008" cy="72008"/>
</p:viewPr>
</file>

<file path=ppt/_rels/presentation.xml.rels><?xml version="1.0" encoding="UTF-8" standalone="yes"?><Relationships xmlns="http://schemas.openxmlformats.org/package/2006/relationships"><Relationship Id="rId1" Target="slideMasters/slideMaster1.xml" Type="http://schemas.openxmlformats.org/officeDocument/2006/relationships/slideMaster"/><Relationship Id="rId10" Target="slides/slide7.xml" Type="http://schemas.openxmlformats.org/officeDocument/2006/relationships/slide"/><Relationship Id="rId11" Target="slides/slide8.xml" Type="http://schemas.openxmlformats.org/officeDocument/2006/relationships/slide"/><Relationship Id="rId12" Target="slides/slide9.xml" Type="http://schemas.openxmlformats.org/officeDocument/2006/relationships/slide"/><Relationship Id="rId13" Target="slides/slide10.xml" Type="http://schemas.openxmlformats.org/officeDocument/2006/relationships/slide"/><Relationship Id="rId14" Target="slides/slide11.xml" Type="http://schemas.openxmlformats.org/officeDocument/2006/relationships/slide"/><Relationship Id="rId15" Target="slides/slide12.xml" Type="http://schemas.openxmlformats.org/officeDocument/2006/relationships/slide"/><Relationship Id="rId16" Target="slides/slide13.xml" Type="http://schemas.openxmlformats.org/officeDocument/2006/relationships/slide"/><Relationship Id="rId17" Target="slides/slide14.xml" Type="http://schemas.openxmlformats.org/officeDocument/2006/relationships/slide"/><Relationship Id="rId18" Target="slides/slide15.xml" Type="http://schemas.openxmlformats.org/officeDocument/2006/relationships/slide"/><Relationship Id="rId19" Target="slides/slide16.xml" Type="http://schemas.openxmlformats.org/officeDocument/2006/relationships/slide"/><Relationship Id="rId2" Target="slideMasters/slideMaster2.xml" Type="http://schemas.openxmlformats.org/officeDocument/2006/relationships/slideMaster"/><Relationship Id="rId20" Target="slides/slide17.xml" Type="http://schemas.openxmlformats.org/officeDocument/2006/relationships/slide"/><Relationship Id="rId21" Target="slides/slide18.xml" Type="http://schemas.openxmlformats.org/officeDocument/2006/relationships/slide"/><Relationship Id="rId22" Target="slides/slide19.xml" Type="http://schemas.openxmlformats.org/officeDocument/2006/relationships/slide"/><Relationship Id="rId23" Target="slides/slide20.xml" Type="http://schemas.openxmlformats.org/officeDocument/2006/relationships/slide"/><Relationship Id="rId24" Target="slides/slide21.xml" Type="http://schemas.openxmlformats.org/officeDocument/2006/relationships/slide"/><Relationship Id="rId25" Target="slides/slide22.xml" Type="http://schemas.openxmlformats.org/officeDocument/2006/relationships/slide"/><Relationship Id="rId26" Target="slides/slide23.xml" Type="http://schemas.openxmlformats.org/officeDocument/2006/relationships/slide"/><Relationship Id="rId27" Target="slides/slide24.xml" Type="http://schemas.openxmlformats.org/officeDocument/2006/relationships/slide"/><Relationship Id="rId28" Target="slides/slide25.xml" Type="http://schemas.openxmlformats.org/officeDocument/2006/relationships/slide"/><Relationship Id="rId29" Target="slides/slide26.xml" Type="http://schemas.openxmlformats.org/officeDocument/2006/relationships/slide"/><Relationship Id="rId3" Target="notesMasters/notesMaster1.xml" Type="http://schemas.openxmlformats.org/officeDocument/2006/relationships/notesMaster"/><Relationship Id="rId30" Target="slides/slide27.xml" Type="http://schemas.openxmlformats.org/officeDocument/2006/relationships/slide"/><Relationship Id="rId31" Target="slides/slide28.xml" Type="http://schemas.openxmlformats.org/officeDocument/2006/relationships/slide"/><Relationship Id="rId32" Target="slides/slide29.xml" Type="http://schemas.openxmlformats.org/officeDocument/2006/relationships/slide"/><Relationship Id="rId33" Target="slides/slide30.xml" Type="http://schemas.openxmlformats.org/officeDocument/2006/relationships/slide"/><Relationship Id="rId34" Target="slides/slide31.xml" Type="http://schemas.openxmlformats.org/officeDocument/2006/relationships/slide"/><Relationship Id="rId35" Target="slides/slide32.xml" Type="http://schemas.openxmlformats.org/officeDocument/2006/relationships/slide"/><Relationship Id="rId36" Target="slides/slide33.xml" Type="http://schemas.openxmlformats.org/officeDocument/2006/relationships/slide"/><Relationship Id="rId37" Target="slides/slide34.xml" Type="http://schemas.openxmlformats.org/officeDocument/2006/relationships/slide"/><Relationship Id="rId38" Target="slides/slide35.xml" Type="http://schemas.openxmlformats.org/officeDocument/2006/relationships/slide"/><Relationship Id="rId39" Target="slides/slide36.xml" Type="http://schemas.openxmlformats.org/officeDocument/2006/relationships/slide"/><Relationship Id="rId4" Target="slides/slide1.xml" Type="http://schemas.openxmlformats.org/officeDocument/2006/relationships/slide"/><Relationship Id="rId40" Target="tags/tag1.xml" Type="http://schemas.openxmlformats.org/officeDocument/2006/relationships/tags"/><Relationship Id="rId41" Target="presProps.xml" Type="http://schemas.openxmlformats.org/officeDocument/2006/relationships/presProps"/><Relationship Id="rId42" Target="viewProps.xml" Type="http://schemas.openxmlformats.org/officeDocument/2006/relationships/viewProps"/><Relationship Id="rId43" Target="theme/theme1.xml" Type="http://schemas.openxmlformats.org/officeDocument/2006/relationships/theme"/><Relationship Id="rId44" Target="tableStyles.xml" Type="http://schemas.openxmlformats.org/officeDocument/2006/relationships/tableStyles"/><Relationship Id="rId5" Target="slides/slide2.xml" Type="http://schemas.openxmlformats.org/officeDocument/2006/relationships/slide"/><Relationship Id="rId6" Target="slides/slide3.xml" Type="http://schemas.openxmlformats.org/officeDocument/2006/relationships/slide"/><Relationship Id="rId7" Target="slides/slide4.xml" Type="http://schemas.openxmlformats.org/officeDocument/2006/relationships/slide"/><Relationship Id="rId8" Target="slides/slide5.xml" Type="http://schemas.openxmlformats.org/officeDocument/2006/relationships/slide"/><Relationship Id="rId9" Target="slides/slide6.xml" Type="http://schemas.openxmlformats.org/officeDocument/2006/relationships/slide"/></Relationships>
</file>

<file path=ppt/notesMasters/_rels/notesMaster1.xml.rels><?xml version="1.0" encoding="UTF-8" standalone="yes"?><Relationships xmlns="http://schemas.openxmlformats.org/package/2006/relationships"><Relationship Id="rId1" Target="../theme/theme3.xml" Type="http://schemas.openxmlformats.org/officeDocument/2006/relationships/theme"/></Relationships>
</file>

<file path=ppt/notesMasters/notesMaster1.xml><?xml version="1.0" encoding="utf-8"?>
<p:notesMaster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bg>
      <p:bgRef idx="1001">
        <a:schemeClr val="bg1"/>
      </p:bgRef>
    </p:bg>
    <p:spTree>
      <p:nvGrpSpPr>
        <p:cNvPr id="1" name=""/>
        <p:cNvGrpSpPr/>
        <p:nvPr/>
      </p:nvGrpSpPr>
      <p:grpSpPr>
        <a:xfrm>
          <a:off x="0" y="0"/>
          <a:ext cx="0" cy="0"/>
        </a:xfrm>
      </p:grpSpPr>
      <p:sp>
        <p:nvSpPr>
          <p:cNvPr id="2" name="页眉占位符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zh-CN" altLang="en-US"/>
          </a:p>
        </p:txBody>
      </p:sp>
      <p:sp>
        <p:nvSpPr>
          <p:cNvPr id="3" name="日期占位符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C0BC8D4D-18A8-4783-9980-071F97A9C1D9}" type="datetimeFigureOut">
              <a:rPr lang="zh-CN" altLang="en-US" smtClean="0"/>
              <a:t>2018/5/24</a:t>
            </a:fld>
            <a:endParaRPr lang="zh-CN" altLang="en-US"/>
          </a:p>
        </p:txBody>
      </p:sp>
      <p:sp>
        <p:nvSpPr>
          <p:cNvPr id="4" name="幻灯片图像占位符 3"/>
          <p:cNvSpPr>
            <a:spLocks noGrp="1" noRot="1" noChangeAspect="1"/>
          </p:cNvSpPr>
          <p:nvPr>
            <p:ph type="sldImg" idx="2"/>
          </p:nvPr>
        </p:nvSpPr>
        <p:spPr>
          <a:xfrm>
            <a:off x="381000" y="685800"/>
            <a:ext cx="6096000" cy="3429000"/>
          </a:xfrm>
          <a:prstGeom prst="rect">
            <a:avLst/>
          </a:prstGeom>
          <a:noFill/>
          <a:ln w="12700">
            <a:solidFill>
              <a:prstClr val="black"/>
            </a:solidFill>
          </a:ln>
        </p:spPr>
      </p:sp>
      <p:sp>
        <p:nvSpPr>
          <p:cNvPr id="5" name="备注占位符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zh-CN" altLang="en-US"/>
          </a:p>
        </p:txBody>
      </p:sp>
      <p:sp>
        <p:nvSpPr>
          <p:cNvPr id="6" name="页脚占位符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zh-CN" altLang="en-US"/>
          </a:p>
        </p:txBody>
      </p:sp>
      <p:sp>
        <p:nvSpPr>
          <p:cNvPr id="7" name="灯片编号占位符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6848DDA5-EEBD-40D0-8E5D-6624D3EF6800}" type="slidenum">
              <a:rPr lang="zh-CN" altLang="en-US" smtClean="0"/>
              <a:t>‹#›</a:t>
            </a:fld>
            <a:endParaRPr lang="zh-CN" altLang="en-US"/>
          </a:p>
        </p:txBody>
      </p:sp>
    </p:spTree>
    <p:extLst>
      <p:ext uri="{BB962C8B-B14F-4D97-AF65-F5344CB8AC3E}">
        <p14:creationId val="320725325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Relationships xmlns="http://schemas.openxmlformats.org/package/2006/relationships"><Relationship Id="rId1" Target="../slides/slide1.xml" Type="http://schemas.openxmlformats.org/officeDocument/2006/relationships/slide"/><Relationship Id="rId2" Target="../notesMasters/notesMaster1.xml" Type="http://schemas.openxmlformats.org/officeDocument/2006/relationships/notesMaster"/></Relationships>
</file>

<file path=ppt/notesSlides/_rels/notesSlide10.xml.rels><?xml version="1.0" encoding="UTF-8" standalone="yes"?><Relationships xmlns="http://schemas.openxmlformats.org/package/2006/relationships"><Relationship Id="rId1" Target="../slides/slide10.xml" Type="http://schemas.openxmlformats.org/officeDocument/2006/relationships/slide"/><Relationship Id="rId2" Target="../notesMasters/notesMaster1.xml" Type="http://schemas.openxmlformats.org/officeDocument/2006/relationships/notesMaster"/></Relationships>
</file>

<file path=ppt/notesSlides/_rels/notesSlide11.xml.rels><?xml version="1.0" encoding="UTF-8" standalone="yes"?><Relationships xmlns="http://schemas.openxmlformats.org/package/2006/relationships"><Relationship Id="rId1" Target="../slides/slide11.xml" Type="http://schemas.openxmlformats.org/officeDocument/2006/relationships/slide"/><Relationship Id="rId2" Target="../notesMasters/notesMaster1.xml" Type="http://schemas.openxmlformats.org/officeDocument/2006/relationships/notesMaster"/></Relationships>
</file>

<file path=ppt/notesSlides/_rels/notesSlide12.xml.rels><?xml version="1.0" encoding="UTF-8" standalone="yes"?><Relationships xmlns="http://schemas.openxmlformats.org/package/2006/relationships"><Relationship Id="rId1" Target="../slides/slide12.xml" Type="http://schemas.openxmlformats.org/officeDocument/2006/relationships/slide"/><Relationship Id="rId2" Target="../notesMasters/notesMaster1.xml" Type="http://schemas.openxmlformats.org/officeDocument/2006/relationships/notesMaster"/></Relationships>
</file>

<file path=ppt/notesSlides/_rels/notesSlide13.xml.rels><?xml version="1.0" encoding="UTF-8" standalone="yes"?><Relationships xmlns="http://schemas.openxmlformats.org/package/2006/relationships"><Relationship Id="rId1" Target="../slides/slide13.xml" Type="http://schemas.openxmlformats.org/officeDocument/2006/relationships/slide"/><Relationship Id="rId2" Target="../notesMasters/notesMaster1.xml" Type="http://schemas.openxmlformats.org/officeDocument/2006/relationships/notesMaster"/></Relationships>
</file>

<file path=ppt/notesSlides/_rels/notesSlide14.xml.rels><?xml version="1.0" encoding="UTF-8" standalone="yes"?><Relationships xmlns="http://schemas.openxmlformats.org/package/2006/relationships"><Relationship Id="rId1" Target="../slides/slide14.xml" Type="http://schemas.openxmlformats.org/officeDocument/2006/relationships/slide"/><Relationship Id="rId2" Target="../notesMasters/notesMaster1.xml" Type="http://schemas.openxmlformats.org/officeDocument/2006/relationships/notesMaster"/></Relationships>
</file>

<file path=ppt/notesSlides/_rels/notesSlide15.xml.rels><?xml version="1.0" encoding="UTF-8" standalone="yes"?><Relationships xmlns="http://schemas.openxmlformats.org/package/2006/relationships"><Relationship Id="rId1" Target="../slides/slide15.xml" Type="http://schemas.openxmlformats.org/officeDocument/2006/relationships/slide"/><Relationship Id="rId2" Target="../notesMasters/notesMaster1.xml" Type="http://schemas.openxmlformats.org/officeDocument/2006/relationships/notesMaster"/></Relationships>
</file>

<file path=ppt/notesSlides/_rels/notesSlide16.xml.rels><?xml version="1.0" encoding="UTF-8" standalone="yes"?><Relationships xmlns="http://schemas.openxmlformats.org/package/2006/relationships"><Relationship Id="rId1" Target="../slides/slide16.xml" Type="http://schemas.openxmlformats.org/officeDocument/2006/relationships/slide"/><Relationship Id="rId2" Target="../notesMasters/notesMaster1.xml" Type="http://schemas.openxmlformats.org/officeDocument/2006/relationships/notesMaster"/></Relationships>
</file>

<file path=ppt/notesSlides/_rels/notesSlide17.xml.rels><?xml version="1.0" encoding="UTF-8" standalone="yes"?><Relationships xmlns="http://schemas.openxmlformats.org/package/2006/relationships"><Relationship Id="rId1" Target="../slides/slide17.xml" Type="http://schemas.openxmlformats.org/officeDocument/2006/relationships/slide"/><Relationship Id="rId2" Target="../notesMasters/notesMaster1.xml" Type="http://schemas.openxmlformats.org/officeDocument/2006/relationships/notesMaster"/></Relationships>
</file>

<file path=ppt/notesSlides/_rels/notesSlide18.xml.rels><?xml version="1.0" encoding="UTF-8" standalone="yes"?><Relationships xmlns="http://schemas.openxmlformats.org/package/2006/relationships"><Relationship Id="rId1" Target="../slides/slide18.xml" Type="http://schemas.openxmlformats.org/officeDocument/2006/relationships/slide"/><Relationship Id="rId2" Target="../notesMasters/notesMaster1.xml" Type="http://schemas.openxmlformats.org/officeDocument/2006/relationships/notesMaster"/></Relationships>
</file>

<file path=ppt/notesSlides/_rels/notesSlide19.xml.rels><?xml version="1.0" encoding="UTF-8" standalone="yes"?><Relationships xmlns="http://schemas.openxmlformats.org/package/2006/relationships"><Relationship Id="rId1" Target="../slides/slide19.xml" Type="http://schemas.openxmlformats.org/officeDocument/2006/relationships/slide"/><Relationship Id="rId2" Target="../notesMasters/notesMaster1.xml" Type="http://schemas.openxmlformats.org/officeDocument/2006/relationships/notesMaster"/></Relationships>
</file>

<file path=ppt/notesSlides/_rels/notesSlide2.xml.rels><?xml version="1.0" encoding="UTF-8" standalone="yes"?><Relationships xmlns="http://schemas.openxmlformats.org/package/2006/relationships"><Relationship Id="rId1" Target="../slides/slide2.xml" Type="http://schemas.openxmlformats.org/officeDocument/2006/relationships/slide"/><Relationship Id="rId2" Target="../notesMasters/notesMaster1.xml" Type="http://schemas.openxmlformats.org/officeDocument/2006/relationships/notesMaster"/></Relationships>
</file>

<file path=ppt/notesSlides/_rels/notesSlide20.xml.rels><?xml version="1.0" encoding="UTF-8" standalone="yes"?><Relationships xmlns="http://schemas.openxmlformats.org/package/2006/relationships"><Relationship Id="rId1" Target="../slides/slide20.xml" Type="http://schemas.openxmlformats.org/officeDocument/2006/relationships/slide"/><Relationship Id="rId2" Target="../notesMasters/notesMaster1.xml" Type="http://schemas.openxmlformats.org/officeDocument/2006/relationships/notesMaster"/></Relationships>
</file>

<file path=ppt/notesSlides/_rels/notesSlide21.xml.rels><?xml version="1.0" encoding="UTF-8" standalone="yes"?><Relationships xmlns="http://schemas.openxmlformats.org/package/2006/relationships"><Relationship Id="rId1" Target="../slides/slide21.xml" Type="http://schemas.openxmlformats.org/officeDocument/2006/relationships/slide"/><Relationship Id="rId2" Target="../notesMasters/notesMaster1.xml" Type="http://schemas.openxmlformats.org/officeDocument/2006/relationships/notesMaster"/></Relationships>
</file>

<file path=ppt/notesSlides/_rels/notesSlide22.xml.rels><?xml version="1.0" encoding="UTF-8" standalone="yes"?><Relationships xmlns="http://schemas.openxmlformats.org/package/2006/relationships"><Relationship Id="rId1" Target="../slides/slide22.xml" Type="http://schemas.openxmlformats.org/officeDocument/2006/relationships/slide"/><Relationship Id="rId2" Target="../notesMasters/notesMaster1.xml" Type="http://schemas.openxmlformats.org/officeDocument/2006/relationships/notesMaster"/></Relationships>
</file>

<file path=ppt/notesSlides/_rels/notesSlide23.xml.rels><?xml version="1.0" encoding="UTF-8" standalone="yes"?><Relationships xmlns="http://schemas.openxmlformats.org/package/2006/relationships"><Relationship Id="rId1" Target="../slides/slide23.xml" Type="http://schemas.openxmlformats.org/officeDocument/2006/relationships/slide"/><Relationship Id="rId2" Target="../notesMasters/notesMaster1.xml" Type="http://schemas.openxmlformats.org/officeDocument/2006/relationships/notesMaster"/></Relationships>
</file>

<file path=ppt/notesSlides/_rels/notesSlide24.xml.rels><?xml version="1.0" encoding="UTF-8" standalone="yes"?><Relationships xmlns="http://schemas.openxmlformats.org/package/2006/relationships"><Relationship Id="rId1" Target="../slides/slide24.xml" Type="http://schemas.openxmlformats.org/officeDocument/2006/relationships/slide"/><Relationship Id="rId2" Target="../notesMasters/notesMaster1.xml" Type="http://schemas.openxmlformats.org/officeDocument/2006/relationships/notesMaster"/></Relationships>
</file>

<file path=ppt/notesSlides/_rels/notesSlide25.xml.rels><?xml version="1.0" encoding="UTF-8" standalone="yes"?><Relationships xmlns="http://schemas.openxmlformats.org/package/2006/relationships"><Relationship Id="rId1" Target="../slides/slide25.xml" Type="http://schemas.openxmlformats.org/officeDocument/2006/relationships/slide"/><Relationship Id="rId2" Target="../notesMasters/notesMaster1.xml" Type="http://schemas.openxmlformats.org/officeDocument/2006/relationships/notesMaster"/></Relationships>
</file>

<file path=ppt/notesSlides/_rels/notesSlide26.xml.rels><?xml version="1.0" encoding="UTF-8" standalone="yes"?><Relationships xmlns="http://schemas.openxmlformats.org/package/2006/relationships"><Relationship Id="rId1" Target="../slides/slide26.xml" Type="http://schemas.openxmlformats.org/officeDocument/2006/relationships/slide"/><Relationship Id="rId2" Target="../notesMasters/notesMaster1.xml" Type="http://schemas.openxmlformats.org/officeDocument/2006/relationships/notesMaster"/></Relationships>
</file>

<file path=ppt/notesSlides/_rels/notesSlide27.xml.rels><?xml version="1.0" encoding="UTF-8" standalone="yes"?><Relationships xmlns="http://schemas.openxmlformats.org/package/2006/relationships"><Relationship Id="rId1" Target="../slides/slide27.xml" Type="http://schemas.openxmlformats.org/officeDocument/2006/relationships/slide"/><Relationship Id="rId2" Target="../notesMasters/notesMaster1.xml" Type="http://schemas.openxmlformats.org/officeDocument/2006/relationships/notesMaster"/></Relationships>
</file>

<file path=ppt/notesSlides/_rels/notesSlide28.xml.rels><?xml version="1.0" encoding="UTF-8" standalone="yes"?><Relationships xmlns="http://schemas.openxmlformats.org/package/2006/relationships"><Relationship Id="rId1" Target="../slides/slide28.xml" Type="http://schemas.openxmlformats.org/officeDocument/2006/relationships/slide"/><Relationship Id="rId2" Target="../notesMasters/notesMaster1.xml" Type="http://schemas.openxmlformats.org/officeDocument/2006/relationships/notesMaster"/></Relationships>
</file>

<file path=ppt/notesSlides/_rels/notesSlide29.xml.rels><?xml version="1.0" encoding="UTF-8" standalone="yes"?><Relationships xmlns="http://schemas.openxmlformats.org/package/2006/relationships"><Relationship Id="rId1" Target="../slides/slide29.xml" Type="http://schemas.openxmlformats.org/officeDocument/2006/relationships/slide"/><Relationship Id="rId2" Target="../notesMasters/notesMaster1.xml" Type="http://schemas.openxmlformats.org/officeDocument/2006/relationships/notesMaster"/></Relationships>
</file>

<file path=ppt/notesSlides/_rels/notesSlide3.xml.rels><?xml version="1.0" encoding="UTF-8" standalone="yes"?><Relationships xmlns="http://schemas.openxmlformats.org/package/2006/relationships"><Relationship Id="rId1" Target="../slides/slide3.xml" Type="http://schemas.openxmlformats.org/officeDocument/2006/relationships/slide"/><Relationship Id="rId2" Target="../notesMasters/notesMaster1.xml" Type="http://schemas.openxmlformats.org/officeDocument/2006/relationships/notesMaster"/></Relationships>
</file>

<file path=ppt/notesSlides/_rels/notesSlide30.xml.rels><?xml version="1.0" encoding="UTF-8" standalone="yes"?><Relationships xmlns="http://schemas.openxmlformats.org/package/2006/relationships"><Relationship Id="rId1" Target="../slides/slide30.xml" Type="http://schemas.openxmlformats.org/officeDocument/2006/relationships/slide"/><Relationship Id="rId2" Target="../notesMasters/notesMaster1.xml" Type="http://schemas.openxmlformats.org/officeDocument/2006/relationships/notesMaster"/></Relationships>
</file>

<file path=ppt/notesSlides/_rels/notesSlide31.xml.rels><?xml version="1.0" encoding="UTF-8" standalone="yes"?><Relationships xmlns="http://schemas.openxmlformats.org/package/2006/relationships"><Relationship Id="rId1" Target="../slides/slide31.xml" Type="http://schemas.openxmlformats.org/officeDocument/2006/relationships/slide"/><Relationship Id="rId2" Target="../notesMasters/notesMaster1.xml" Type="http://schemas.openxmlformats.org/officeDocument/2006/relationships/notesMaster"/></Relationships>
</file>

<file path=ppt/notesSlides/_rels/notesSlide32.xml.rels><?xml version="1.0" encoding="UTF-8" standalone="yes"?><Relationships xmlns="http://schemas.openxmlformats.org/package/2006/relationships"><Relationship Id="rId1" Target="../slides/slide32.xml" Type="http://schemas.openxmlformats.org/officeDocument/2006/relationships/slide"/><Relationship Id="rId2" Target="../notesMasters/notesMaster1.xml" Type="http://schemas.openxmlformats.org/officeDocument/2006/relationships/notesMaster"/></Relationships>
</file>

<file path=ppt/notesSlides/_rels/notesSlide33.xml.rels><?xml version="1.0" encoding="UTF-8" standalone="yes"?><Relationships xmlns="http://schemas.openxmlformats.org/package/2006/relationships"><Relationship Id="rId1" Target="../slides/slide33.xml" Type="http://schemas.openxmlformats.org/officeDocument/2006/relationships/slide"/><Relationship Id="rId2" Target="../notesMasters/notesMaster1.xml" Type="http://schemas.openxmlformats.org/officeDocument/2006/relationships/notesMaster"/></Relationships>
</file>

<file path=ppt/notesSlides/_rels/notesSlide34.xml.rels><?xml version="1.0" encoding="UTF-8" standalone="yes"?><Relationships xmlns="http://schemas.openxmlformats.org/package/2006/relationships"><Relationship Id="rId1" Target="../slides/slide34.xml" Type="http://schemas.openxmlformats.org/officeDocument/2006/relationships/slide"/><Relationship Id="rId2" Target="../notesMasters/notesMaster1.xml" Type="http://schemas.openxmlformats.org/officeDocument/2006/relationships/notesMaster"/></Relationships>
</file>

<file path=ppt/notesSlides/_rels/notesSlide35.xml.rels><?xml version="1.0" encoding="UTF-8" standalone="yes"?><Relationships xmlns="http://schemas.openxmlformats.org/package/2006/relationships"><Relationship Id="rId1" Target="../slides/slide35.xml" Type="http://schemas.openxmlformats.org/officeDocument/2006/relationships/slide"/><Relationship Id="rId2" Target="../notesMasters/notesMaster1.xml" Type="http://schemas.openxmlformats.org/officeDocument/2006/relationships/notesMaster"/></Relationships>
</file>

<file path=ppt/notesSlides/_rels/notesSlide36.xml.rels><?xml version="1.0" encoding="UTF-8" standalone="yes"?><Relationships xmlns="http://schemas.openxmlformats.org/package/2006/relationships"><Relationship Id="rId1" Target="../slides/slide36.xml" Type="http://schemas.openxmlformats.org/officeDocument/2006/relationships/slide"/><Relationship Id="rId2" Target="../notesMasters/notesMaster1.xml" Type="http://schemas.openxmlformats.org/officeDocument/2006/relationships/notesMaster"/></Relationships>
</file>

<file path=ppt/notesSlides/_rels/notesSlide4.xml.rels><?xml version="1.0" encoding="UTF-8" standalone="yes"?><Relationships xmlns="http://schemas.openxmlformats.org/package/2006/relationships"><Relationship Id="rId1" Target="../slides/slide4.xml" Type="http://schemas.openxmlformats.org/officeDocument/2006/relationships/slide"/><Relationship Id="rId2" Target="../notesMasters/notesMaster1.xml" Type="http://schemas.openxmlformats.org/officeDocument/2006/relationships/notesMaster"/></Relationships>
</file>

<file path=ppt/notesSlides/_rels/notesSlide5.xml.rels><?xml version="1.0" encoding="UTF-8" standalone="yes"?><Relationships xmlns="http://schemas.openxmlformats.org/package/2006/relationships"><Relationship Id="rId1" Target="../slides/slide5.xml" Type="http://schemas.openxmlformats.org/officeDocument/2006/relationships/slide"/><Relationship Id="rId2" Target="../notesMasters/notesMaster1.xml" Type="http://schemas.openxmlformats.org/officeDocument/2006/relationships/notesMaster"/></Relationships>
</file>

<file path=ppt/notesSlides/_rels/notesSlide6.xml.rels><?xml version="1.0" encoding="UTF-8" standalone="yes"?><Relationships xmlns="http://schemas.openxmlformats.org/package/2006/relationships"><Relationship Id="rId1" Target="../slides/slide6.xml" Type="http://schemas.openxmlformats.org/officeDocument/2006/relationships/slide"/><Relationship Id="rId2" Target="../notesMasters/notesMaster1.xml" Type="http://schemas.openxmlformats.org/officeDocument/2006/relationships/notesMaster"/></Relationships>
</file>

<file path=ppt/notesSlides/_rels/notesSlide7.xml.rels><?xml version="1.0" encoding="UTF-8" standalone="yes"?><Relationships xmlns="http://schemas.openxmlformats.org/package/2006/relationships"><Relationship Id="rId1" Target="../slides/slide7.xml" Type="http://schemas.openxmlformats.org/officeDocument/2006/relationships/slide"/><Relationship Id="rId2" Target="../notesMasters/notesMaster1.xml" Type="http://schemas.openxmlformats.org/officeDocument/2006/relationships/notesMaster"/></Relationships>
</file>

<file path=ppt/notesSlides/_rels/notesSlide8.xml.rels><?xml version="1.0" encoding="UTF-8" standalone="yes"?><Relationships xmlns="http://schemas.openxmlformats.org/package/2006/relationships"><Relationship Id="rId1" Target="../slides/slide8.xml" Type="http://schemas.openxmlformats.org/officeDocument/2006/relationships/slide"/><Relationship Id="rId2" Target="../notesMasters/notesMaster1.xml" Type="http://schemas.openxmlformats.org/officeDocument/2006/relationships/notesMaster"/></Relationships>
</file>

<file path=ppt/notesSlides/_rels/notesSlide9.xml.rels><?xml version="1.0" encoding="UTF-8" standalone="yes"?><Relationships xmlns="http://schemas.openxmlformats.org/package/2006/relationships"><Relationship Id="rId1" Target="../slides/slide9.xml" Type="http://schemas.openxmlformats.org/officeDocument/2006/relationships/slide"/><Relationship Id="rId2" Target="../notesMasters/notesMaster1.xml" Type="http://schemas.openxmlformats.org/officeDocument/2006/relationships/notesMaster"/></Relationships>
</file>

<file path=ppt/notesSlides/notesSlide1.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948566108"/>
      </p:ext>
    </p:extLst>
  </p:cSld>
  <p:clrMapOvr>
    <a:masterClrMapping/>
  </p:clrMapOvr>
</p:notes>
</file>

<file path=ppt/notesSlides/notesSlide10.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146790803"/>
      </p:ext>
    </p:extLst>
  </p:cSld>
  <p:clrMapOvr>
    <a:masterClrMapping/>
  </p:clrMapOvr>
</p:notes>
</file>

<file path=ppt/notesSlides/notesSlide11.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003757895"/>
      </p:ext>
    </p:extLst>
  </p:cSld>
  <p:clrMapOvr>
    <a:masterClrMapping/>
  </p:clrMapOvr>
</p:notes>
</file>

<file path=ppt/notesSlides/notesSlide12.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563185647"/>
      </p:ext>
    </p:extLst>
  </p:cSld>
  <p:clrMapOvr>
    <a:masterClrMapping/>
  </p:clrMapOvr>
</p:notes>
</file>

<file path=ppt/notesSlides/notesSlide13.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743169163"/>
      </p:ext>
    </p:extLst>
  </p:cSld>
  <p:clrMapOvr>
    <a:masterClrMapping/>
  </p:clrMapOvr>
</p:notes>
</file>

<file path=ppt/notesSlides/notesSlide14.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491323704"/>
      </p:ext>
    </p:extLst>
  </p:cSld>
  <p:clrMapOvr>
    <a:masterClrMapping/>
  </p:clrMapOvr>
</p:notes>
</file>

<file path=ppt/notesSlides/notesSlide15.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868068966"/>
      </p:ext>
    </p:extLst>
  </p:cSld>
  <p:clrMapOvr>
    <a:masterClrMapping/>
  </p:clrMapOvr>
</p:notes>
</file>

<file path=ppt/notesSlides/notesSlide16.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807603418"/>
      </p:ext>
    </p:extLst>
  </p:cSld>
  <p:clrMapOvr>
    <a:masterClrMapping/>
  </p:clrMapOvr>
</p:notes>
</file>

<file path=ppt/notesSlides/notesSlide17.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444014164"/>
      </p:ext>
    </p:extLst>
  </p:cSld>
  <p:clrMapOvr>
    <a:masterClrMapping/>
  </p:clrMapOvr>
</p:notes>
</file>

<file path=ppt/notesSlides/notesSlide18.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763352098"/>
      </p:ext>
    </p:extLst>
  </p:cSld>
  <p:clrMapOvr>
    <a:masterClrMapping/>
  </p:clrMapOvr>
</p:notes>
</file>

<file path=ppt/notesSlides/notesSlide19.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636106108"/>
      </p:ext>
    </p:extLst>
  </p:cSld>
  <p:clrMapOvr>
    <a:masterClrMapping/>
  </p:clrMapOvr>
</p:notes>
</file>

<file path=ppt/notesSlides/notesSlide2.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894208317"/>
      </p:ext>
    </p:extLst>
  </p:cSld>
  <p:clrMapOvr>
    <a:masterClrMapping/>
  </p:clrMapOvr>
</p:notes>
</file>

<file path=ppt/notesSlides/notesSlide20.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825795699"/>
      </p:ext>
    </p:extLst>
  </p:cSld>
  <p:clrMapOvr>
    <a:masterClrMapping/>
  </p:clrMapOvr>
</p:notes>
</file>

<file path=ppt/notesSlides/notesSlide21.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878434318"/>
      </p:ext>
    </p:extLst>
  </p:cSld>
  <p:clrMapOvr>
    <a:masterClrMapping/>
  </p:clrMapOvr>
</p:notes>
</file>

<file path=ppt/notesSlides/notesSlide22.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476368249"/>
      </p:ext>
    </p:extLst>
  </p:cSld>
  <p:clrMapOvr>
    <a:masterClrMapping/>
  </p:clrMapOvr>
</p:notes>
</file>

<file path=ppt/notesSlides/notesSlide23.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3877423709"/>
      </p:ext>
    </p:extLst>
  </p:cSld>
  <p:clrMapOvr>
    <a:masterClrMapping/>
  </p:clrMapOvr>
</p:notes>
</file>

<file path=ppt/notesSlides/notesSlide24.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042295351"/>
      </p:ext>
    </p:extLst>
  </p:cSld>
  <p:clrMapOvr>
    <a:masterClrMapping/>
  </p:clrMapOvr>
</p:notes>
</file>

<file path=ppt/notesSlides/notesSlide25.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648805003"/>
      </p:ext>
    </p:extLst>
  </p:cSld>
  <p:clrMapOvr>
    <a:masterClrMapping/>
  </p:clrMapOvr>
</p:notes>
</file>

<file path=ppt/notesSlides/notesSlide26.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440211858"/>
      </p:ext>
    </p:extLst>
  </p:cSld>
  <p:clrMapOvr>
    <a:masterClrMapping/>
  </p:clrMapOvr>
</p:notes>
</file>

<file path=ppt/notesSlides/notesSlide27.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457361293"/>
      </p:ext>
    </p:extLst>
  </p:cSld>
  <p:clrMapOvr>
    <a:masterClrMapping/>
  </p:clrMapOvr>
</p:notes>
</file>

<file path=ppt/notesSlides/notesSlide28.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3484224819"/>
      </p:ext>
    </p:extLst>
  </p:cSld>
  <p:clrMapOvr>
    <a:masterClrMapping/>
  </p:clrMapOvr>
</p:notes>
</file>

<file path=ppt/notesSlides/notesSlide29.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3690802592"/>
      </p:ext>
    </p:extLst>
  </p:cSld>
  <p:clrMapOvr>
    <a:masterClrMapping/>
  </p:clrMapOvr>
</p:notes>
</file>

<file path=ppt/notesSlides/notesSlide3.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3628312911"/>
      </p:ext>
    </p:extLst>
  </p:cSld>
  <p:clrMapOvr>
    <a:masterClrMapping/>
  </p:clrMapOvr>
</p:notes>
</file>

<file path=ppt/notesSlides/notesSlide30.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602266278"/>
      </p:ext>
    </p:extLst>
  </p:cSld>
  <p:clrMapOvr>
    <a:masterClrMapping/>
  </p:clrMapOvr>
</p:notes>
</file>

<file path=ppt/notesSlides/notesSlide31.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481382291"/>
      </p:ext>
    </p:extLst>
  </p:cSld>
  <p:clrMapOvr>
    <a:masterClrMapping/>
  </p:clrMapOvr>
</p:notes>
</file>

<file path=ppt/notesSlides/notesSlide32.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750900235"/>
      </p:ext>
    </p:extLst>
  </p:cSld>
  <p:clrMapOvr>
    <a:masterClrMapping/>
  </p:clrMapOvr>
</p:notes>
</file>

<file path=ppt/notesSlides/notesSlide33.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700364544"/>
      </p:ext>
    </p:extLst>
  </p:cSld>
  <p:clrMapOvr>
    <a:masterClrMapping/>
  </p:clrMapOvr>
</p:notes>
</file>

<file path=ppt/notesSlides/notesSlide34.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837157219"/>
      </p:ext>
    </p:extLst>
  </p:cSld>
  <p:clrMapOvr>
    <a:masterClrMapping/>
  </p:clrMapOvr>
</p:notes>
</file>

<file path=ppt/notesSlides/notesSlide35.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399445698"/>
      </p:ext>
    </p:extLst>
  </p:cSld>
  <p:clrMapOvr>
    <a:masterClrMapping/>
  </p:clrMapOvr>
</p:notes>
</file>

<file path=ppt/notesSlides/notesSlide36.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3242947880"/>
      </p:ext>
    </p:extLst>
  </p:cSld>
  <p:clrMapOvr>
    <a:masterClrMapping/>
  </p:clrMapOvr>
</p:notes>
</file>

<file path=ppt/notesSlides/notesSlide4.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638031442"/>
      </p:ext>
    </p:extLst>
  </p:cSld>
  <p:clrMapOvr>
    <a:masterClrMapping/>
  </p:clrMapOvr>
</p:notes>
</file>

<file path=ppt/notesSlides/notesSlide5.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792077827"/>
      </p:ext>
    </p:extLst>
  </p:cSld>
  <p:clrMapOvr>
    <a:masterClrMapping/>
  </p:clrMapOvr>
</p:notes>
</file>

<file path=ppt/notesSlides/notesSlide6.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391895735"/>
      </p:ext>
    </p:extLst>
  </p:cSld>
  <p:clrMapOvr>
    <a:masterClrMapping/>
  </p:clrMapOvr>
</p:notes>
</file>

<file path=ppt/notesSlides/notesSlide7.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2708661885"/>
      </p:ext>
    </p:extLst>
  </p:cSld>
  <p:clrMapOvr>
    <a:masterClrMapping/>
  </p:clrMapOvr>
</p:notes>
</file>

<file path=ppt/notesSlides/notesSlide8.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365625839"/>
      </p:ext>
    </p:extLst>
  </p:cSld>
  <p:clrMapOvr>
    <a:masterClrMapping/>
  </p:clrMapOvr>
</p:notes>
</file>

<file path=ppt/notesSlides/notesSlide9.xml><?xml version="1.0" encoding="utf-8"?>
<p:notes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http://schemas.openxmlformats.org/presentationml/2006/main">
  <p:cSld>
    <p:spTree>
      <p:nvGrpSpPr>
        <p:cNvPr id="1" name=""/>
        <p:cNvGrpSpPr/>
        <p:nvPr/>
      </p:nvGrpSpPr>
      <p:grpSpPr>
        <a:xfrm>
          <a:off x="0" y="0"/>
          <a:ext cx="0" cy="0"/>
        </a:xfrm>
      </p:grpSpPr>
    </p:spTree>
    <p:extLst>
      <p:ext uri="{BB962C8B-B14F-4D97-AF65-F5344CB8AC3E}">
        <p14:creationId val="1229419526"/>
      </p:ext>
    </p:extLst>
  </p:cSld>
  <p:clrMapOvr>
    <a:masterClrMapping/>
  </p:clrMapOvr>
</p:notes>
</file>

<file path=ppt/slideLayouts/_rels/slideLayout1.xml.rels><?xml version="1.0" encoding="UTF-8" standalone="yes"?><Relationships xmlns="http://schemas.openxmlformats.org/package/2006/relationships"><Relationship Id="rId1" Target="../media/image1.png" Type="http://schemas.openxmlformats.org/officeDocument/2006/relationships/image"/><Relationship Id="rId2" Target="../slideMasters/slideMaster1.xml" Type="http://schemas.openxmlformats.org/officeDocument/2006/relationships/slideMaster"/></Relationships>
</file>

<file path=ppt/slideLayouts/_rels/slideLayout10.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1.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2.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3.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4.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5.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6.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7.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18.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2.xml.rels><?xml version="1.0" encoding="UTF-8" standalone="yes"?><Relationships xmlns="http://schemas.openxmlformats.org/package/2006/relationships"><Relationship Id="rId1" Target="../media/image1.png" Type="http://schemas.openxmlformats.org/officeDocument/2006/relationships/image"/><Relationship Id="rId2" Target="../slideMasters/slideMaster1.xml" Type="http://schemas.openxmlformats.org/officeDocument/2006/relationships/slideMaster"/></Relationships>
</file>

<file path=ppt/slideLayouts/_rels/slideLayout3.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4.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5.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6.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7.xml.rels><?xml version="1.0" encoding="UTF-8" standalone="yes"?><Relationships xmlns="http://schemas.openxmlformats.org/package/2006/relationships"><Relationship Id="rId1" Target="../slideMasters/slideMaster1.xml" Type="http://schemas.openxmlformats.org/officeDocument/2006/relationships/slideMaster"/></Relationships>
</file>

<file path=ppt/slideLayouts/_rels/slideLayout8.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_rels/slideLayout9.xml.rels><?xml version="1.0" encoding="UTF-8" standalone="yes"?><Relationships xmlns="http://schemas.openxmlformats.org/package/2006/relationships"><Relationship Id="rId1" Target="../slideMasters/slideMaster2.xml" Type="http://schemas.openxmlformats.org/officeDocument/2006/relationships/slideMaster"/></Relationships>
</file>

<file path=ppt/slideLayouts/slideLayout1.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preserve="1" userDrawn="1">
  <p:cSld name="标题幻灯片">
    <p:spTree>
      <p:nvGrpSpPr>
        <p:cNvPr id="1" name=""/>
        <p:cNvGrpSpPr/>
        <p:nvPr/>
      </p:nvGrpSpPr>
      <p:grpSpPr>
        <a:xfrm>
          <a:off x="0" y="0"/>
          <a:ext cx="0" cy="0"/>
        </a:xfrm>
      </p:grpSpPr>
      <p:sp>
        <p:nvSpPr>
          <p:cNvPr id="8" name="矩形 7"/>
          <p:cNvSpPr/>
          <p:nvPr userDrawn="1"/>
        </p:nvSpPr>
        <p:spPr>
          <a:xfrm>
            <a:off x="0" y="5318472"/>
            <a:ext cx="10174111" cy="40922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zh-CN" altLang="en-US" sz="1800"/>
          </a:p>
        </p:txBody>
      </p:sp>
      <p:cxnSp>
        <p:nvCxnSpPr>
          <p:cNvPr id="9" name="直接连接符 8"/>
          <p:cNvCxnSpPr/>
          <p:nvPr userDrawn="1"/>
        </p:nvCxnSpPr>
        <p:spPr>
          <a:xfrm>
            <a:off x="2759742" y="625252"/>
            <a:ext cx="7400258" cy="0"/>
          </a:xfrm>
          <a:prstGeom prst="line">
            <a:avLst/>
          </a:prstGeom>
          <a:ln w="38100">
            <a:solidFill>
              <a:srgbClr val="00544A"/>
            </a:solidFill>
          </a:ln>
        </p:spPr>
        <p:style>
          <a:lnRef idx="1">
            <a:schemeClr val="accent1"/>
          </a:lnRef>
          <a:fillRef idx="0">
            <a:schemeClr val="accent1"/>
          </a:fillRef>
          <a:effectRef idx="0">
            <a:schemeClr val="accent1"/>
          </a:effectRef>
          <a:fontRef idx="minor">
            <a:schemeClr val="tx1"/>
          </a:fontRef>
        </p:style>
      </p:cxnSp>
      <p:pic>
        <p:nvPicPr>
          <p:cNvPr id="5" name="Picture 2"/>
          <p:cNvPicPr>
            <a:picLocks noChangeAspect="1" noChangeArrowheads="1"/>
          </p:cNvPicPr>
          <p:nvPr userDrawn="1"/>
        </p:nvPicPr>
        <p:blipFill>
          <a:blip r:embed="rId1">
            <a:extLst>
              <a:ext uri="{28A0092B-C50C-407E-A947-70E740481C1C}">
                <a14:useLocalDpi val="0"/>
              </a:ext>
            </a:extLst>
          </a:blip>
          <a:stretch>
            <a:fillRect/>
          </a:stretch>
        </p:blipFill>
        <p:spPr bwMode="auto">
          <a:xfrm>
            <a:off x="403012" y="191028"/>
            <a:ext cx="1936740" cy="642404"/>
          </a:xfrm>
          <a:prstGeom prst="rect">
            <a:avLst/>
          </a:prstGeom>
          <a:noFill/>
          <a:extLst>
            <a:ext uri="{909E8E84-426E-40DD-AFC4-6F175D3DCCD1}">
              <a14:hiddenFill>
                <a:solidFill>
                  <a:srgbClr val="FFFFFF"/>
                </a:solidFill>
              </a14:hiddenFill>
            </a:ext>
          </a:extLst>
        </p:spPr>
      </p:pic>
    </p:spTree>
  </p:cSld>
  <p:clrMapOvr>
    <a:masterClrMapping/>
  </p:clrMapOvr>
  <p:transition/>
  <p:timing/>
</p:sldLayout>
</file>

<file path=ppt/slideLayouts/slideLayout10.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secHead" preserve="1">
  <p:cSld name="节标题">
    <p:spTree>
      <p:nvGrpSpPr>
        <p:cNvPr id="1" name=""/>
        <p:cNvGrpSpPr/>
        <p:nvPr/>
      </p:nvGrpSpPr>
      <p:grpSpPr>
        <a:xfrm>
          <a:off x="0" y="0"/>
          <a:ext cx="0" cy="0"/>
        </a:xfrm>
      </p:grpSpPr>
      <p:sp>
        <p:nvSpPr>
          <p:cNvPr id="2" name="Title 1"/>
          <p:cNvSpPr>
            <a:spLocks noGrp="1"/>
          </p:cNvSpPr>
          <p:nvPr>
            <p:ph type="title"/>
          </p:nvPr>
        </p:nvSpPr>
        <p:spPr>
          <a:xfrm>
            <a:off x="693209" y="1424782"/>
            <a:ext cx="8763000" cy="2377281"/>
          </a:xfrm>
        </p:spPr>
        <p:txBody>
          <a:bodyPr anchor="b"/>
          <a:lstStyle>
            <a:lvl1pPr>
              <a:defRPr sz="4999"/>
            </a:lvl1pPr>
          </a:lstStyle>
          <a:p>
            <a:r>
              <a:rPr lang="zh-CN" altLang="en-US" smtClean="0"/>
              <a:t>单击此处编辑母版标题样式</a:t>
            </a:r>
            <a:endParaRPr lang="en-US"/>
          </a:p>
        </p:txBody>
      </p:sp>
      <p:sp>
        <p:nvSpPr>
          <p:cNvPr id="3" name="Text Placeholder 2"/>
          <p:cNvSpPr>
            <a:spLocks noGrp="1"/>
          </p:cNvSpPr>
          <p:nvPr>
            <p:ph type="body" idx="1"/>
          </p:nvPr>
        </p:nvSpPr>
        <p:spPr>
          <a:xfrm>
            <a:off x="693209" y="3824553"/>
            <a:ext cx="8763000" cy="1250156"/>
          </a:xfrm>
        </p:spPr>
        <p:txBody>
          <a:bodyPr/>
          <a:lstStyle>
            <a:lvl1pPr marL="0" indent="0">
              <a:buNone/>
              <a:defRPr sz="2000">
                <a:solidFill>
                  <a:schemeClr val="tx1">
                    <a:tint val="75000"/>
                  </a:schemeClr>
                </a:solidFill>
              </a:defRPr>
            </a:lvl1pPr>
            <a:lvl2pPr marL="380935" indent="0">
              <a:buNone/>
              <a:defRPr sz="1666">
                <a:solidFill>
                  <a:schemeClr val="tx1">
                    <a:tint val="75000"/>
                  </a:schemeClr>
                </a:solidFill>
              </a:defRPr>
            </a:lvl2pPr>
            <a:lvl3pPr marL="761871" indent="0">
              <a:buNone/>
              <a:defRPr sz="1500">
                <a:solidFill>
                  <a:schemeClr val="tx1">
                    <a:tint val="75000"/>
                  </a:schemeClr>
                </a:solidFill>
              </a:defRPr>
            </a:lvl3pPr>
            <a:lvl4pPr marL="1142806" indent="0">
              <a:buNone/>
              <a:defRPr sz="1333">
                <a:solidFill>
                  <a:schemeClr val="tx1">
                    <a:tint val="75000"/>
                  </a:schemeClr>
                </a:solidFill>
              </a:defRPr>
            </a:lvl4pPr>
            <a:lvl5pPr marL="1523741" indent="0">
              <a:buNone/>
              <a:defRPr sz="1333">
                <a:solidFill>
                  <a:schemeClr val="tx1">
                    <a:tint val="75000"/>
                  </a:schemeClr>
                </a:solidFill>
              </a:defRPr>
            </a:lvl5pPr>
            <a:lvl6pPr marL="1904676" indent="0">
              <a:buNone/>
              <a:defRPr sz="1333">
                <a:solidFill>
                  <a:schemeClr val="tx1">
                    <a:tint val="75000"/>
                  </a:schemeClr>
                </a:solidFill>
              </a:defRPr>
            </a:lvl6pPr>
            <a:lvl7pPr marL="2285611" indent="0">
              <a:buNone/>
              <a:defRPr sz="1333">
                <a:solidFill>
                  <a:schemeClr val="tx1">
                    <a:tint val="75000"/>
                  </a:schemeClr>
                </a:solidFill>
              </a:defRPr>
            </a:lvl7pPr>
            <a:lvl8pPr marL="2666547" indent="0">
              <a:buNone/>
              <a:defRPr sz="1333">
                <a:solidFill>
                  <a:schemeClr val="tx1">
                    <a:tint val="75000"/>
                  </a:schemeClr>
                </a:solidFill>
              </a:defRPr>
            </a:lvl8pPr>
            <a:lvl9pPr marL="3047482" indent="0">
              <a:buNone/>
              <a:defRPr sz="1333">
                <a:solidFill>
                  <a:schemeClr val="tx1">
                    <a:tint val="75000"/>
                  </a:schemeClr>
                </a:solidFill>
              </a:defRPr>
            </a:lvl9pPr>
          </a:lstStyle>
          <a:p>
            <a:pPr lvl="0"/>
            <a:r>
              <a:rPr lang="zh-CN" altLang="en-US" smtClean="0"/>
              <a:t>单击此处编辑母版文本样式</a:t>
            </a:r>
          </a:p>
        </p:txBody>
      </p:sp>
      <p:sp>
        <p:nvSpPr>
          <p:cNvPr id="4" name="Date Placeholder 3"/>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zh-CN" alt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532946484"/>
      </p:ext>
    </p:extLst>
  </p:cSld>
  <p:clrMapOvr>
    <a:masterClrMapping/>
  </p:clrMapOvr>
  <p:transition/>
  <p:timing/>
</p:sldLayout>
</file>

<file path=ppt/slideLayouts/slideLayout11.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twoObj" preserve="1">
  <p:cSld name="两栏内容">
    <p:spTree>
      <p:nvGrpSpPr>
        <p:cNvPr id="1" name=""/>
        <p:cNvGrpSpPr/>
        <p:nvPr/>
      </p:nvGrpSpPr>
      <p:grpSpPr>
        <a:xfrm>
          <a:off x="0" y="0"/>
          <a:ext cx="0" cy="0"/>
        </a:xfrm>
      </p:grpSpPr>
      <p:sp>
        <p:nvSpPr>
          <p:cNvPr id="2" name="Title 1"/>
          <p:cNvSpPr>
            <a:spLocks noGrp="1"/>
          </p:cNvSpPr>
          <p:nvPr>
            <p:ph type="title"/>
          </p:nvPr>
        </p:nvSpPr>
        <p:spPr/>
        <p:txBody>
          <a:bodyPr/>
          <a:lstStyle/>
          <a:p>
            <a:r>
              <a:rPr lang="zh-CN" altLang="en-US" smtClean="0"/>
              <a:t>单击此处编辑母版标题样式</a:t>
            </a:r>
            <a:endParaRPr lang="en-US"/>
          </a:p>
        </p:txBody>
      </p:sp>
      <p:sp>
        <p:nvSpPr>
          <p:cNvPr id="3" name="Content Placeholder 2"/>
          <p:cNvSpPr>
            <a:spLocks noGrp="1"/>
          </p:cNvSpPr>
          <p:nvPr>
            <p:ph sz="half" idx="1"/>
          </p:nvPr>
        </p:nvSpPr>
        <p:spPr>
          <a:xfrm>
            <a:off x="698500" y="1521354"/>
            <a:ext cx="4318000" cy="3626115"/>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
        <p:nvSpPr>
          <p:cNvPr id="4" name="Content Placeholder 3"/>
          <p:cNvSpPr>
            <a:spLocks noGrp="1"/>
          </p:cNvSpPr>
          <p:nvPr>
            <p:ph sz="half" idx="2"/>
          </p:nvPr>
        </p:nvSpPr>
        <p:spPr>
          <a:xfrm>
            <a:off x="5143500" y="1521354"/>
            <a:ext cx="4318000" cy="3626115"/>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
        <p:nvSpPr>
          <p:cNvPr id="5" name="Date Placeholder 4"/>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zh-CN" alt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2590201417"/>
      </p:ext>
    </p:extLst>
  </p:cSld>
  <p:clrMapOvr>
    <a:masterClrMapping/>
  </p:clrMapOvr>
  <p:transition/>
  <p:timing/>
</p:sldLayout>
</file>

<file path=ppt/slideLayouts/slideLayout12.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twoTxTwoObj" preserve="1">
  <p:cSld name="比较">
    <p:spTree>
      <p:nvGrpSpPr>
        <p:cNvPr id="1" name=""/>
        <p:cNvGrpSpPr/>
        <p:nvPr/>
      </p:nvGrpSpPr>
      <p:grpSpPr>
        <a:xfrm>
          <a:off x="0" y="0"/>
          <a:ext cx="0" cy="0"/>
        </a:xfrm>
      </p:grpSpPr>
      <p:sp>
        <p:nvSpPr>
          <p:cNvPr id="2" name="Title 1"/>
          <p:cNvSpPr>
            <a:spLocks noGrp="1"/>
          </p:cNvSpPr>
          <p:nvPr>
            <p:ph type="title"/>
          </p:nvPr>
        </p:nvSpPr>
        <p:spPr>
          <a:xfrm>
            <a:off x="699824" y="304271"/>
            <a:ext cx="8763000" cy="1104636"/>
          </a:xfrm>
        </p:spPr>
        <p:txBody>
          <a:bodyPr/>
          <a:lstStyle/>
          <a:p>
            <a:r>
              <a:rPr lang="zh-CN" altLang="en-US" smtClean="0"/>
              <a:t>单击此处编辑母版标题样式</a:t>
            </a:r>
            <a:endParaRPr lang="en-US"/>
          </a:p>
        </p:txBody>
      </p:sp>
      <p:sp>
        <p:nvSpPr>
          <p:cNvPr id="3" name="Text Placeholder 2"/>
          <p:cNvSpPr>
            <a:spLocks noGrp="1"/>
          </p:cNvSpPr>
          <p:nvPr>
            <p:ph type="body" idx="1"/>
          </p:nvPr>
        </p:nvSpPr>
        <p:spPr>
          <a:xfrm>
            <a:off x="699823" y="1400969"/>
            <a:ext cx="4298156" cy="686593"/>
          </a:xfrm>
        </p:spPr>
        <p:txBody>
          <a:bodyPr anchor="b"/>
          <a:lstStyle>
            <a:lvl1pPr marL="0" indent="0">
              <a:buNone/>
              <a:defRPr sz="2000" b="1"/>
            </a:lvl1pPr>
            <a:lvl2pPr marL="380935" indent="0">
              <a:buNone/>
              <a:defRPr sz="1666" b="1"/>
            </a:lvl2pPr>
            <a:lvl3pPr marL="761871" indent="0">
              <a:buNone/>
              <a:defRPr sz="1500" b="1"/>
            </a:lvl3pPr>
            <a:lvl4pPr marL="1142806" indent="0">
              <a:buNone/>
              <a:defRPr sz="1333" b="1"/>
            </a:lvl4pPr>
            <a:lvl5pPr marL="1523741" indent="0">
              <a:buNone/>
              <a:defRPr sz="1333" b="1"/>
            </a:lvl5pPr>
            <a:lvl6pPr marL="1904676" indent="0">
              <a:buNone/>
              <a:defRPr sz="1333" b="1"/>
            </a:lvl6pPr>
            <a:lvl7pPr marL="2285611" indent="0">
              <a:buNone/>
              <a:defRPr sz="1333" b="1"/>
            </a:lvl7pPr>
            <a:lvl8pPr marL="2666547" indent="0">
              <a:buNone/>
              <a:defRPr sz="1333" b="1"/>
            </a:lvl8pPr>
            <a:lvl9pPr marL="3047482" indent="0">
              <a:buNone/>
              <a:defRPr sz="1333" b="1"/>
            </a:lvl9pPr>
          </a:lstStyle>
          <a:p>
            <a:pPr lvl="0"/>
            <a:r>
              <a:rPr lang="zh-CN" altLang="en-US" smtClean="0"/>
              <a:t>单击此处编辑母版文本样式</a:t>
            </a:r>
          </a:p>
        </p:txBody>
      </p:sp>
      <p:sp>
        <p:nvSpPr>
          <p:cNvPr id="4" name="Content Placeholder 3"/>
          <p:cNvSpPr>
            <a:spLocks noGrp="1"/>
          </p:cNvSpPr>
          <p:nvPr>
            <p:ph sz="half" idx="2"/>
          </p:nvPr>
        </p:nvSpPr>
        <p:spPr>
          <a:xfrm>
            <a:off x="699823" y="2087563"/>
            <a:ext cx="4298156" cy="3070490"/>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
        <p:nvSpPr>
          <p:cNvPr id="5" name="Text Placeholder 4"/>
          <p:cNvSpPr>
            <a:spLocks noGrp="1"/>
          </p:cNvSpPr>
          <p:nvPr>
            <p:ph type="body" sz="quarter" idx="3"/>
          </p:nvPr>
        </p:nvSpPr>
        <p:spPr>
          <a:xfrm>
            <a:off x="5143500" y="1400969"/>
            <a:ext cx="4319323" cy="686593"/>
          </a:xfrm>
        </p:spPr>
        <p:txBody>
          <a:bodyPr anchor="b"/>
          <a:lstStyle>
            <a:lvl1pPr marL="0" indent="0">
              <a:buNone/>
              <a:defRPr sz="2000" b="1"/>
            </a:lvl1pPr>
            <a:lvl2pPr marL="380935" indent="0">
              <a:buNone/>
              <a:defRPr sz="1666" b="1"/>
            </a:lvl2pPr>
            <a:lvl3pPr marL="761871" indent="0">
              <a:buNone/>
              <a:defRPr sz="1500" b="1"/>
            </a:lvl3pPr>
            <a:lvl4pPr marL="1142806" indent="0">
              <a:buNone/>
              <a:defRPr sz="1333" b="1"/>
            </a:lvl4pPr>
            <a:lvl5pPr marL="1523741" indent="0">
              <a:buNone/>
              <a:defRPr sz="1333" b="1"/>
            </a:lvl5pPr>
            <a:lvl6pPr marL="1904676" indent="0">
              <a:buNone/>
              <a:defRPr sz="1333" b="1"/>
            </a:lvl6pPr>
            <a:lvl7pPr marL="2285611" indent="0">
              <a:buNone/>
              <a:defRPr sz="1333" b="1"/>
            </a:lvl7pPr>
            <a:lvl8pPr marL="2666547" indent="0">
              <a:buNone/>
              <a:defRPr sz="1333" b="1"/>
            </a:lvl8pPr>
            <a:lvl9pPr marL="3047482" indent="0">
              <a:buNone/>
              <a:defRPr sz="1333" b="1"/>
            </a:lvl9pPr>
          </a:lstStyle>
          <a:p>
            <a:pPr lvl="0"/>
            <a:r>
              <a:rPr lang="zh-CN" altLang="en-US" smtClean="0"/>
              <a:t>单击此处编辑母版文本样式</a:t>
            </a:r>
          </a:p>
        </p:txBody>
      </p:sp>
      <p:sp>
        <p:nvSpPr>
          <p:cNvPr id="6" name="Content Placeholder 5"/>
          <p:cNvSpPr>
            <a:spLocks noGrp="1"/>
          </p:cNvSpPr>
          <p:nvPr>
            <p:ph sz="quarter" idx="4"/>
          </p:nvPr>
        </p:nvSpPr>
        <p:spPr>
          <a:xfrm>
            <a:off x="5143500" y="2087563"/>
            <a:ext cx="4319323" cy="3070490"/>
          </a:xfrm>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
        <p:nvSpPr>
          <p:cNvPr id="7" name="Date Placeholder 6"/>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8" name="Footer Placeholder 7"/>
          <p:cNvSpPr>
            <a:spLocks noGrp="1"/>
          </p:cNvSpPr>
          <p:nvPr>
            <p:ph type="ftr" sz="quarter" idx="11"/>
          </p:nvPr>
        </p:nvSpPr>
        <p:spPr/>
        <p:txBody>
          <a:bodyPr/>
          <a:lstStyle/>
          <a:p>
            <a:endParaRPr lang="zh-CN" altLang="en-US">
              <a:solidFill>
                <a:prstClr val="black">
                  <a:tint val="75000"/>
                </a:prstClr>
              </a:solidFill>
            </a:endParaRPr>
          </a:p>
        </p:txBody>
      </p:sp>
      <p:sp>
        <p:nvSpPr>
          <p:cNvPr id="9" name="Slide Number Placeholder 8"/>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2437837357"/>
      </p:ext>
    </p:extLst>
  </p:cSld>
  <p:clrMapOvr>
    <a:masterClrMapping/>
  </p:clrMapOvr>
  <p:transition/>
  <p:timing/>
</p:sldLayout>
</file>

<file path=ppt/slideLayouts/slideLayout13.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titleOnly" preserve="1">
  <p:cSld name="仅标题">
    <p:spTree>
      <p:nvGrpSpPr>
        <p:cNvPr id="1" name=""/>
        <p:cNvGrpSpPr/>
        <p:nvPr/>
      </p:nvGrpSpPr>
      <p:grpSpPr>
        <a:xfrm>
          <a:off x="0" y="0"/>
          <a:ext cx="0" cy="0"/>
        </a:xfrm>
      </p:grpSpPr>
      <p:sp>
        <p:nvSpPr>
          <p:cNvPr id="2" name="Title 1"/>
          <p:cNvSpPr>
            <a:spLocks noGrp="1"/>
          </p:cNvSpPr>
          <p:nvPr>
            <p:ph type="title"/>
          </p:nvPr>
        </p:nvSpPr>
        <p:spPr/>
        <p:txBody>
          <a:bodyPr/>
          <a:lstStyle/>
          <a:p>
            <a:r>
              <a:rPr lang="zh-CN" altLang="en-US" smtClean="0"/>
              <a:t>单击此处编辑母版标题样式</a:t>
            </a:r>
            <a:endParaRPr lang="en-US"/>
          </a:p>
        </p:txBody>
      </p:sp>
      <p:sp>
        <p:nvSpPr>
          <p:cNvPr id="3" name="Date Placeholder 2"/>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4" name="Footer Placeholder 3"/>
          <p:cNvSpPr>
            <a:spLocks noGrp="1"/>
          </p:cNvSpPr>
          <p:nvPr>
            <p:ph type="ftr" sz="quarter" idx="11"/>
          </p:nvPr>
        </p:nvSpPr>
        <p:spPr/>
        <p:txBody>
          <a:bodyPr/>
          <a:lstStyle/>
          <a:p>
            <a:endParaRPr lang="zh-CN" altLang="en-US">
              <a:solidFill>
                <a:prstClr val="black">
                  <a:tint val="75000"/>
                </a:prstClr>
              </a:solidFill>
            </a:endParaRPr>
          </a:p>
        </p:txBody>
      </p:sp>
      <p:sp>
        <p:nvSpPr>
          <p:cNvPr id="5" name="Slide Number Placeholder 4"/>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841428558"/>
      </p:ext>
    </p:extLst>
  </p:cSld>
  <p:clrMapOvr>
    <a:masterClrMapping/>
  </p:clrMapOvr>
  <p:transition/>
  <p:timing/>
</p:sldLayout>
</file>

<file path=ppt/slideLayouts/slideLayout14.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blank" preserve="1">
  <p:cSld name="空白">
    <p:spTree>
      <p:nvGrpSpPr>
        <p:cNvPr id="1" name=""/>
        <p:cNvGrpSpPr/>
        <p:nvPr/>
      </p:nvGrpSpPr>
      <p:grpSpPr>
        <a:xfrm>
          <a:off x="0" y="0"/>
          <a:ext cx="0" cy="0"/>
        </a:xfrm>
      </p:grpSpPr>
      <p:sp>
        <p:nvSpPr>
          <p:cNvPr id="2" name="Date Placeholder 1"/>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3" name="Footer Placeholder 2"/>
          <p:cNvSpPr>
            <a:spLocks noGrp="1"/>
          </p:cNvSpPr>
          <p:nvPr>
            <p:ph type="ftr" sz="quarter" idx="11"/>
          </p:nvPr>
        </p:nvSpPr>
        <p:spPr/>
        <p:txBody>
          <a:bodyPr/>
          <a:lstStyle/>
          <a:p>
            <a:endParaRPr lang="zh-CN" altLang="en-US">
              <a:solidFill>
                <a:prstClr val="black">
                  <a:tint val="75000"/>
                </a:prstClr>
              </a:solidFill>
            </a:endParaRPr>
          </a:p>
        </p:txBody>
      </p:sp>
      <p:sp>
        <p:nvSpPr>
          <p:cNvPr id="4" name="Slide Number Placeholder 3"/>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647013388"/>
      </p:ext>
    </p:extLst>
  </p:cSld>
  <p:clrMapOvr>
    <a:masterClrMapping/>
  </p:clrMapOvr>
  <p:transition/>
  <p:timing/>
</p:sldLayout>
</file>

<file path=ppt/slideLayouts/slideLayout15.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objTx" preserve="1">
  <p:cSld name="内容与标题">
    <p:spTree>
      <p:nvGrpSpPr>
        <p:cNvPr id="1" name=""/>
        <p:cNvGrpSpPr/>
        <p:nvPr/>
      </p:nvGrpSpPr>
      <p:grpSpPr>
        <a:xfrm>
          <a:off x="0" y="0"/>
          <a:ext cx="0" cy="0"/>
        </a:xfrm>
      </p:grpSpPr>
      <p:sp>
        <p:nvSpPr>
          <p:cNvPr id="2" name="Title 1"/>
          <p:cNvSpPr>
            <a:spLocks noGrp="1"/>
          </p:cNvSpPr>
          <p:nvPr>
            <p:ph type="title"/>
          </p:nvPr>
        </p:nvSpPr>
        <p:spPr>
          <a:xfrm>
            <a:off x="699824" y="381000"/>
            <a:ext cx="3276864" cy="1333500"/>
          </a:xfrm>
        </p:spPr>
        <p:txBody>
          <a:bodyPr anchor="b"/>
          <a:lstStyle>
            <a:lvl1pPr>
              <a:defRPr sz="2666"/>
            </a:lvl1pPr>
          </a:lstStyle>
          <a:p>
            <a:r>
              <a:rPr lang="zh-CN" altLang="en-US" smtClean="0"/>
              <a:t>单击此处编辑母版标题样式</a:t>
            </a:r>
            <a:endParaRPr lang="en-US"/>
          </a:p>
        </p:txBody>
      </p:sp>
      <p:sp>
        <p:nvSpPr>
          <p:cNvPr id="3" name="Content Placeholder 2"/>
          <p:cNvSpPr>
            <a:spLocks noGrp="1"/>
          </p:cNvSpPr>
          <p:nvPr>
            <p:ph idx="1"/>
          </p:nvPr>
        </p:nvSpPr>
        <p:spPr>
          <a:xfrm>
            <a:off x="4319324" y="822855"/>
            <a:ext cx="5143500" cy="4061354"/>
          </a:xfrm>
        </p:spPr>
        <p:txBody>
          <a:bodyPr/>
          <a:lstStyle>
            <a:lvl1pPr>
              <a:defRPr sz="2666"/>
            </a:lvl1pPr>
            <a:lvl2pPr>
              <a:defRPr sz="2333"/>
            </a:lvl2pPr>
            <a:lvl3pPr>
              <a:defRPr sz="2000"/>
            </a:lvl3pPr>
            <a:lvl4pPr>
              <a:defRPr sz="1666"/>
            </a:lvl4pPr>
            <a:lvl5pPr>
              <a:defRPr sz="1666"/>
            </a:lvl5pPr>
            <a:lvl6pPr>
              <a:defRPr sz="1666"/>
            </a:lvl6pPr>
            <a:lvl7pPr>
              <a:defRPr sz="1666"/>
            </a:lvl7pPr>
            <a:lvl8pPr>
              <a:defRPr sz="1666"/>
            </a:lvl8pPr>
            <a:lvl9pPr>
              <a:defRPr sz="1666"/>
            </a:lvl9p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
        <p:nvSpPr>
          <p:cNvPr id="4" name="Text Placeholder 3"/>
          <p:cNvSpPr>
            <a:spLocks noGrp="1"/>
          </p:cNvSpPr>
          <p:nvPr>
            <p:ph type="body" sz="half" idx="2"/>
          </p:nvPr>
        </p:nvSpPr>
        <p:spPr>
          <a:xfrm>
            <a:off x="699824" y="1714500"/>
            <a:ext cx="3276864" cy="3176323"/>
          </a:xfrm>
        </p:spPr>
        <p:txBody>
          <a:bodyPr/>
          <a:lstStyle>
            <a:lvl1pPr marL="0" indent="0">
              <a:buNone/>
              <a:defRPr sz="1333"/>
            </a:lvl1pPr>
            <a:lvl2pPr marL="380935" indent="0">
              <a:buNone/>
              <a:defRPr sz="1166"/>
            </a:lvl2pPr>
            <a:lvl3pPr marL="761871" indent="0">
              <a:buNone/>
              <a:defRPr sz="1000"/>
            </a:lvl3pPr>
            <a:lvl4pPr marL="1142806" indent="0">
              <a:buNone/>
              <a:defRPr sz="833"/>
            </a:lvl4pPr>
            <a:lvl5pPr marL="1523741" indent="0">
              <a:buNone/>
              <a:defRPr sz="833"/>
            </a:lvl5pPr>
            <a:lvl6pPr marL="1904676" indent="0">
              <a:buNone/>
              <a:defRPr sz="833"/>
            </a:lvl6pPr>
            <a:lvl7pPr marL="2285611" indent="0">
              <a:buNone/>
              <a:defRPr sz="833"/>
            </a:lvl7pPr>
            <a:lvl8pPr marL="2666547" indent="0">
              <a:buNone/>
              <a:defRPr sz="833"/>
            </a:lvl8pPr>
            <a:lvl9pPr marL="3047482" indent="0">
              <a:buNone/>
              <a:defRPr sz="833"/>
            </a:lvl9pPr>
          </a:lstStyle>
          <a:p>
            <a:pPr lvl="0"/>
            <a:r>
              <a:rPr lang="zh-CN" altLang="en-US" smtClean="0"/>
              <a:t>单击此处编辑母版文本样式</a:t>
            </a:r>
          </a:p>
        </p:txBody>
      </p:sp>
      <p:sp>
        <p:nvSpPr>
          <p:cNvPr id="5" name="Date Placeholder 4"/>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zh-CN" alt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4214029959"/>
      </p:ext>
    </p:extLst>
  </p:cSld>
  <p:clrMapOvr>
    <a:masterClrMapping/>
  </p:clrMapOvr>
  <p:transition/>
  <p:timing/>
</p:sldLayout>
</file>

<file path=ppt/slideLayouts/slideLayout16.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picTx" preserve="1">
  <p:cSld name="图片与标题">
    <p:spTree>
      <p:nvGrpSpPr>
        <p:cNvPr id="1" name=""/>
        <p:cNvGrpSpPr/>
        <p:nvPr/>
      </p:nvGrpSpPr>
      <p:grpSpPr>
        <a:xfrm>
          <a:off x="0" y="0"/>
          <a:ext cx="0" cy="0"/>
        </a:xfrm>
      </p:grpSpPr>
      <p:sp>
        <p:nvSpPr>
          <p:cNvPr id="2" name="Title 1"/>
          <p:cNvSpPr>
            <a:spLocks noGrp="1"/>
          </p:cNvSpPr>
          <p:nvPr>
            <p:ph type="title"/>
          </p:nvPr>
        </p:nvSpPr>
        <p:spPr>
          <a:xfrm>
            <a:off x="699824" y="381000"/>
            <a:ext cx="3276864" cy="1333500"/>
          </a:xfrm>
        </p:spPr>
        <p:txBody>
          <a:bodyPr anchor="b"/>
          <a:lstStyle>
            <a:lvl1pPr>
              <a:defRPr sz="2666"/>
            </a:lvl1pPr>
          </a:lstStyle>
          <a:p>
            <a:r>
              <a:rPr lang="zh-CN" altLang="en-US" smtClean="0"/>
              <a:t>单击此处编辑母版标题样式</a:t>
            </a:r>
            <a:endParaRPr lang="en-US"/>
          </a:p>
        </p:txBody>
      </p:sp>
      <p:sp>
        <p:nvSpPr>
          <p:cNvPr id="3" name="Picture Placeholder 2"/>
          <p:cNvSpPr>
            <a:spLocks noGrp="1" noChangeAspect="1"/>
          </p:cNvSpPr>
          <p:nvPr>
            <p:ph type="pic" idx="1"/>
          </p:nvPr>
        </p:nvSpPr>
        <p:spPr>
          <a:xfrm>
            <a:off x="4319324" y="822855"/>
            <a:ext cx="5143500" cy="4061354"/>
          </a:xfrm>
        </p:spPr>
        <p:txBody>
          <a:bodyPr anchor="t"/>
          <a:lstStyle>
            <a:lvl1pPr marL="0" indent="0">
              <a:buNone/>
              <a:defRPr sz="2666"/>
            </a:lvl1pPr>
            <a:lvl2pPr marL="380935" indent="0">
              <a:buNone/>
              <a:defRPr sz="2333"/>
            </a:lvl2pPr>
            <a:lvl3pPr marL="761871" indent="0">
              <a:buNone/>
              <a:defRPr sz="2000"/>
            </a:lvl3pPr>
            <a:lvl4pPr marL="1142806" indent="0">
              <a:buNone/>
              <a:defRPr sz="1666"/>
            </a:lvl4pPr>
            <a:lvl5pPr marL="1523741" indent="0">
              <a:buNone/>
              <a:defRPr sz="1666"/>
            </a:lvl5pPr>
            <a:lvl6pPr marL="1904676" indent="0">
              <a:buNone/>
              <a:defRPr sz="1666"/>
            </a:lvl6pPr>
            <a:lvl7pPr marL="2285611" indent="0">
              <a:buNone/>
              <a:defRPr sz="1666"/>
            </a:lvl7pPr>
            <a:lvl8pPr marL="2666547" indent="0">
              <a:buNone/>
              <a:defRPr sz="1666"/>
            </a:lvl8pPr>
            <a:lvl9pPr marL="3047482" indent="0">
              <a:buNone/>
              <a:defRPr sz="1666"/>
            </a:lvl9pPr>
          </a:lstStyle>
          <a:p>
            <a:r>
              <a:rPr lang="zh-CN" altLang="en-US" smtClean="0"/>
              <a:t>单击图标添加图片</a:t>
            </a:r>
            <a:endParaRPr lang="en-US"/>
          </a:p>
        </p:txBody>
      </p:sp>
      <p:sp>
        <p:nvSpPr>
          <p:cNvPr id="4" name="Text Placeholder 3"/>
          <p:cNvSpPr>
            <a:spLocks noGrp="1"/>
          </p:cNvSpPr>
          <p:nvPr>
            <p:ph type="body" sz="half" idx="2"/>
          </p:nvPr>
        </p:nvSpPr>
        <p:spPr>
          <a:xfrm>
            <a:off x="699824" y="1714500"/>
            <a:ext cx="3276864" cy="3176323"/>
          </a:xfrm>
        </p:spPr>
        <p:txBody>
          <a:bodyPr/>
          <a:lstStyle>
            <a:lvl1pPr marL="0" indent="0">
              <a:buNone/>
              <a:defRPr sz="1333"/>
            </a:lvl1pPr>
            <a:lvl2pPr marL="380935" indent="0">
              <a:buNone/>
              <a:defRPr sz="1166"/>
            </a:lvl2pPr>
            <a:lvl3pPr marL="761871" indent="0">
              <a:buNone/>
              <a:defRPr sz="1000"/>
            </a:lvl3pPr>
            <a:lvl4pPr marL="1142806" indent="0">
              <a:buNone/>
              <a:defRPr sz="833"/>
            </a:lvl4pPr>
            <a:lvl5pPr marL="1523741" indent="0">
              <a:buNone/>
              <a:defRPr sz="833"/>
            </a:lvl5pPr>
            <a:lvl6pPr marL="1904676" indent="0">
              <a:buNone/>
              <a:defRPr sz="833"/>
            </a:lvl6pPr>
            <a:lvl7pPr marL="2285611" indent="0">
              <a:buNone/>
              <a:defRPr sz="833"/>
            </a:lvl7pPr>
            <a:lvl8pPr marL="2666547" indent="0">
              <a:buNone/>
              <a:defRPr sz="833"/>
            </a:lvl8pPr>
            <a:lvl9pPr marL="3047482" indent="0">
              <a:buNone/>
              <a:defRPr sz="833"/>
            </a:lvl9pPr>
          </a:lstStyle>
          <a:p>
            <a:pPr lvl="0"/>
            <a:r>
              <a:rPr lang="zh-CN" altLang="en-US" smtClean="0"/>
              <a:t>单击此处编辑母版文本样式</a:t>
            </a:r>
          </a:p>
        </p:txBody>
      </p:sp>
      <p:sp>
        <p:nvSpPr>
          <p:cNvPr id="5" name="Date Placeholder 4"/>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zh-CN" alt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2356984549"/>
      </p:ext>
    </p:extLst>
  </p:cSld>
  <p:clrMapOvr>
    <a:masterClrMapping/>
  </p:clrMapOvr>
  <p:transition/>
  <p:timing/>
</p:sldLayout>
</file>

<file path=ppt/slideLayouts/slideLayout17.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vertTx" preserve="1">
  <p:cSld name="标题和竖排文字">
    <p:spTree>
      <p:nvGrpSpPr>
        <p:cNvPr id="1" name=""/>
        <p:cNvGrpSpPr/>
        <p:nvPr/>
      </p:nvGrpSpPr>
      <p:grpSpPr>
        <a:xfrm>
          <a:off x="0" y="0"/>
          <a:ext cx="0" cy="0"/>
        </a:xfrm>
      </p:grpSpPr>
      <p:sp>
        <p:nvSpPr>
          <p:cNvPr id="2" name="Title 1"/>
          <p:cNvSpPr>
            <a:spLocks noGrp="1"/>
          </p:cNvSpPr>
          <p:nvPr>
            <p:ph type="title"/>
          </p:nvPr>
        </p:nvSpPr>
        <p:spPr/>
        <p:txBody>
          <a:bodyPr/>
          <a:lstStyle/>
          <a:p>
            <a:r>
              <a:rPr lang="zh-CN" altLang="en-US" smtClean="0"/>
              <a:t>单击此处编辑母版标题样式</a:t>
            </a:r>
            <a:endParaRPr lang="en-US"/>
          </a:p>
        </p:txBody>
      </p:sp>
      <p:sp>
        <p:nvSpPr>
          <p:cNvPr id="3" name="Vertical Text Placeholder 2"/>
          <p:cNvSpPr>
            <a:spLocks noGrp="1"/>
          </p:cNvSpPr>
          <p:nvPr>
            <p:ph type="body" orient="vert" idx="1"/>
          </p:nvPr>
        </p:nvSpPr>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
        <p:nvSpPr>
          <p:cNvPr id="4" name="Date Placeholder 3"/>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zh-CN" alt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4276232246"/>
      </p:ext>
    </p:extLst>
  </p:cSld>
  <p:clrMapOvr>
    <a:masterClrMapping/>
  </p:clrMapOvr>
  <p:transition/>
  <p:timing/>
</p:sldLayout>
</file>

<file path=ppt/slideLayouts/slideLayout18.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vertTitleAndTx" preserve="1">
  <p:cSld name="垂直排列标题与 文本">
    <p:spTree>
      <p:nvGrpSpPr>
        <p:cNvPr id="1" name=""/>
        <p:cNvGrpSpPr/>
        <p:nvPr/>
      </p:nvGrpSpPr>
      <p:grpSpPr>
        <a:xfrm>
          <a:off x="0" y="0"/>
          <a:ext cx="0" cy="0"/>
        </a:xfrm>
      </p:grpSpPr>
      <p:sp>
        <p:nvSpPr>
          <p:cNvPr id="2" name="Vertical Title 1"/>
          <p:cNvSpPr>
            <a:spLocks noGrp="1"/>
          </p:cNvSpPr>
          <p:nvPr>
            <p:ph type="title" orient="vert"/>
          </p:nvPr>
        </p:nvSpPr>
        <p:spPr>
          <a:xfrm>
            <a:off x="7270750" y="304271"/>
            <a:ext cx="2190750" cy="4843198"/>
          </a:xfrm>
        </p:spPr>
        <p:txBody>
          <a:bodyPr vert="eaVert"/>
          <a:lstStyle/>
          <a:p>
            <a:r>
              <a:rPr lang="zh-CN" altLang="en-US" smtClean="0"/>
              <a:t>单击此处编辑母版标题样式</a:t>
            </a:r>
            <a:endParaRPr lang="en-US"/>
          </a:p>
        </p:txBody>
      </p:sp>
      <p:sp>
        <p:nvSpPr>
          <p:cNvPr id="3" name="Vertical Text Placeholder 2"/>
          <p:cNvSpPr>
            <a:spLocks noGrp="1"/>
          </p:cNvSpPr>
          <p:nvPr>
            <p:ph type="body" orient="vert" idx="1"/>
          </p:nvPr>
        </p:nvSpPr>
        <p:spPr>
          <a:xfrm>
            <a:off x="698500" y="304271"/>
            <a:ext cx="6445250" cy="4843198"/>
          </a:xfrm>
        </p:spPr>
        <p:txBody>
          <a:bodyPr vert="eaVert"/>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
        <p:nvSpPr>
          <p:cNvPr id="4" name="Date Placeholder 3"/>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zh-CN" alt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297101804"/>
      </p:ext>
    </p:extLst>
  </p:cSld>
  <p:clrMapOvr>
    <a:masterClrMapping/>
  </p:clrMapOvr>
  <p:transition/>
  <p:timing/>
</p:sldLayout>
</file>

<file path=ppt/slideLayouts/slideLayout2.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preserve="1" userDrawn="1">
  <p:cSld name="1_标题幻灯片">
    <p:spTree>
      <p:nvGrpSpPr>
        <p:cNvPr id="1" name=""/>
        <p:cNvGrpSpPr/>
        <p:nvPr/>
      </p:nvGrpSpPr>
      <p:grpSpPr>
        <a:xfrm>
          <a:off x="0" y="0"/>
          <a:ext cx="0" cy="0"/>
        </a:xfrm>
      </p:grpSpPr>
      <p:sp>
        <p:nvSpPr>
          <p:cNvPr id="8" name="矩形 7"/>
          <p:cNvSpPr/>
          <p:nvPr userDrawn="1"/>
        </p:nvSpPr>
        <p:spPr>
          <a:xfrm>
            <a:off x="0" y="5318472"/>
            <a:ext cx="10174111" cy="40922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endParaRPr lang="zh-CN" altLang="en-US" sz="1800"/>
          </a:p>
        </p:txBody>
      </p:sp>
      <p:sp>
        <p:nvSpPr>
          <p:cNvPr id="2" name="TextBox 1"/>
          <p:cNvSpPr txBox="1"/>
          <p:nvPr userDrawn="1"/>
        </p:nvSpPr>
        <p:spPr>
          <a:xfrm>
            <a:off x="6699531" y="139703"/>
            <a:ext cx="2646878" cy="461665"/>
          </a:xfrm>
          <a:prstGeom prst="rect">
            <a:avLst/>
          </a:prstGeom>
          <a:noFill/>
        </p:spPr>
        <p:txBody>
          <a:bodyPr wrap="none" rtlCol="0">
            <a:spAutoFit/>
          </a:bodyPr>
          <a:lstStyle/>
          <a:p>
            <a:r>
              <a:rPr lang="zh-CN" altLang="en-US" sz="2400" b="1" smtClean="0">
                <a:latin typeface="微软雅黑" panose="020b0503020204020204" pitchFamily="34" charset="-122"/>
                <a:ea typeface="微软雅黑" panose="020b0503020204020204" pitchFamily="34" charset="-122"/>
              </a:rPr>
              <a:t>单击此处添加文字</a:t>
            </a:r>
            <a:endParaRPr lang="zh-CN" altLang="en-US" sz="2400" b="1">
              <a:latin typeface="微软雅黑" panose="020b0503020204020204" pitchFamily="34" charset="-122"/>
              <a:ea typeface="微软雅黑" pitchFamily="34" charset="-122"/>
            </a:endParaRPr>
          </a:p>
        </p:txBody>
      </p:sp>
      <p:cxnSp>
        <p:nvCxnSpPr>
          <p:cNvPr id="10" name="直接连接符 9"/>
          <p:cNvCxnSpPr/>
          <p:nvPr userDrawn="1"/>
        </p:nvCxnSpPr>
        <p:spPr>
          <a:xfrm>
            <a:off x="2759742" y="625252"/>
            <a:ext cx="7400258" cy="0"/>
          </a:xfrm>
          <a:prstGeom prst="line">
            <a:avLst/>
          </a:prstGeom>
          <a:ln w="38100">
            <a:solidFill>
              <a:srgbClr val="00544A"/>
            </a:solidFill>
          </a:ln>
        </p:spPr>
        <p:style>
          <a:lnRef idx="1">
            <a:schemeClr val="accent1"/>
          </a:lnRef>
          <a:fillRef idx="0">
            <a:schemeClr val="accent1"/>
          </a:fillRef>
          <a:effectRef idx="0">
            <a:schemeClr val="accent1"/>
          </a:effectRef>
          <a:fontRef idx="minor">
            <a:schemeClr val="tx1"/>
          </a:fontRef>
        </p:style>
      </p:cxnSp>
      <p:pic>
        <p:nvPicPr>
          <p:cNvPr id="7" name="Picture 2"/>
          <p:cNvPicPr>
            <a:picLocks noChangeAspect="1" noChangeArrowheads="1"/>
          </p:cNvPicPr>
          <p:nvPr userDrawn="1"/>
        </p:nvPicPr>
        <p:blipFill>
          <a:blip r:embed="rId1">
            <a:extLst>
              <a:ext uri="{28A0092B-C50C-407E-A947-70E740481C1C}">
                <a14:useLocalDpi val="0"/>
              </a:ext>
            </a:extLst>
          </a:blip>
          <a:stretch>
            <a:fillRect/>
          </a:stretch>
        </p:blipFill>
        <p:spPr bwMode="auto">
          <a:xfrm>
            <a:off x="403012" y="191028"/>
            <a:ext cx="1936740" cy="642404"/>
          </a:xfrm>
          <a:prstGeom prst="rect">
            <a:avLst/>
          </a:prstGeom>
          <a:noFill/>
          <a:extLst>
            <a:ext uri="{909E8E84-426E-40DD-AFC4-6F175D3DCCD1}">
              <a14:hiddenFill>
                <a:solidFill>
                  <a:srgbClr val="FFFFFF"/>
                </a:solidFill>
              </a14:hiddenFill>
            </a:ext>
          </a:extLst>
        </p:spPr>
      </p:pic>
    </p:spTree>
    <p:extLst>
      <p:ext uri="{BB962C8B-B14F-4D97-AF65-F5344CB8AC3E}">
        <p14:creationId val="1643873611"/>
      </p:ext>
    </p:extLst>
  </p:cSld>
  <p:clrMapOvr>
    <a:masterClrMapping/>
  </p:clrMapOvr>
  <p:transition/>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afterGroup">
                            <p:stCondLst>
                              <p:cond delay="0"/>
                            </p:stCondLst>
                            <p:childTnLst>
                              <p:par>
                                <p:cTn id="5" presetID="16" presetClass="entr" presetSubtype="21" fill="hold" grpId="0"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arn(inVertical)">
                                      <p:cBhvr>
                                        <p:cTn id="7" dur="500"/>
                                        <p:tgtEl>
                                          <p:spTgt spid="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Layout>
</file>

<file path=ppt/slideLayouts/slideLayout3.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preserve="1" userDrawn="1">
  <p:cSld name="标题和内容">
    <p:spTree>
      <p:nvGrpSpPr>
        <p:cNvPr id="1" name=""/>
        <p:cNvGrpSpPr/>
        <p:nvPr/>
      </p:nvGrpSpPr>
      <p:grpSpPr>
        <a:xfrm>
          <a:off x="0" y="0"/>
          <a:ext cx="0" cy="0"/>
        </a:xfrm>
      </p:grpSpPr>
    </p:spTree>
  </p:cSld>
  <p:clrMapOvr>
    <a:overrideClrMapping bg1="lt1" tx1="dk1" bg2="lt2" tx2="dk2" accent1="accent1" accent2="accent2" accent3="accent3" accent4="accent4" accent5="accent5" accent6="accent6" hlink="hlink" folHlink="folHlink"/>
  </p:clrMapOvr>
  <p:transition/>
  <p:timing/>
</p:sldLayout>
</file>

<file path=ppt/slideLayouts/slideLayout4.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preserve="1" userDrawn="1">
  <p:cSld name="节标题">
    <p:spTree>
      <p:nvGrpSpPr>
        <p:cNvPr id="1" name=""/>
        <p:cNvGrpSpPr/>
        <p:nvPr/>
      </p:nvGrpSpPr>
      <p:grpSpPr>
        <a:xfrm>
          <a:off x="0" y="0"/>
          <a:ext cx="0" cy="0"/>
        </a:xfrm>
      </p:grpSpPr>
    </p:spTree>
  </p:cSld>
  <p:clrMapOvr>
    <a:masterClrMapping/>
  </p:clrMapOvr>
  <p:transition/>
  <p:timing/>
</p:sldLayout>
</file>

<file path=ppt/slideLayouts/slideLayout5.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preserve="1" userDrawn="1">
  <p:cSld name="两栏内容">
    <p:spTree>
      <p:nvGrpSpPr>
        <p:cNvPr id="1" name=""/>
        <p:cNvGrpSpPr/>
        <p:nvPr/>
      </p:nvGrpSpPr>
      <p:grpSpPr>
        <a:xfrm>
          <a:off x="0" y="0"/>
          <a:ext cx="0" cy="0"/>
        </a:xfrm>
      </p:grpSpPr>
    </p:spTree>
  </p:cSld>
  <p:clrMapOvr>
    <a:masterClrMapping/>
  </p:clrMapOvr>
  <p:transition/>
  <p:timing/>
</p:sldLayout>
</file>

<file path=ppt/slideLayouts/slideLayout6.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preserve="1" userDrawn="1">
  <p:cSld name="比较">
    <p:spTree>
      <p:nvGrpSpPr>
        <p:cNvPr id="1" name=""/>
        <p:cNvGrpSpPr/>
        <p:nvPr/>
      </p:nvGrpSpPr>
      <p:grpSpPr>
        <a:xfrm>
          <a:off x="0" y="0"/>
          <a:ext cx="0" cy="0"/>
        </a:xfrm>
      </p:grpSpPr>
    </p:spTree>
  </p:cSld>
  <p:clrMapOvr>
    <a:masterClrMapping/>
  </p:clrMapOvr>
  <p:transition/>
  <p:timing/>
</p:sldLayout>
</file>

<file path=ppt/slideLayouts/slideLayout7.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preserve="1" userDrawn="1">
  <p:cSld name="仅标题">
    <p:spTree>
      <p:nvGrpSpPr>
        <p:cNvPr id="1" name=""/>
        <p:cNvGrpSpPr/>
        <p:nvPr/>
      </p:nvGrpSpPr>
      <p:grpSpPr>
        <a:xfrm>
          <a:off x="0" y="0"/>
          <a:ext cx="0" cy="0"/>
        </a:xfrm>
      </p:grpSpPr>
    </p:spTree>
  </p:cSld>
  <p:clrMapOvr>
    <a:masterClrMapping/>
  </p:clrMapOvr>
  <p:transition/>
  <p:timing/>
</p:sldLayout>
</file>

<file path=ppt/slideLayouts/slideLayout8.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title" preserve="1">
  <p:cSld name="标题幻灯片">
    <p:spTree>
      <p:nvGrpSpPr>
        <p:cNvPr id="1" name=""/>
        <p:cNvGrpSpPr/>
        <p:nvPr/>
      </p:nvGrpSpPr>
      <p:grpSpPr>
        <a:xfrm>
          <a:off x="0" y="0"/>
          <a:ext cx="0" cy="0"/>
        </a:xfrm>
      </p:grpSpPr>
      <p:sp>
        <p:nvSpPr>
          <p:cNvPr id="2" name="Title 1"/>
          <p:cNvSpPr>
            <a:spLocks noGrp="1"/>
          </p:cNvSpPr>
          <p:nvPr>
            <p:ph type="ctrTitle"/>
          </p:nvPr>
        </p:nvSpPr>
        <p:spPr>
          <a:xfrm>
            <a:off x="1270000" y="935302"/>
            <a:ext cx="7620000" cy="1989667"/>
          </a:xfrm>
        </p:spPr>
        <p:txBody>
          <a:bodyPr anchor="b"/>
          <a:lstStyle>
            <a:lvl1pPr algn="ctr">
              <a:defRPr sz="4999"/>
            </a:lvl1pPr>
          </a:lstStyle>
          <a:p>
            <a:r>
              <a:rPr lang="zh-CN" altLang="en-US" smtClean="0"/>
              <a:t>单击此处编辑母版标题样式</a:t>
            </a:r>
            <a:endParaRPr lang="en-US"/>
          </a:p>
        </p:txBody>
      </p:sp>
      <p:sp>
        <p:nvSpPr>
          <p:cNvPr id="3" name="Subtitle 2"/>
          <p:cNvSpPr>
            <a:spLocks noGrp="1"/>
          </p:cNvSpPr>
          <p:nvPr>
            <p:ph type="subTitle" idx="1"/>
          </p:nvPr>
        </p:nvSpPr>
        <p:spPr>
          <a:xfrm>
            <a:off x="1270000" y="3001698"/>
            <a:ext cx="7620000" cy="1379802"/>
          </a:xfrm>
        </p:spPr>
        <p:txBody>
          <a:bodyPr/>
          <a:lstStyle>
            <a:lvl1pPr marL="0" indent="0" algn="ctr">
              <a:buNone/>
              <a:defRPr sz="2000"/>
            </a:lvl1pPr>
            <a:lvl2pPr marL="380935" indent="0" algn="ctr">
              <a:buNone/>
              <a:defRPr sz="1666"/>
            </a:lvl2pPr>
            <a:lvl3pPr marL="761871" indent="0" algn="ctr">
              <a:buNone/>
              <a:defRPr sz="1500"/>
            </a:lvl3pPr>
            <a:lvl4pPr marL="1142806" indent="0" algn="ctr">
              <a:buNone/>
              <a:defRPr sz="1333"/>
            </a:lvl4pPr>
            <a:lvl5pPr marL="1523741" indent="0" algn="ctr">
              <a:buNone/>
              <a:defRPr sz="1333"/>
            </a:lvl5pPr>
            <a:lvl6pPr marL="1904676" indent="0" algn="ctr">
              <a:buNone/>
              <a:defRPr sz="1333"/>
            </a:lvl6pPr>
            <a:lvl7pPr marL="2285611" indent="0" algn="ctr">
              <a:buNone/>
              <a:defRPr sz="1333"/>
            </a:lvl7pPr>
            <a:lvl8pPr marL="2666547" indent="0" algn="ctr">
              <a:buNone/>
              <a:defRPr sz="1333"/>
            </a:lvl8pPr>
            <a:lvl9pPr marL="3047482" indent="0" algn="ctr">
              <a:buNone/>
              <a:defRPr sz="1333"/>
            </a:lvl9pPr>
          </a:lstStyle>
          <a:p>
            <a:r>
              <a:rPr lang="zh-CN" altLang="en-US" smtClean="0"/>
              <a:t>单击此处编辑母版副标题样式</a:t>
            </a:r>
            <a:endParaRPr lang="en-US"/>
          </a:p>
        </p:txBody>
      </p:sp>
      <p:sp>
        <p:nvSpPr>
          <p:cNvPr id="4" name="Date Placeholder 3"/>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zh-CN" alt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3916810486"/>
      </p:ext>
    </p:extLst>
  </p:cSld>
  <p:clrMapOvr>
    <a:masterClrMapping/>
  </p:clrMapOvr>
  <p:transition/>
  <p:timing/>
</p:sldLayout>
</file>

<file path=ppt/slideLayouts/slideLayout9.xml><?xml version="1.0" encoding="utf-8"?>
<p:sldLayout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type="obj" preserve="1">
  <p:cSld name="标题和内容">
    <p:spTree>
      <p:nvGrpSpPr>
        <p:cNvPr id="1" name=""/>
        <p:cNvGrpSpPr/>
        <p:nvPr/>
      </p:nvGrpSpPr>
      <p:grpSpPr>
        <a:xfrm>
          <a:off x="0" y="0"/>
          <a:ext cx="0" cy="0"/>
        </a:xfrm>
      </p:grpSpPr>
      <p:sp>
        <p:nvSpPr>
          <p:cNvPr id="2" name="Title 1"/>
          <p:cNvSpPr>
            <a:spLocks noGrp="1"/>
          </p:cNvSpPr>
          <p:nvPr>
            <p:ph type="title"/>
          </p:nvPr>
        </p:nvSpPr>
        <p:spPr/>
        <p:txBody>
          <a:bodyPr/>
          <a:lstStyle/>
          <a:p>
            <a:r>
              <a:rPr lang="zh-CN" altLang="en-US" smtClean="0"/>
              <a:t>单击此处编辑母版标题样式</a:t>
            </a:r>
            <a:endParaRPr lang="en-US"/>
          </a:p>
        </p:txBody>
      </p:sp>
      <p:sp>
        <p:nvSpPr>
          <p:cNvPr id="3" name="Content Placeholder 2"/>
          <p:cNvSpPr>
            <a:spLocks noGrp="1"/>
          </p:cNvSpPr>
          <p:nvPr>
            <p:ph idx="1"/>
          </p:nvPr>
        </p:nvSpPr>
        <p:spPr/>
        <p:txBody>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
        <p:nvSpPr>
          <p:cNvPr id="4" name="Date Placeholder 3"/>
          <p:cNvSpPr>
            <a:spLocks noGrp="1"/>
          </p:cNvSpPr>
          <p:nvPr>
            <p:ph type="dt" sz="half" idx="10"/>
          </p:nvPr>
        </p:nvSpPr>
        <p:spPr/>
        <p:txBody>
          <a:bodyPr/>
          <a:lstStyle/>
          <a:p>
            <a:fld id="{16E5758D-A3C3-4E88-8AC0-22500507BD7E}" type="datetimeFigureOut">
              <a:rPr lang="zh-CN" altLang="en-US" smtClean="0">
                <a:solidFill>
                  <a:prstClr val="black">
                    <a:tint val="75000"/>
                  </a:prstClr>
                </a:solidFill>
              </a:rPr>
              <a:t>2018/5/24</a:t>
            </a:fld>
            <a:endParaRPr lang="zh-CN" alt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zh-CN" alt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AA4E786F-588D-4932-A7B2-AE3451FA4ACA}" type="slidenum">
              <a:rPr lang="zh-CN" altLang="en-US" smtClean="0">
                <a:solidFill>
                  <a:prstClr val="black">
                    <a:tint val="75000"/>
                  </a:prstClr>
                </a:solidFill>
              </a:rPr>
              <a:t>‹#›</a:t>
            </a:fld>
            <a:endParaRPr lang="zh-CN" altLang="en-US">
              <a:solidFill>
                <a:prstClr val="black">
                  <a:tint val="75000"/>
                </a:prstClr>
              </a:solidFill>
            </a:endParaRPr>
          </a:p>
        </p:txBody>
      </p:sp>
    </p:spTree>
    <p:extLst>
      <p:ext uri="{BB962C8B-B14F-4D97-AF65-F5344CB8AC3E}">
        <p14:creationId val="3418251939"/>
      </p:ext>
    </p:extLst>
  </p:cSld>
  <p:clrMapOvr>
    <a:masterClrMapping/>
  </p:clrMapOvr>
  <p:transition/>
  <p:timing/>
</p:sldLayout>
</file>

<file path=ppt/slideMasters/_rels/slideMaster1.xml.rels><?xml version="1.0" encoding="UTF-8" standalone="yes"?><Relationships xmlns="http://schemas.openxmlformats.org/package/2006/relationships"><Relationship Id="rId1" Target="../slideLayouts/slideLayout1.xml" Type="http://schemas.openxmlformats.org/officeDocument/2006/relationships/slideLayout"/><Relationship Id="rId2" Target="../slideLayouts/slideLayout2.xml" Type="http://schemas.openxmlformats.org/officeDocument/2006/relationships/slideLayout"/><Relationship Id="rId3" Target="../slideLayouts/slideLayout3.xml" Type="http://schemas.openxmlformats.org/officeDocument/2006/relationships/slideLayout"/><Relationship Id="rId4" Target="../slideLayouts/slideLayout4.xml" Type="http://schemas.openxmlformats.org/officeDocument/2006/relationships/slideLayout"/><Relationship Id="rId5" Target="../slideLayouts/slideLayout5.xml" Type="http://schemas.openxmlformats.org/officeDocument/2006/relationships/slideLayout"/><Relationship Id="rId6" Target="../slideLayouts/slideLayout6.xml" Type="http://schemas.openxmlformats.org/officeDocument/2006/relationships/slideLayout"/><Relationship Id="rId7" Target="../slideLayouts/slideLayout7.xml" Type="http://schemas.openxmlformats.org/officeDocument/2006/relationships/slideLayout"/><Relationship Id="rId8" Target="../theme/theme1.xml" Type="http://schemas.openxmlformats.org/officeDocument/2006/relationships/theme"/></Relationships>
</file>

<file path=ppt/slideMasters/_rels/slideMaster2.xml.rels><?xml version="1.0" encoding="UTF-8" standalone="yes"?><Relationships xmlns="http://schemas.openxmlformats.org/package/2006/relationships"><Relationship Id="rId1" Target="../slideLayouts/slideLayout8.xml" Type="http://schemas.openxmlformats.org/officeDocument/2006/relationships/slideLayout"/><Relationship Id="rId10" Target="../slideLayouts/slideLayout17.xml" Type="http://schemas.openxmlformats.org/officeDocument/2006/relationships/slideLayout"/><Relationship Id="rId11" Target="../slideLayouts/slideLayout18.xml" Type="http://schemas.openxmlformats.org/officeDocument/2006/relationships/slideLayout"/><Relationship Id="rId12" Target="../theme/theme2.xml" Type="http://schemas.openxmlformats.org/officeDocument/2006/relationships/theme"/><Relationship Id="rId2" Target="../slideLayouts/slideLayout9.xml" Type="http://schemas.openxmlformats.org/officeDocument/2006/relationships/slideLayout"/><Relationship Id="rId3" Target="../slideLayouts/slideLayout10.xml" Type="http://schemas.openxmlformats.org/officeDocument/2006/relationships/slideLayout"/><Relationship Id="rId4" Target="../slideLayouts/slideLayout11.xml" Type="http://schemas.openxmlformats.org/officeDocument/2006/relationships/slideLayout"/><Relationship Id="rId5" Target="../slideLayouts/slideLayout12.xml" Type="http://schemas.openxmlformats.org/officeDocument/2006/relationships/slideLayout"/><Relationship Id="rId6" Target="../slideLayouts/slideLayout13.xml" Type="http://schemas.openxmlformats.org/officeDocument/2006/relationships/slideLayout"/><Relationship Id="rId7" Target="../slideLayouts/slideLayout14.xml" Type="http://schemas.openxmlformats.org/officeDocument/2006/relationships/slideLayout"/><Relationship Id="rId8" Target="../slideLayouts/slideLayout15.xml" Type="http://schemas.openxmlformats.org/officeDocument/2006/relationships/slideLayout"/><Relationship Id="rId9" Target="../slideLayouts/slideLayout16.xml" Type="http://schemas.openxmlformats.org/officeDocument/2006/relationships/slideLayout"/></Relationships>
</file>

<file path=ppt/slideMasters/slideMaster1.xml><?xml version="1.0" encoding="utf-8"?>
<p:sldMaster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p:cSld>
    <p:bg>
      <p:bgRef idx="1001">
        <a:schemeClr val="bg1"/>
      </p:bgRef>
    </p:bg>
    <p:spTree>
      <p:nvGrpSpPr>
        <p:cNvPr id="1" name=""/>
        <p:cNvGrpSpPr/>
        <p:nvPr/>
      </p:nvGrpSpPr>
      <p:grpSpPr>
        <a:xfrm>
          <a:off x="0" y="0"/>
          <a:ext cx="0" cy="0"/>
        </a:xfrm>
      </p:grpSpPr>
    </p:spTree>
  </p:cSld>
  <p:clrMap bg1="lt1" tx1="dk1" bg2="lt2" tx2="dk2" accent1="accent1" accent2="accent2" accent3="accent3" accent4="accent4" accent5="accent5" accent6="accent6" hlink="hlink" folHlink="folHlink"/>
  <p:sldLayoutIdLst>
    <p:sldLayoutId id="2147483649" r:id="rId1"/>
    <p:sldLayoutId id="2147483655" r:id="rId2"/>
    <p:sldLayoutId id="2147483650" r:id="rId3"/>
    <p:sldLayoutId id="2147483651" r:id="rId4"/>
    <p:sldLayoutId id="2147483652" r:id="rId5"/>
    <p:sldLayoutId id="2147483653" r:id="rId6"/>
    <p:sldLayoutId id="2147483654" r:id="rId7"/>
  </p:sldLayoutIdLst>
  <p:transition/>
  <p:timing/>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zh-CN"/>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m="http://schemas.openxmlformats.org/officeDocument/2006/math" xmlns:w="http://schemas.openxmlformats.org/wordprocessingml/2006/main" xmlns:wp="http://schemas.openxmlformats.org/drawingml/2006/wordprocessingDrawing" xmlns:a14="http://schemas.microsoft.com/office/drawing/2010/main" xmlns:mc="http://schemas.openxmlformats.org/markup-compatibility/2006" xmlns:p14="http://schemas.microsoft.com/office/powerpoint/2010/main" xmlns:p15="http://schemas.microsoft.com/office/powerpoint/2012/main" xmlns:p159="http://schemas.microsoft.com/office/powerpoint/2015/09/main" xmlns:p="http://schemas.openxmlformats.org/presentationml/2006/main">
  <p:cSld>
    <p:bg>
      <p:bgRef idx="1001">
        <a:schemeClr val="bg1"/>
      </p:bgRef>
    </p:bg>
    <p:spTree>
      <p:nvGrpSpPr>
        <p:cNvPr id="1" name=""/>
        <p:cNvGrpSpPr/>
        <p:nvPr/>
      </p:nvGrpSpPr>
      <p:grpSpPr>
        <a:xfrm>
          <a:off x="0" y="0"/>
          <a:ext cx="0" cy="0"/>
        </a:xfrm>
      </p:grpSpPr>
      <p:sp>
        <p:nvSpPr>
          <p:cNvPr id="2" name="Title Placeholder 1"/>
          <p:cNvSpPr>
            <a:spLocks noGrp="1"/>
          </p:cNvSpPr>
          <p:nvPr>
            <p:ph type="title"/>
          </p:nvPr>
        </p:nvSpPr>
        <p:spPr>
          <a:xfrm>
            <a:off x="698500" y="304271"/>
            <a:ext cx="8763000" cy="1104636"/>
          </a:xfrm>
          <a:prstGeom prst="rect">
            <a:avLst/>
          </a:prstGeom>
        </p:spPr>
        <p:txBody>
          <a:bodyPr vert="horz" lIns="91440" tIns="45720" rIns="91440" bIns="45720" rtlCol="0" anchor="ctr">
            <a:normAutofit/>
          </a:bodyPr>
          <a:lstStyle/>
          <a:p>
            <a:r>
              <a:rPr lang="zh-CN" altLang="en-US" smtClean="0"/>
              <a:t>单击此处编辑母版标题样式</a:t>
            </a:r>
            <a:endParaRPr lang="en-US"/>
          </a:p>
        </p:txBody>
      </p:sp>
      <p:sp>
        <p:nvSpPr>
          <p:cNvPr id="3" name="Text Placeholder 2"/>
          <p:cNvSpPr>
            <a:spLocks noGrp="1"/>
          </p:cNvSpPr>
          <p:nvPr>
            <p:ph type="body" idx="1"/>
          </p:nvPr>
        </p:nvSpPr>
        <p:spPr>
          <a:xfrm>
            <a:off x="698500" y="1521354"/>
            <a:ext cx="8763000" cy="3626115"/>
          </a:xfrm>
          <a:prstGeom prst="rect">
            <a:avLst/>
          </a:prstGeom>
        </p:spPr>
        <p:txBody>
          <a:bodyPr vert="horz" lIns="91440" tIns="45720" rIns="91440" bIns="45720" rtlCol="0">
            <a:normAutofit/>
          </a:bodyPr>
          <a:lstStyle/>
          <a:p>
            <a:pPr lvl="0"/>
            <a:r>
              <a:rPr lang="zh-CN" altLang="en-US" smtClean="0"/>
              <a:t>单击此处编辑母版文本样式</a:t>
            </a:r>
          </a:p>
          <a:p>
            <a:pPr lvl="1"/>
            <a:r>
              <a:rPr lang="zh-CN" altLang="en-US" smtClean="0"/>
              <a:t>第二级</a:t>
            </a:r>
          </a:p>
          <a:p>
            <a:pPr lvl="2"/>
            <a:r>
              <a:rPr lang="zh-CN" altLang="en-US" smtClean="0"/>
              <a:t>第三级</a:t>
            </a:r>
          </a:p>
          <a:p>
            <a:pPr lvl="3"/>
            <a:r>
              <a:rPr lang="zh-CN" altLang="en-US" smtClean="0"/>
              <a:t>第四级</a:t>
            </a:r>
          </a:p>
          <a:p>
            <a:pPr lvl="4"/>
            <a:r>
              <a:rPr lang="zh-CN" altLang="en-US" smtClean="0"/>
              <a:t>第五级</a:t>
            </a:r>
            <a:endParaRPr lang="en-US"/>
          </a:p>
        </p:txBody>
      </p:sp>
      <p:sp>
        <p:nvSpPr>
          <p:cNvPr id="4" name="Date Placeholder 3"/>
          <p:cNvSpPr>
            <a:spLocks noGrp="1"/>
          </p:cNvSpPr>
          <p:nvPr>
            <p:ph type="dt" sz="half" idx="2"/>
          </p:nvPr>
        </p:nvSpPr>
        <p:spPr>
          <a:xfrm>
            <a:off x="698500" y="5296959"/>
            <a:ext cx="2286000" cy="304271"/>
          </a:xfrm>
          <a:prstGeom prst="rect">
            <a:avLst/>
          </a:prstGeom>
        </p:spPr>
        <p:txBody>
          <a:bodyPr vert="horz" lIns="91440" tIns="45720" rIns="91440" bIns="45720" rtlCol="0" anchor="ctr"/>
          <a:lstStyle>
            <a:lvl1pPr algn="l">
              <a:defRPr sz="1000">
                <a:solidFill>
                  <a:schemeClr val="tx1">
                    <a:tint val="75000"/>
                  </a:schemeClr>
                </a:solidFill>
              </a:defRPr>
            </a:lvl1pPr>
          </a:lstStyle>
          <a:p>
            <a:pPr defTabSz="761871"/>
            <a:fld id="{16E5758D-A3C3-4E88-8AC0-22500507BD7E}" type="datetimeFigureOut">
              <a:rPr lang="zh-CN" altLang="en-US" smtClean="0">
                <a:solidFill>
                  <a:prstClr val="black">
                    <a:tint val="75000"/>
                  </a:prstClr>
                </a:solidFill>
              </a:rPr>
              <a:pPr defTabSz="761871"/>
              <a:t>2018/5/24</a:t>
            </a:fld>
            <a:endParaRPr lang="zh-CN" altLang="en-US">
              <a:solidFill>
                <a:prstClr val="black">
                  <a:tint val="75000"/>
                </a:prstClr>
              </a:solidFill>
            </a:endParaRPr>
          </a:p>
        </p:txBody>
      </p:sp>
      <p:sp>
        <p:nvSpPr>
          <p:cNvPr id="5" name="Footer Placeholder 4"/>
          <p:cNvSpPr>
            <a:spLocks noGrp="1"/>
          </p:cNvSpPr>
          <p:nvPr>
            <p:ph type="ftr" sz="quarter" idx="3"/>
          </p:nvPr>
        </p:nvSpPr>
        <p:spPr>
          <a:xfrm>
            <a:off x="3365500" y="5296959"/>
            <a:ext cx="3429000" cy="304271"/>
          </a:xfrm>
          <a:prstGeom prst="rect">
            <a:avLst/>
          </a:prstGeom>
        </p:spPr>
        <p:txBody>
          <a:bodyPr vert="horz" lIns="91440" tIns="45720" rIns="91440" bIns="45720" rtlCol="0" anchor="ctr"/>
          <a:lstStyle>
            <a:lvl1pPr algn="ctr">
              <a:defRPr sz="1000">
                <a:solidFill>
                  <a:schemeClr val="tx1">
                    <a:tint val="75000"/>
                  </a:schemeClr>
                </a:solidFill>
              </a:defRPr>
            </a:lvl1pPr>
          </a:lstStyle>
          <a:p>
            <a:pPr defTabSz="761871"/>
            <a:endParaRPr lang="zh-CN" altLang="en-US">
              <a:solidFill>
                <a:prstClr val="black">
                  <a:tint val="75000"/>
                </a:prstClr>
              </a:solidFill>
            </a:endParaRPr>
          </a:p>
        </p:txBody>
      </p:sp>
      <p:sp>
        <p:nvSpPr>
          <p:cNvPr id="6" name="Slide Number Placeholder 5"/>
          <p:cNvSpPr>
            <a:spLocks noGrp="1"/>
          </p:cNvSpPr>
          <p:nvPr>
            <p:ph type="sldNum" sz="quarter" idx="4"/>
          </p:nvPr>
        </p:nvSpPr>
        <p:spPr>
          <a:xfrm>
            <a:off x="7175500" y="5296959"/>
            <a:ext cx="2286000" cy="304271"/>
          </a:xfrm>
          <a:prstGeom prst="rect">
            <a:avLst/>
          </a:prstGeom>
        </p:spPr>
        <p:txBody>
          <a:bodyPr vert="horz" lIns="91440" tIns="45720" rIns="91440" bIns="45720" rtlCol="0" anchor="ctr"/>
          <a:lstStyle>
            <a:lvl1pPr algn="r">
              <a:defRPr sz="1000">
                <a:solidFill>
                  <a:schemeClr val="tx1">
                    <a:tint val="75000"/>
                  </a:schemeClr>
                </a:solidFill>
              </a:defRPr>
            </a:lvl1pPr>
          </a:lstStyle>
          <a:p>
            <a:pPr defTabSz="761871"/>
            <a:fld id="{AA4E786F-588D-4932-A7B2-AE3451FA4ACA}" type="slidenum">
              <a:rPr lang="zh-CN" altLang="en-US" smtClean="0">
                <a:solidFill>
                  <a:prstClr val="black">
                    <a:tint val="75000"/>
                  </a:prstClr>
                </a:solidFill>
              </a:rPr>
              <a:pPr defTabSz="761871"/>
              <a:t>‹#›</a:t>
            </a:fld>
            <a:endParaRPr lang="zh-CN" altLang="en-US">
              <a:solidFill>
                <a:prstClr val="black">
                  <a:tint val="75000"/>
                </a:prstClr>
              </a:solidFill>
            </a:endParaRPr>
          </a:p>
        </p:txBody>
      </p:sp>
    </p:spTree>
    <p:extLst>
      <p:ext uri="{BB962C8B-B14F-4D97-AF65-F5344CB8AC3E}">
        <p14:creationId val="2409873277"/>
      </p:ext>
    </p:extLst>
  </p:cSld>
  <p:clrMap bg1="lt1" tx1="dk1" bg2="lt2" tx2="dk2" accent1="accent1" accent2="accent2" accent3="accent3" accent4="accent4" accent5="accent5" accent6="accent6" hlink="hlink" folHlink="folHlink"/>
  <p:sldLayoutIdLst>
    <p:sldLayoutId id="2147483657" r:id="rId1"/>
    <p:sldLayoutId id="2147483658" r:id="rId2"/>
    <p:sldLayoutId id="2147483659" r:id="rId3"/>
    <p:sldLayoutId id="2147483660" r:id="rId4"/>
    <p:sldLayoutId id="2147483661" r:id="rId5"/>
    <p:sldLayoutId id="2147483662" r:id="rId6"/>
    <p:sldLayoutId id="2147483663" r:id="rId7"/>
    <p:sldLayoutId id="2147483664" r:id="rId8"/>
    <p:sldLayoutId id="2147483665" r:id="rId9"/>
    <p:sldLayoutId id="2147483666" r:id="rId10"/>
    <p:sldLayoutId id="2147483667" r:id="rId11"/>
  </p:sldLayoutIdLst>
  <p:transition/>
  <p:timing/>
  <p:txStyles>
    <p:titleStyle>
      <a:lvl1pPr algn="l" defTabSz="761871" rtl="0" eaLnBrk="1" latinLnBrk="0" hangingPunct="1">
        <a:lnSpc>
          <a:spcPct val="90000"/>
        </a:lnSpc>
        <a:spcBef>
          <a:spcPct val="0"/>
        </a:spcBef>
        <a:buNone/>
        <a:defRPr sz="3666" kern="1200">
          <a:solidFill>
            <a:schemeClr val="tx1"/>
          </a:solidFill>
          <a:latin typeface="+mj-lt"/>
          <a:ea typeface="+mj-ea"/>
          <a:cs typeface="+mj-cs"/>
        </a:defRPr>
      </a:lvl1pPr>
    </p:titleStyle>
    <p:bodyStyle>
      <a:lvl1pPr marL="190468" indent="-190468" algn="l" defTabSz="761871" rtl="0" eaLnBrk="1" latinLnBrk="0" hangingPunct="1">
        <a:lnSpc>
          <a:spcPct val="90000"/>
        </a:lnSpc>
        <a:spcBef>
          <a:spcPts val="833"/>
        </a:spcBef>
        <a:buFont typeface="Arial" pitchFamily="34" charset="0"/>
        <a:buChar char="•"/>
        <a:defRPr sz="2333" kern="1200">
          <a:solidFill>
            <a:schemeClr val="tx1"/>
          </a:solidFill>
          <a:latin typeface="+mn-lt"/>
          <a:ea typeface="+mn-ea"/>
          <a:cs typeface="+mn-cs"/>
        </a:defRPr>
      </a:lvl1pPr>
      <a:lvl2pPr marL="571403" indent="-190468" algn="l" defTabSz="761871" rtl="0" eaLnBrk="1" latinLnBrk="0" hangingPunct="1">
        <a:lnSpc>
          <a:spcPct val="90000"/>
        </a:lnSpc>
        <a:spcBef>
          <a:spcPts val="417"/>
        </a:spcBef>
        <a:buFont typeface="Arial" pitchFamily="34" charset="0"/>
        <a:buChar char="•"/>
        <a:defRPr sz="2000" kern="1200">
          <a:solidFill>
            <a:schemeClr val="tx1"/>
          </a:solidFill>
          <a:latin typeface="+mn-lt"/>
          <a:ea typeface="+mn-ea"/>
          <a:cs typeface="+mn-cs"/>
        </a:defRPr>
      </a:lvl2pPr>
      <a:lvl3pPr marL="952338" indent="-190468" algn="l" defTabSz="761871" rtl="0" eaLnBrk="1" latinLnBrk="0" hangingPunct="1">
        <a:lnSpc>
          <a:spcPct val="90000"/>
        </a:lnSpc>
        <a:spcBef>
          <a:spcPts val="417"/>
        </a:spcBef>
        <a:buFont typeface="Arial" pitchFamily="34" charset="0"/>
        <a:buChar char="•"/>
        <a:defRPr sz="1666" kern="1200">
          <a:solidFill>
            <a:schemeClr val="tx1"/>
          </a:solidFill>
          <a:latin typeface="+mn-lt"/>
          <a:ea typeface="+mn-ea"/>
          <a:cs typeface="+mn-cs"/>
        </a:defRPr>
      </a:lvl3pPr>
      <a:lvl4pPr marL="1333273" indent="-190468" algn="l" defTabSz="761871" rtl="0" eaLnBrk="1" latinLnBrk="0" hangingPunct="1">
        <a:lnSpc>
          <a:spcPct val="90000"/>
        </a:lnSpc>
        <a:spcBef>
          <a:spcPts val="417"/>
        </a:spcBef>
        <a:buFont typeface="Arial" pitchFamily="34" charset="0"/>
        <a:buChar char="•"/>
        <a:defRPr sz="1500" kern="1200">
          <a:solidFill>
            <a:schemeClr val="tx1"/>
          </a:solidFill>
          <a:latin typeface="+mn-lt"/>
          <a:ea typeface="+mn-ea"/>
          <a:cs typeface="+mn-cs"/>
        </a:defRPr>
      </a:lvl4pPr>
      <a:lvl5pPr marL="1714208" indent="-190468" algn="l" defTabSz="761871" rtl="0" eaLnBrk="1" latinLnBrk="0" hangingPunct="1">
        <a:lnSpc>
          <a:spcPct val="90000"/>
        </a:lnSpc>
        <a:spcBef>
          <a:spcPts val="417"/>
        </a:spcBef>
        <a:buFont typeface="Arial" pitchFamily="34" charset="0"/>
        <a:buChar char="•"/>
        <a:defRPr sz="1500" kern="1200">
          <a:solidFill>
            <a:schemeClr val="tx1"/>
          </a:solidFill>
          <a:latin typeface="+mn-lt"/>
          <a:ea typeface="+mn-ea"/>
          <a:cs typeface="+mn-cs"/>
        </a:defRPr>
      </a:lvl5pPr>
      <a:lvl6pPr marL="2095144" indent="-190468" algn="l" defTabSz="761871" rtl="0" eaLnBrk="1" latinLnBrk="0" hangingPunct="1">
        <a:lnSpc>
          <a:spcPct val="90000"/>
        </a:lnSpc>
        <a:spcBef>
          <a:spcPts val="417"/>
        </a:spcBef>
        <a:buFont typeface="Arial" pitchFamily="34" charset="0"/>
        <a:buChar char="•"/>
        <a:defRPr sz="1500" kern="1200">
          <a:solidFill>
            <a:schemeClr val="tx1"/>
          </a:solidFill>
          <a:latin typeface="+mn-lt"/>
          <a:ea typeface="+mn-ea"/>
          <a:cs typeface="+mn-cs"/>
        </a:defRPr>
      </a:lvl6pPr>
      <a:lvl7pPr marL="2476079" indent="-190468" algn="l" defTabSz="761871" rtl="0" eaLnBrk="1" latinLnBrk="0" hangingPunct="1">
        <a:lnSpc>
          <a:spcPct val="90000"/>
        </a:lnSpc>
        <a:spcBef>
          <a:spcPts val="417"/>
        </a:spcBef>
        <a:buFont typeface="Arial" pitchFamily="34" charset="0"/>
        <a:buChar char="•"/>
        <a:defRPr sz="1500" kern="1200">
          <a:solidFill>
            <a:schemeClr val="tx1"/>
          </a:solidFill>
          <a:latin typeface="+mn-lt"/>
          <a:ea typeface="+mn-ea"/>
          <a:cs typeface="+mn-cs"/>
        </a:defRPr>
      </a:lvl7pPr>
      <a:lvl8pPr marL="2857014" indent="-190468" algn="l" defTabSz="761871" rtl="0" eaLnBrk="1" latinLnBrk="0" hangingPunct="1">
        <a:lnSpc>
          <a:spcPct val="90000"/>
        </a:lnSpc>
        <a:spcBef>
          <a:spcPts val="417"/>
        </a:spcBef>
        <a:buFont typeface="Arial" pitchFamily="34" charset="0"/>
        <a:buChar char="•"/>
        <a:defRPr sz="1500" kern="1200">
          <a:solidFill>
            <a:schemeClr val="tx1"/>
          </a:solidFill>
          <a:latin typeface="+mn-lt"/>
          <a:ea typeface="+mn-ea"/>
          <a:cs typeface="+mn-cs"/>
        </a:defRPr>
      </a:lvl8pPr>
      <a:lvl9pPr marL="3237949" indent="-190468" algn="l" defTabSz="761871" rtl="0" eaLnBrk="1" latinLnBrk="0" hangingPunct="1">
        <a:lnSpc>
          <a:spcPct val="90000"/>
        </a:lnSpc>
        <a:spcBef>
          <a:spcPts val="417"/>
        </a:spcBef>
        <a:buFont typeface="Arial" pitchFamily="34" charset="0"/>
        <a:buChar char="•"/>
        <a:defRPr sz="1500" kern="1200">
          <a:solidFill>
            <a:schemeClr val="tx1"/>
          </a:solidFill>
          <a:latin typeface="+mn-lt"/>
          <a:ea typeface="+mn-ea"/>
          <a:cs typeface="+mn-cs"/>
        </a:defRPr>
      </a:lvl9pPr>
    </p:bodyStyle>
    <p:otherStyle>
      <a:defPPr>
        <a:defRPr lang="en-US"/>
      </a:defPPr>
      <a:lvl1pPr marL="0" algn="l" defTabSz="761871" rtl="0" eaLnBrk="1" latinLnBrk="0" hangingPunct="1">
        <a:defRPr sz="1500" kern="1200">
          <a:solidFill>
            <a:schemeClr val="tx1"/>
          </a:solidFill>
          <a:latin typeface="+mn-lt"/>
          <a:ea typeface="+mn-ea"/>
          <a:cs typeface="+mn-cs"/>
        </a:defRPr>
      </a:lvl1pPr>
      <a:lvl2pPr marL="380935" algn="l" defTabSz="761871" rtl="0" eaLnBrk="1" latinLnBrk="0" hangingPunct="1">
        <a:defRPr sz="1500" kern="1200">
          <a:solidFill>
            <a:schemeClr val="tx1"/>
          </a:solidFill>
          <a:latin typeface="+mn-lt"/>
          <a:ea typeface="+mn-ea"/>
          <a:cs typeface="+mn-cs"/>
        </a:defRPr>
      </a:lvl2pPr>
      <a:lvl3pPr marL="761871" algn="l" defTabSz="761871" rtl="0" eaLnBrk="1" latinLnBrk="0" hangingPunct="1">
        <a:defRPr sz="1500" kern="1200">
          <a:solidFill>
            <a:schemeClr val="tx1"/>
          </a:solidFill>
          <a:latin typeface="+mn-lt"/>
          <a:ea typeface="+mn-ea"/>
          <a:cs typeface="+mn-cs"/>
        </a:defRPr>
      </a:lvl3pPr>
      <a:lvl4pPr marL="1142806" algn="l" defTabSz="761871" rtl="0" eaLnBrk="1" latinLnBrk="0" hangingPunct="1">
        <a:defRPr sz="1500" kern="1200">
          <a:solidFill>
            <a:schemeClr val="tx1"/>
          </a:solidFill>
          <a:latin typeface="+mn-lt"/>
          <a:ea typeface="+mn-ea"/>
          <a:cs typeface="+mn-cs"/>
        </a:defRPr>
      </a:lvl4pPr>
      <a:lvl5pPr marL="1523741" algn="l" defTabSz="761871" rtl="0" eaLnBrk="1" latinLnBrk="0" hangingPunct="1">
        <a:defRPr sz="1500" kern="1200">
          <a:solidFill>
            <a:schemeClr val="tx1"/>
          </a:solidFill>
          <a:latin typeface="+mn-lt"/>
          <a:ea typeface="+mn-ea"/>
          <a:cs typeface="+mn-cs"/>
        </a:defRPr>
      </a:lvl5pPr>
      <a:lvl6pPr marL="1904676" algn="l" defTabSz="761871" rtl="0" eaLnBrk="1" latinLnBrk="0" hangingPunct="1">
        <a:defRPr sz="1500" kern="1200">
          <a:solidFill>
            <a:schemeClr val="tx1"/>
          </a:solidFill>
          <a:latin typeface="+mn-lt"/>
          <a:ea typeface="+mn-ea"/>
          <a:cs typeface="+mn-cs"/>
        </a:defRPr>
      </a:lvl6pPr>
      <a:lvl7pPr marL="2285611" algn="l" defTabSz="761871" rtl="0" eaLnBrk="1" latinLnBrk="0" hangingPunct="1">
        <a:defRPr sz="1500" kern="1200">
          <a:solidFill>
            <a:schemeClr val="tx1"/>
          </a:solidFill>
          <a:latin typeface="+mn-lt"/>
          <a:ea typeface="+mn-ea"/>
          <a:cs typeface="+mn-cs"/>
        </a:defRPr>
      </a:lvl7pPr>
      <a:lvl8pPr marL="2666547" algn="l" defTabSz="761871" rtl="0" eaLnBrk="1" latinLnBrk="0" hangingPunct="1">
        <a:defRPr sz="1500" kern="1200">
          <a:solidFill>
            <a:schemeClr val="tx1"/>
          </a:solidFill>
          <a:latin typeface="+mn-lt"/>
          <a:ea typeface="+mn-ea"/>
          <a:cs typeface="+mn-cs"/>
        </a:defRPr>
      </a:lvl8pPr>
      <a:lvl9pPr marL="3047482" algn="l" defTabSz="761871" rtl="0" eaLnBrk="1" latinLnBrk="0" hangingPunct="1">
        <a:defRPr sz="1500" kern="1200">
          <a:solidFill>
            <a:schemeClr val="tx1"/>
          </a:solidFill>
          <a:latin typeface="+mn-lt"/>
          <a:ea typeface="+mn-ea"/>
          <a:cs typeface="+mn-cs"/>
        </a:defRPr>
      </a:lvl9pPr>
    </p:otherStyle>
  </p:txStyles>
</p:sldMaster>
</file>

<file path=ppt/slides/_rels/slide1.xml.rels><?xml version="1.0" encoding="UTF-8" standalone="yes"?><Relationships xmlns="http://schemas.openxmlformats.org/package/2006/relationships"><Relationship Id="rId1" Target="../slideLayouts/slideLayout3.xml" Type="http://schemas.openxmlformats.org/officeDocument/2006/relationships/slideLayout"/><Relationship Id="rId2" Target="../notesSlides/notesSlide1.xml" Type="http://schemas.openxmlformats.org/officeDocument/2006/relationships/notesSlide"/><Relationship Id="rId3" Target="../media/image2.png" Type="http://schemas.openxmlformats.org/officeDocument/2006/relationships/image"/></Relationships>
</file>

<file path=ppt/slides/_rels/slide10.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0.xml" Type="http://schemas.openxmlformats.org/officeDocument/2006/relationships/notesSlide"/></Relationships>
</file>

<file path=ppt/slides/_rels/slide11.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1.xml" Type="http://schemas.openxmlformats.org/officeDocument/2006/relationships/notesSlide"/><Relationship Id="rId3" Target="../media/image7.jpeg" Type="http://schemas.openxmlformats.org/officeDocument/2006/relationships/image"/><Relationship Id="rId4" Target="../media/image8.jpeg" Type="http://schemas.openxmlformats.org/officeDocument/2006/relationships/image"/></Relationships>
</file>

<file path=ppt/slides/_rels/slide12.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2.xml" Type="http://schemas.openxmlformats.org/officeDocument/2006/relationships/notesSlide"/></Relationships>
</file>

<file path=ppt/slides/_rels/slide13.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3.xml" Type="http://schemas.openxmlformats.org/officeDocument/2006/relationships/notesSlide"/></Relationships>
</file>

<file path=ppt/slides/_rels/slide14.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4.xml" Type="http://schemas.openxmlformats.org/officeDocument/2006/relationships/notesSlide"/></Relationships>
</file>

<file path=ppt/slides/_rels/slide15.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5.xml" Type="http://schemas.openxmlformats.org/officeDocument/2006/relationships/notesSlide"/><Relationship Id="rId3" Target="../media/image9.png" Type="http://schemas.openxmlformats.org/officeDocument/2006/relationships/image"/><Relationship Id="rId4" Target="../media/image10.png" Type="http://schemas.openxmlformats.org/officeDocument/2006/relationships/image"/></Relationships>
</file>

<file path=ppt/slides/_rels/slide16.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6.xml" Type="http://schemas.openxmlformats.org/officeDocument/2006/relationships/notesSlide"/></Relationships>
</file>

<file path=ppt/slides/_rels/slide17.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7.xml" Type="http://schemas.openxmlformats.org/officeDocument/2006/relationships/notesSlide"/></Relationships>
</file>

<file path=ppt/slides/_rels/slide18.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8.xml" Type="http://schemas.openxmlformats.org/officeDocument/2006/relationships/notesSlide"/></Relationships>
</file>

<file path=ppt/slides/_rels/slide19.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19.xml" Type="http://schemas.openxmlformats.org/officeDocument/2006/relationships/notesSlide"/></Relationships>
</file>

<file path=ppt/slides/_rels/slide2.xml.rels><?xml version="1.0" encoding="UTF-8" standalone="yes"?><Relationships xmlns="http://schemas.openxmlformats.org/package/2006/relationships"><Relationship Id="rId1" Target="../slideLayouts/slideLayout1.xml" Type="http://schemas.openxmlformats.org/officeDocument/2006/relationships/slideLayout"/><Relationship Id="rId2" Target="../notesSlides/notesSlide2.xml" Type="http://schemas.openxmlformats.org/officeDocument/2006/relationships/notesSlide"/><Relationship Id="rId3" Target="../media/image3.png" Type="http://schemas.openxmlformats.org/officeDocument/2006/relationships/image"/></Relationships>
</file>

<file path=ppt/slides/_rels/slide20.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0.xml" Type="http://schemas.openxmlformats.org/officeDocument/2006/relationships/notesSlide"/></Relationships>
</file>

<file path=ppt/slides/_rels/slide21.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1.xml" Type="http://schemas.openxmlformats.org/officeDocument/2006/relationships/notesSlide"/></Relationships>
</file>

<file path=ppt/slides/_rels/slide22.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2.xml" Type="http://schemas.openxmlformats.org/officeDocument/2006/relationships/notesSlide"/></Relationships>
</file>

<file path=ppt/slides/_rels/slide23.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3.xml" Type="http://schemas.openxmlformats.org/officeDocument/2006/relationships/notesSlide"/></Relationships>
</file>

<file path=ppt/slides/_rels/slide24.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4.xml" Type="http://schemas.openxmlformats.org/officeDocument/2006/relationships/notesSlide"/><Relationship Id="rId3" Target="../media/image11.png" Type="http://schemas.openxmlformats.org/officeDocument/2006/relationships/image"/></Relationships>
</file>

<file path=ppt/slides/_rels/slide25.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5.xml" Type="http://schemas.openxmlformats.org/officeDocument/2006/relationships/notesSlide"/><Relationship Id="rId3" Target="../media/image12.jpeg" Type="http://schemas.openxmlformats.org/officeDocument/2006/relationships/image"/><Relationship Id="rId4" Target="../media/image13.jpeg" Type="http://schemas.openxmlformats.org/officeDocument/2006/relationships/image"/></Relationships>
</file>

<file path=ppt/slides/_rels/slide26.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6.xml" Type="http://schemas.openxmlformats.org/officeDocument/2006/relationships/notesSlide"/></Relationships>
</file>

<file path=ppt/slides/_rels/slide27.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7.xml" Type="http://schemas.openxmlformats.org/officeDocument/2006/relationships/notesSlide"/></Relationships>
</file>

<file path=ppt/slides/_rels/slide28.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8.xml" Type="http://schemas.openxmlformats.org/officeDocument/2006/relationships/notesSlide"/></Relationships>
</file>

<file path=ppt/slides/_rels/slide29.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29.xml" Type="http://schemas.openxmlformats.org/officeDocument/2006/relationships/notesSlide"/><Relationship Id="rId3" Target="../media/image1.png" Type="http://schemas.openxmlformats.org/officeDocument/2006/relationships/image"/></Relationships>
</file>

<file path=ppt/slides/_rels/slide3.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3.xml" Type="http://schemas.openxmlformats.org/officeDocument/2006/relationships/notesSlide"/></Relationships>
</file>

<file path=ppt/slides/_rels/slide30.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30.xml" Type="http://schemas.openxmlformats.org/officeDocument/2006/relationships/notesSlide"/><Relationship Id="rId3" Target="../media/image14.wmf" Type="http://schemas.openxmlformats.org/officeDocument/2006/relationships/image"/><Relationship Id="rId4" Target="../media/image15.png" Type="http://schemas.openxmlformats.org/officeDocument/2006/relationships/image"/></Relationships>
</file>

<file path=ppt/slides/_rels/slide31.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31.xml" Type="http://schemas.openxmlformats.org/officeDocument/2006/relationships/notesSlide"/></Relationships>
</file>

<file path=ppt/slides/_rels/slide32.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32.xml" Type="http://schemas.openxmlformats.org/officeDocument/2006/relationships/notesSlide"/><Relationship Id="rId3" Target="../media/image16.wmf" Type="http://schemas.openxmlformats.org/officeDocument/2006/relationships/image"/></Relationships>
</file>

<file path=ppt/slides/_rels/slide33.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33.xml" Type="http://schemas.openxmlformats.org/officeDocument/2006/relationships/notesSlide"/></Relationships>
</file>

<file path=ppt/slides/_rels/slide34.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34.xml" Type="http://schemas.openxmlformats.org/officeDocument/2006/relationships/notesSlide"/></Relationships>
</file>

<file path=ppt/slides/_rels/slide35.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35.xml" Type="http://schemas.openxmlformats.org/officeDocument/2006/relationships/notesSlide"/><Relationship Id="rId3" Target="../media/image17.png" Type="http://schemas.openxmlformats.org/officeDocument/2006/relationships/image"/></Relationships>
</file>

<file path=ppt/slides/_rels/slide36.xml.rels><?xml version="1.0" encoding="UTF-8" standalone="yes"?><Relationships xmlns="http://schemas.openxmlformats.org/package/2006/relationships"><Relationship Id="rId1" Target="../slideLayouts/slideLayout3.xml" Type="http://schemas.openxmlformats.org/officeDocument/2006/relationships/slideLayout"/><Relationship Id="rId2" Target="../notesSlides/notesSlide36.xml" Type="http://schemas.openxmlformats.org/officeDocument/2006/relationships/notesSlide"/><Relationship Id="rId3" Target="../media/image2.png" Type="http://schemas.openxmlformats.org/officeDocument/2006/relationships/image"/></Relationships>
</file>

<file path=ppt/slides/_rels/slide4.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4.xml" Type="http://schemas.openxmlformats.org/officeDocument/2006/relationships/notesSlide"/></Relationships>
</file>

<file path=ppt/slides/_rels/slide5.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5.xml" Type="http://schemas.openxmlformats.org/officeDocument/2006/relationships/notesSlide"/></Relationships>
</file>

<file path=ppt/slides/_rels/slide6.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6.xml" Type="http://schemas.openxmlformats.org/officeDocument/2006/relationships/notesSlide"/></Relationships>
</file>

<file path=ppt/slides/_rels/slide7.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7.xml" Type="http://schemas.openxmlformats.org/officeDocument/2006/relationships/notesSlide"/><Relationship Id="rId3" Target="../media/image4.png" Type="http://schemas.openxmlformats.org/officeDocument/2006/relationships/image"/><Relationship Id="rId4" Target="../media/image5.jpeg" Type="http://schemas.openxmlformats.org/officeDocument/2006/relationships/image"/></Relationships>
</file>

<file path=ppt/slides/_rels/slide8.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8.xml" Type="http://schemas.openxmlformats.org/officeDocument/2006/relationships/notesSlide"/><Relationship Id="rId3" Target="../media/image6.jpeg" Type="http://schemas.openxmlformats.org/officeDocument/2006/relationships/image"/></Relationships>
</file>

<file path=ppt/slides/_rels/slide9.xml.rels><?xml version="1.0" encoding="UTF-8" standalone="yes"?><Relationships xmlns="http://schemas.openxmlformats.org/package/2006/relationships"><Relationship Id="rId1" Target="../slideLayouts/slideLayout2.xml" Type="http://schemas.openxmlformats.org/officeDocument/2006/relationships/slideLayout"/><Relationship Id="rId2" Target="../notesSlides/notesSlide9.xml" Type="http://schemas.openxmlformats.org/officeDocument/2006/relationships/notesSlide"/></Relationships>
</file>

<file path=ppt/slides/slide1.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pic>
        <p:nvPicPr>
          <p:cNvPr id="1027" name="Picture 3"/>
          <p:cNvPicPr>
            <a:picLocks noChangeArrowheads="1" noChangeAspect="1"/>
          </p:cNvPicPr>
          <p:nvPr/>
        </p:nvPicPr>
        <p:blipFill>
          <a:blip r:embed="rId3">
            <a:extLst>
              <a:ext uri="{28A0092B-C50C-407E-A947-70E740481C1C}">
                <a14:useLocalDpi val="0"/>
              </a:ext>
            </a:extLst>
          </a:blip>
          <a:stretch>
            <a:fillRect/>
          </a:stretch>
        </p:blipFill>
        <p:spPr bwMode="auto">
          <a:xfrm>
            <a:off x="1047555" y="1068269"/>
            <a:ext cx="2514387" cy="2508199"/>
          </a:xfrm>
          <a:prstGeom prst="rect">
            <a:avLst/>
          </a:prstGeom>
          <a:noFill/>
          <a:extLst>
            <a:ext uri="{909E8E84-426E-40DD-AFC4-6F175D3DCCD1}">
              <a14:hiddenFill>
                <a:solidFill>
                  <a:srgbClr val="FFFFFF"/>
                </a:solidFill>
              </a14:hiddenFill>
            </a:ext>
          </a:extLst>
        </p:spPr>
      </p:pic>
      <p:sp>
        <p:nvSpPr>
          <p:cNvPr id="46" name="Text Box 197"/>
          <p:cNvSpPr txBox="1">
            <a:spLocks noChangeArrowheads="1"/>
          </p:cNvSpPr>
          <p:nvPr/>
        </p:nvSpPr>
        <p:spPr bwMode="ltGray">
          <a:xfrm>
            <a:off x="6203960" y="2627513"/>
            <a:ext cx="2015166" cy="355986"/>
          </a:xfrm>
          <a:prstGeom prst="rect">
            <a:avLst/>
          </a:prstGeom>
          <a:noFill/>
          <a:ln>
            <a:noFill/>
          </a:ln>
          <a:effectLst/>
          <a:extLst>
            <a:ext uri="{909E8E84-426E-40DD-AFC4-6F175D3DCCD1}">
              <a14:hiddenFill>
                <a:gradFill rotWithShape="1">
                  <a:gsLst>
                    <a:gs pos="0">
                      <a:srgbClr val="FFFFFF"/>
                    </a:gs>
                    <a:gs pos="100000">
                      <a:srgbClr val="FF0517"/>
                    </a:gs>
                  </a:gsLst>
                  <a:lin ang="0" scaled="1"/>
                </a:gradFill>
              </a14:hiddenFill>
            </a:ext>
            <a:ext uri="{91240B29-F687-4F45-9708-019B960494DF}">
              <a14:hiddenLine algn="ctr" w="9525">
                <a:solidFill>
                  <a:srgbClr val="000000"/>
                </a:solidFill>
                <a:miter lim="800000"/>
                <a:headEnd/>
                <a:tailEnd/>
              </a14:hiddenLine>
            </a:ext>
            <a:ext uri="{AF507438-7753-43E0-B8FC-AC1667EBCBE1}">
              <a14:hiddenEffects>
                <a:effectLst>
                  <a:outerShdw algn="ctr" dir="2700000" dist="35921" rotWithShape="0">
                    <a:schemeClr val="bg2"/>
                  </a:outerShdw>
                </a:effectLst>
              </a14:hiddenEffects>
            </a:ext>
          </a:extLst>
        </p:spPr>
        <p:txBody>
          <a:bodyPr bIns="40833" lIns="81667" rIns="81667" tIns="40833" wrap="square">
            <a:spAutoFit/>
          </a:bodyPr>
          <a:lstStyle>
            <a:lvl1pPr algn="l" defTabSz="815975" fontAlgn="base">
              <a:defRPr>
                <a:solidFill>
                  <a:schemeClr val="tx1"/>
                </a:solidFill>
                <a:latin typeface="Arial"/>
              </a:defRPr>
            </a:lvl1pPr>
            <a:lvl2pPr algn="l" defTabSz="815975" fontAlgn="base" marL="407988">
              <a:defRPr>
                <a:solidFill>
                  <a:schemeClr val="tx1"/>
                </a:solidFill>
                <a:latin typeface="Arial"/>
              </a:defRPr>
            </a:lvl2pPr>
            <a:lvl3pPr algn="l" defTabSz="815975" fontAlgn="base" marL="815975">
              <a:defRPr>
                <a:solidFill>
                  <a:schemeClr val="tx1"/>
                </a:solidFill>
                <a:latin typeface="Arial"/>
              </a:defRPr>
            </a:lvl3pPr>
            <a:lvl4pPr algn="l" defTabSz="815975" fontAlgn="base" marL="1225550">
              <a:defRPr>
                <a:solidFill>
                  <a:schemeClr val="tx1"/>
                </a:solidFill>
                <a:latin typeface="Arial"/>
              </a:defRPr>
            </a:lvl4pPr>
            <a:lvl5pPr algn="l" defTabSz="815975" fontAlgn="base" marL="1633538">
              <a:defRPr>
                <a:solidFill>
                  <a:schemeClr val="tx1"/>
                </a:solidFill>
                <a:latin typeface="Arial"/>
              </a:defRPr>
            </a:lvl5pPr>
            <a:lvl6pPr defTabSz="815975" fontAlgn="base" marL="2090738">
              <a:spcBef>
                <a:spcPct val="0"/>
              </a:spcBef>
              <a:spcAft>
                <a:spcPct val="0"/>
              </a:spcAft>
              <a:defRPr>
                <a:solidFill>
                  <a:schemeClr val="tx1"/>
                </a:solidFill>
                <a:latin typeface="Arial"/>
              </a:defRPr>
            </a:lvl6pPr>
            <a:lvl7pPr defTabSz="815975" fontAlgn="base" marL="2547938">
              <a:spcBef>
                <a:spcPct val="0"/>
              </a:spcBef>
              <a:spcAft>
                <a:spcPct val="0"/>
              </a:spcAft>
              <a:defRPr>
                <a:solidFill>
                  <a:schemeClr val="tx1"/>
                </a:solidFill>
                <a:latin typeface="Arial"/>
              </a:defRPr>
            </a:lvl7pPr>
            <a:lvl8pPr defTabSz="815975" fontAlgn="base" marL="3005138">
              <a:spcBef>
                <a:spcPct val="0"/>
              </a:spcBef>
              <a:spcAft>
                <a:spcPct val="0"/>
              </a:spcAft>
              <a:defRPr>
                <a:solidFill>
                  <a:schemeClr val="tx1"/>
                </a:solidFill>
                <a:latin typeface="Arial"/>
              </a:defRPr>
            </a:lvl8pPr>
            <a:lvl9pPr defTabSz="815975" fontAlgn="base" marL="3462338">
              <a:spcBef>
                <a:spcPct val="0"/>
              </a:spcBef>
              <a:spcAft>
                <a:spcPct val="0"/>
              </a:spcAft>
              <a:defRPr>
                <a:solidFill>
                  <a:schemeClr val="tx1"/>
                </a:solidFill>
                <a:latin typeface="Arial"/>
              </a:defRPr>
            </a:lvl9pPr>
          </a:lstStyle>
          <a:p>
            <a:pPr defTabSz="914400">
              <a:spcBef>
                <a:spcPct val="50000"/>
              </a:spcBef>
            </a:pPr>
            <a:r>
              <a:rPr altLang="zh-CN" lang="en-US">
                <a:latin charset="-122" panose="020b0503020204020204" pitchFamily="34" typeface="微软雅黑"/>
                <a:ea charset="-122" panose="020b0503020204020204" pitchFamily="34" typeface="微软雅黑"/>
              </a:rPr>
              <a:t>XXX市电网分公司</a:t>
            </a:r>
          </a:p>
        </p:txBody>
      </p:sp>
      <p:sp>
        <p:nvSpPr>
          <p:cNvPr id="43" name="TextBox 42"/>
          <p:cNvSpPr txBox="1"/>
          <p:nvPr/>
        </p:nvSpPr>
        <p:spPr>
          <a:xfrm>
            <a:off x="4359923" y="1273327"/>
            <a:ext cx="4346892" cy="640080"/>
          </a:xfrm>
          <a:prstGeom prst="rect">
            <a:avLst/>
          </a:prstGeom>
          <a:noFill/>
        </p:spPr>
        <p:txBody>
          <a:bodyPr rtlCol="0" wrap="none">
            <a:spAutoFit/>
          </a:bodyPr>
          <a:lstStyle/>
          <a:p>
            <a:r>
              <a:rPr altLang="zh-CN" b="1" lang="en-US" sz="3600">
                <a:latin charset="-122" panose="020b0503020204020204" pitchFamily="34" typeface="微软雅黑"/>
                <a:ea charset="-122" panose="020b0503020204020204" pitchFamily="34" typeface="微软雅黑"/>
              </a:rPr>
              <a:t>POWERPOINT模板</a:t>
            </a:r>
          </a:p>
        </p:txBody>
      </p:sp>
      <p:cxnSp>
        <p:nvCxnSpPr>
          <p:cNvPr id="45" name="直接连接符 44"/>
          <p:cNvCxnSpPr/>
          <p:nvPr/>
        </p:nvCxnSpPr>
        <p:spPr>
          <a:xfrm>
            <a:off x="4426832" y="1981210"/>
            <a:ext cx="4255525"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sp>
        <p:nvSpPr>
          <p:cNvPr id="51" name="TextBox 50"/>
          <p:cNvSpPr txBox="1"/>
          <p:nvPr/>
        </p:nvSpPr>
        <p:spPr>
          <a:xfrm>
            <a:off x="5007994" y="2087483"/>
            <a:ext cx="3180080" cy="396240"/>
          </a:xfrm>
          <a:prstGeom prst="rect">
            <a:avLst/>
          </a:prstGeom>
          <a:noFill/>
        </p:spPr>
        <p:txBody>
          <a:bodyPr rtlCol="0" wrap="none">
            <a:spAutoFit/>
          </a:bodyPr>
          <a:lstStyle/>
          <a:p>
            <a:r>
              <a:rPr altLang="en-US" lang="zh-CN" sz="2000">
                <a:latin charset="-122" panose="020b0503020204020204" pitchFamily="34" typeface="微软雅黑"/>
                <a:ea charset="-122" panose="020b0503020204020204" pitchFamily="34" typeface="微软雅黑"/>
              </a:rPr>
              <a:t>国家电网公司专用PPT模板</a:t>
            </a:r>
          </a:p>
        </p:txBody>
      </p:sp>
      <p:grpSp>
        <p:nvGrpSpPr>
          <p:cNvPr id="54" name="组合 53"/>
          <p:cNvGrpSpPr/>
          <p:nvPr/>
        </p:nvGrpSpPr>
        <p:grpSpPr>
          <a:xfrm>
            <a:off x="0" y="2709834"/>
            <a:ext cx="10160000" cy="3025936"/>
            <a:chOff x="1" y="2709834"/>
            <a:chExt cx="9144001" cy="3025936"/>
          </a:xfrm>
        </p:grpSpPr>
        <p:grpSp>
          <p:nvGrpSpPr>
            <p:cNvPr id="18" name="Group 37"/>
            <p:cNvGrpSpPr/>
            <p:nvPr/>
          </p:nvGrpSpPr>
          <p:grpSpPr>
            <a:xfrm>
              <a:off x="6358825" y="2709834"/>
              <a:ext cx="577666" cy="3025936"/>
              <a:chOff x="1" y="774687"/>
              <a:chExt cx="864093" cy="3113742"/>
            </a:xfrm>
            <a:solidFill>
              <a:srgbClr val="018E7B"/>
            </a:solidFill>
          </p:grpSpPr>
          <p:sp>
            <p:nvSpPr>
              <p:cNvPr id="24" name="任意多边形 215"/>
              <p:cNvSpPr>
                <a:spLocks noChangeArrowheads="1"/>
              </p:cNvSpPr>
              <p:nvPr/>
            </p:nvSpPr>
            <p:spPr bwMode="auto">
              <a:xfrm rot="10800000">
                <a:off x="1" y="774687"/>
                <a:ext cx="864093" cy="3113742"/>
              </a:xfrm>
              <a:custGeom>
                <a:gdLst>
                  <a:gd fmla="*/ 0 w 864096" name="T0"/>
                  <a:gd fmla="*/ 0 h 3113744" name="T1"/>
                  <a:gd fmla="*/ 71616 w 864096" name="T2"/>
                  <a:gd fmla="*/ 500592 h 3113744" name="T3"/>
                  <a:gd fmla="*/ 156960 w 864096" name="T4"/>
                  <a:gd fmla="*/ 866352 h 3113744" name="T5"/>
                  <a:gd fmla="*/ 205728 w 864096" name="T6"/>
                  <a:gd fmla="*/ 1256496 h 3113744" name="T7"/>
                  <a:gd fmla="*/ 242304 w 864096" name="T8"/>
                  <a:gd fmla="*/ 1756368 h 3113744" name="T9"/>
                  <a:gd fmla="*/ 230112 w 864096" name="T10"/>
                  <a:gd fmla="*/ 2463504 h 3113744" name="T11"/>
                  <a:gd fmla="*/ 156960 w 864096" name="T12"/>
                  <a:gd fmla="*/ 3024336 h 3113744" name="T13"/>
                  <a:gd fmla="*/ 720080 w 864096" name="T14"/>
                  <a:gd fmla="*/ 3024336 h 3113744" name="T15"/>
                  <a:gd fmla="*/ 705600 w 864096" name="T16"/>
                  <a:gd fmla="*/ 2695152 h 3113744" name="T17"/>
                  <a:gd fmla="*/ 669024 w 864096" name="T18"/>
                  <a:gd fmla="*/ 2390352 h 3113744" name="T19"/>
                  <a:gd fmla="*/ 644640 w 864096" name="T20"/>
                  <a:gd fmla="*/ 2073360 h 3113744" name="T21"/>
                  <a:gd fmla="*/ 620256 w 864096" name="T22"/>
                  <a:gd fmla="*/ 1744176 h 3113744" name="T23"/>
                  <a:gd fmla="*/ 644640 w 864096" name="T24"/>
                  <a:gd fmla="*/ 1256496 h 3113744" name="T25"/>
                  <a:gd fmla="*/ 693408 w 864096" name="T26"/>
                  <a:gd fmla="*/ 927312 h 3113744" name="T27"/>
                  <a:gd fmla="*/ 778752 w 864096" name="T28"/>
                  <a:gd fmla="*/ 537168 h 3113744" name="T29"/>
                  <a:gd fmla="*/ 864096 w 864096" name="T30"/>
                  <a:gd fmla="*/ 147024 h 3113744" name="T31"/>
                  <a:gd fmla="*/ 864096 w 864096" name="T32"/>
                  <a:gd fmla="*/ 0 h 3113744" name="T33"/>
                  <a:gd fmla="*/ 0 w 864096" name="T34"/>
                  <a:gd fmla="*/ 0 h 3113744" name="T35"/>
                  <a:gd fmla="*/ 0 60000 65536" name="T36"/>
                  <a:gd fmla="*/ 0 60000 65536" name="T37"/>
                  <a:gd fmla="*/ 0 60000 65536" name="T38"/>
                  <a:gd fmla="*/ 0 60000 65536" name="T39"/>
                  <a:gd fmla="*/ 0 60000 65536" name="T40"/>
                  <a:gd fmla="*/ 0 60000 65536" name="T41"/>
                  <a:gd fmla="*/ 0 60000 65536" name="T42"/>
                  <a:gd fmla="*/ 0 60000 65536" name="T43"/>
                  <a:gd fmla="*/ 0 60000 65536" name="T44"/>
                  <a:gd fmla="*/ 0 60000 65536" name="T45"/>
                  <a:gd fmla="*/ 0 60000 65536" name="T46"/>
                  <a:gd fmla="*/ 0 60000 65536" name="T47"/>
                  <a:gd fmla="*/ 0 60000 65536" name="T48"/>
                  <a:gd fmla="*/ 0 60000 65536" name="T49"/>
                  <a:gd fmla="*/ 0 60000 65536" name="T50"/>
                  <a:gd fmla="*/ 0 60000 65536" name="T51"/>
                  <a:gd fmla="*/ 0 60000 65536" name="T52"/>
                  <a:gd fmla="*/ 0 60000 65536" name="T53"/>
                  <a:gd fmla="*/ 0 w 864096" name="T54"/>
                  <a:gd fmla="*/ 0 h 3113744" name="T55"/>
                  <a:gd fmla="*/ 864096 w 864096" name="T56"/>
                  <a:gd fmla="*/ 3113744 h 3113744" name="T57"/>
                </a:gd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b="T57" l="T54" r="T56" t="T55"/>
                <a:pathLst/>
              </a:cu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5" name="等腰三角形 216"/>
              <p:cNvSpPr>
                <a:spLocks noChangeArrowheads="1"/>
              </p:cNvSpPr>
              <p:nvPr/>
            </p:nvSpPr>
            <p:spPr bwMode="auto">
              <a:xfrm>
                <a:off x="323466" y="1090703"/>
                <a:ext cx="144016" cy="864095"/>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53" name="组合 52"/>
            <p:cNvGrpSpPr/>
            <p:nvPr/>
          </p:nvGrpSpPr>
          <p:grpSpPr>
            <a:xfrm>
              <a:off x="1" y="3068739"/>
              <a:ext cx="9144001" cy="2667029"/>
              <a:chOff x="1" y="3068739"/>
              <a:chExt cx="9144001" cy="2667029"/>
            </a:xfrm>
          </p:grpSpPr>
          <p:sp>
            <p:nvSpPr>
              <p:cNvPr id="5" name="矩形 147"/>
              <p:cNvSpPr>
                <a:spLocks noChangeArrowheads="1"/>
              </p:cNvSpPr>
              <p:nvPr/>
            </p:nvSpPr>
            <p:spPr bwMode="auto">
              <a:xfrm>
                <a:off x="1667819" y="5402326"/>
                <a:ext cx="1074768" cy="254297"/>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6" name="流程图: 手动输入 148"/>
              <p:cNvSpPr>
                <a:spLocks noChangeArrowheads="1"/>
              </p:cNvSpPr>
              <p:nvPr/>
            </p:nvSpPr>
            <p:spPr bwMode="auto">
              <a:xfrm>
                <a:off x="3769989" y="4914626"/>
                <a:ext cx="537385" cy="762886"/>
              </a:xfrm>
              <a:prstGeom prst="flowChartManualInpu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nvGrpSpPr>
              <p:cNvPr id="7" name="Group 9"/>
              <p:cNvGrpSpPr/>
              <p:nvPr/>
            </p:nvGrpSpPr>
            <p:grpSpPr>
              <a:xfrm>
                <a:off x="1159835" y="4639438"/>
                <a:ext cx="307076" cy="1017185"/>
                <a:chExt cx="785817" cy="667926"/>
              </a:xfrm>
              <a:solidFill>
                <a:srgbClr val="018E7B"/>
              </a:solidFill>
            </p:grpSpPr>
            <p:sp>
              <p:nvSpPr>
                <p:cNvPr id="41" name="矩形 192"/>
                <p:cNvSpPr>
                  <a:spLocks noChangeArrowheads="1"/>
                </p:cNvSpPr>
                <p:nvPr/>
              </p:nvSpPr>
              <p:spPr bwMode="auto">
                <a:xfrm>
                  <a:off x="0" y="96446"/>
                  <a:ext cx="785817" cy="57148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42" name="矩形 193"/>
                <p:cNvSpPr>
                  <a:spLocks noChangeArrowheads="1"/>
                </p:cNvSpPr>
                <p:nvPr/>
              </p:nvSpPr>
              <p:spPr bwMode="auto">
                <a:xfrm flipV="1">
                  <a:off x="142882" y="0"/>
                  <a:ext cx="500066" cy="96446"/>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sp>
            <p:nvSpPr>
              <p:cNvPr id="8" name="矩形 150"/>
              <p:cNvSpPr>
                <a:spLocks noChangeArrowheads="1"/>
              </p:cNvSpPr>
              <p:nvPr/>
            </p:nvSpPr>
            <p:spPr bwMode="auto">
              <a:xfrm>
                <a:off x="2905926" y="4490759"/>
                <a:ext cx="153538" cy="1144327"/>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9" name="矩形 188"/>
              <p:cNvSpPr>
                <a:spLocks noChangeArrowheads="1"/>
              </p:cNvSpPr>
              <p:nvPr/>
            </p:nvSpPr>
            <p:spPr bwMode="auto">
              <a:xfrm flipH="1">
                <a:off x="4037843" y="3576465"/>
                <a:ext cx="557040" cy="2133793"/>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nvGrpSpPr>
              <p:cNvPr id="10" name="Group 14"/>
              <p:cNvGrpSpPr/>
              <p:nvPr/>
            </p:nvGrpSpPr>
            <p:grpSpPr>
              <a:xfrm>
                <a:off x="3187074" y="4340301"/>
                <a:ext cx="475193" cy="1395467"/>
                <a:chExt cx="442194" cy="784044"/>
              </a:xfrm>
              <a:solidFill>
                <a:srgbClr val="018E7B"/>
              </a:solidFill>
            </p:grpSpPr>
            <p:sp>
              <p:nvSpPr>
                <p:cNvPr id="38" name="矩形 185"/>
                <p:cNvSpPr>
                  <a:spLocks noChangeArrowheads="1"/>
                </p:cNvSpPr>
                <p:nvPr/>
              </p:nvSpPr>
              <p:spPr bwMode="auto">
                <a:xfrm>
                  <a:off x="0" y="0"/>
                  <a:ext cx="142876" cy="784044"/>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9" name="矩形 186"/>
                <p:cNvSpPr>
                  <a:spLocks noChangeArrowheads="1"/>
                </p:cNvSpPr>
                <p:nvPr/>
              </p:nvSpPr>
              <p:spPr bwMode="auto">
                <a:xfrm>
                  <a:off x="142876" y="61572"/>
                  <a:ext cx="142876" cy="714018"/>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40" name="矩形 187"/>
                <p:cNvSpPr>
                  <a:spLocks noChangeArrowheads="1"/>
                </p:cNvSpPr>
                <p:nvPr/>
              </p:nvSpPr>
              <p:spPr bwMode="auto">
                <a:xfrm>
                  <a:off x="285752" y="133010"/>
                  <a:ext cx="156442" cy="642942"/>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11" name="Group 18"/>
              <p:cNvGrpSpPr/>
              <p:nvPr/>
            </p:nvGrpSpPr>
            <p:grpSpPr>
              <a:xfrm>
                <a:off x="4873401" y="4820219"/>
                <a:ext cx="307076" cy="890036"/>
                <a:chExt cx="785818" cy="667926"/>
              </a:xfrm>
              <a:solidFill>
                <a:srgbClr val="018E7B"/>
              </a:solidFill>
            </p:grpSpPr>
            <p:sp>
              <p:nvSpPr>
                <p:cNvPr id="36" name="矩形 183"/>
                <p:cNvSpPr>
                  <a:spLocks noChangeArrowheads="1"/>
                </p:cNvSpPr>
                <p:nvPr/>
              </p:nvSpPr>
              <p:spPr bwMode="auto">
                <a:xfrm>
                  <a:off x="0" y="96446"/>
                  <a:ext cx="785818" cy="57148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7" name="矩形 184"/>
                <p:cNvSpPr>
                  <a:spLocks noChangeArrowheads="1"/>
                </p:cNvSpPr>
                <p:nvPr/>
              </p:nvSpPr>
              <p:spPr bwMode="auto">
                <a:xfrm flipV="1">
                  <a:off x="142877" y="0"/>
                  <a:ext cx="500066" cy="96446"/>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12" name="Group 21"/>
              <p:cNvGrpSpPr/>
              <p:nvPr/>
            </p:nvGrpSpPr>
            <p:grpSpPr>
              <a:xfrm>
                <a:off x="5228603" y="4639442"/>
                <a:ext cx="383846" cy="1017181"/>
                <a:chExt cx="670074" cy="928694"/>
              </a:xfrm>
              <a:solidFill>
                <a:srgbClr val="018E7B"/>
              </a:solidFill>
            </p:grpSpPr>
            <p:sp>
              <p:nvSpPr>
                <p:cNvPr id="32" name="矩形 179"/>
                <p:cNvSpPr>
                  <a:spLocks noChangeArrowheads="1"/>
                </p:cNvSpPr>
                <p:nvPr/>
              </p:nvSpPr>
              <p:spPr bwMode="auto">
                <a:xfrm>
                  <a:off x="370756" y="0"/>
                  <a:ext cx="142876" cy="92867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3" name="矩形 180"/>
                <p:cNvSpPr>
                  <a:spLocks noChangeArrowheads="1"/>
                </p:cNvSpPr>
                <p:nvPr/>
              </p:nvSpPr>
              <p:spPr bwMode="auto">
                <a:xfrm>
                  <a:off x="156442" y="285752"/>
                  <a:ext cx="156442" cy="642942"/>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4" name="矩形 181"/>
                <p:cNvSpPr>
                  <a:spLocks noChangeArrowheads="1"/>
                </p:cNvSpPr>
                <p:nvPr/>
              </p:nvSpPr>
              <p:spPr bwMode="auto">
                <a:xfrm>
                  <a:off x="513632" y="428628"/>
                  <a:ext cx="156442" cy="500066"/>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5" name="矩形 182"/>
                <p:cNvSpPr>
                  <a:spLocks noChangeArrowheads="1"/>
                </p:cNvSpPr>
                <p:nvPr/>
              </p:nvSpPr>
              <p:spPr bwMode="auto">
                <a:xfrm>
                  <a:off x="0" y="428628"/>
                  <a:ext cx="156442" cy="500066"/>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13" name="Group 26"/>
              <p:cNvGrpSpPr/>
              <p:nvPr/>
            </p:nvGrpSpPr>
            <p:grpSpPr>
              <a:xfrm>
                <a:off x="5689217" y="4337066"/>
                <a:ext cx="307076" cy="1319557"/>
                <a:chExt cx="571504" cy="1170000"/>
              </a:xfrm>
              <a:solidFill>
                <a:srgbClr val="018E7B"/>
              </a:solidFill>
            </p:grpSpPr>
            <p:sp>
              <p:nvSpPr>
                <p:cNvPr id="28" name="矩形 175"/>
                <p:cNvSpPr>
                  <a:spLocks noChangeArrowheads="1"/>
                </p:cNvSpPr>
                <p:nvPr/>
              </p:nvSpPr>
              <p:spPr bwMode="auto">
                <a:xfrm>
                  <a:off x="0" y="169892"/>
                  <a:ext cx="571504" cy="1000108"/>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9" name="矩形 176"/>
                <p:cNvSpPr>
                  <a:spLocks noChangeArrowheads="1"/>
                </p:cNvSpPr>
                <p:nvPr/>
              </p:nvSpPr>
              <p:spPr bwMode="auto">
                <a:xfrm>
                  <a:off x="71438" y="115892"/>
                  <a:ext cx="428628" cy="5400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0" name="矩形 177"/>
                <p:cNvSpPr>
                  <a:spLocks noChangeArrowheads="1"/>
                </p:cNvSpPr>
                <p:nvPr/>
              </p:nvSpPr>
              <p:spPr bwMode="auto">
                <a:xfrm flipH="1">
                  <a:off x="187290" y="54000"/>
                  <a:ext cx="214314" cy="71438"/>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1" name="矩形 178"/>
                <p:cNvSpPr>
                  <a:spLocks noChangeArrowheads="1"/>
                </p:cNvSpPr>
                <p:nvPr/>
              </p:nvSpPr>
              <p:spPr bwMode="auto">
                <a:xfrm flipH="1">
                  <a:off x="115290" y="0"/>
                  <a:ext cx="357190" cy="71438"/>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14" name="Group 31"/>
              <p:cNvGrpSpPr/>
              <p:nvPr/>
            </p:nvGrpSpPr>
            <p:grpSpPr>
              <a:xfrm>
                <a:off x="7495467" y="3772938"/>
                <a:ext cx="460617" cy="1898089"/>
                <a:chExt cx="571505" cy="1137540"/>
              </a:xfrm>
              <a:solidFill>
                <a:srgbClr val="018E7B"/>
              </a:solidFill>
            </p:grpSpPr>
            <p:sp>
              <p:nvSpPr>
                <p:cNvPr id="26" name="矩形 173"/>
                <p:cNvSpPr>
                  <a:spLocks noChangeArrowheads="1"/>
                </p:cNvSpPr>
                <p:nvPr/>
              </p:nvSpPr>
              <p:spPr bwMode="auto">
                <a:xfrm>
                  <a:off x="0" y="0"/>
                  <a:ext cx="428628" cy="113754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7" name="矩形 174"/>
                <p:cNvSpPr>
                  <a:spLocks noChangeArrowheads="1"/>
                </p:cNvSpPr>
                <p:nvPr/>
              </p:nvSpPr>
              <p:spPr bwMode="auto">
                <a:xfrm>
                  <a:off x="285753" y="60914"/>
                  <a:ext cx="285752" cy="107157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sp>
            <p:nvSpPr>
              <p:cNvPr id="15" name="Rectangle 5"/>
              <p:cNvSpPr>
                <a:spLocks noChangeArrowheads="1"/>
              </p:cNvSpPr>
              <p:nvPr/>
            </p:nvSpPr>
            <p:spPr bwMode="auto">
              <a:xfrm flipV="1">
                <a:off x="1" y="5635087"/>
                <a:ext cx="9144001" cy="100679"/>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0" panose="020f0502020204030204" pitchFamily="34" typeface="Calibri"/>
                </a:endParaRPr>
              </a:p>
            </p:txBody>
          </p:sp>
          <p:sp>
            <p:nvSpPr>
              <p:cNvPr id="16" name="等腰三角形 144"/>
              <p:cNvSpPr>
                <a:spLocks noChangeArrowheads="1"/>
              </p:cNvSpPr>
              <p:nvPr/>
            </p:nvSpPr>
            <p:spPr bwMode="auto">
              <a:xfrm>
                <a:off x="7545838" y="3068739"/>
                <a:ext cx="271460" cy="795060"/>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17" name="等腰三角形 145"/>
              <p:cNvSpPr>
                <a:spLocks noChangeArrowheads="1"/>
              </p:cNvSpPr>
              <p:nvPr/>
            </p:nvSpPr>
            <p:spPr bwMode="auto">
              <a:xfrm>
                <a:off x="3192764" y="3769151"/>
                <a:ext cx="77788" cy="527936"/>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19" name="矩形 218"/>
              <p:cNvSpPr>
                <a:spLocks noChangeArrowheads="1"/>
              </p:cNvSpPr>
              <p:nvPr/>
            </p:nvSpPr>
            <p:spPr bwMode="auto">
              <a:xfrm>
                <a:off x="8169845" y="4242547"/>
                <a:ext cx="521728" cy="1493221"/>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0" name="矩形 219"/>
              <p:cNvSpPr>
                <a:spLocks noChangeArrowheads="1"/>
              </p:cNvSpPr>
              <p:nvPr/>
            </p:nvSpPr>
            <p:spPr bwMode="auto">
              <a:xfrm>
                <a:off x="8679804" y="4521160"/>
                <a:ext cx="278517" cy="1207972"/>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1" name="等腰三角形 220"/>
              <p:cNvSpPr>
                <a:spLocks noChangeArrowheads="1"/>
              </p:cNvSpPr>
              <p:nvPr/>
            </p:nvSpPr>
            <p:spPr bwMode="auto">
              <a:xfrm>
                <a:off x="4145732" y="3171597"/>
                <a:ext cx="77788" cy="527936"/>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2" name="等腰三角形 221"/>
              <p:cNvSpPr>
                <a:spLocks noChangeArrowheads="1"/>
              </p:cNvSpPr>
              <p:nvPr/>
            </p:nvSpPr>
            <p:spPr bwMode="auto">
              <a:xfrm>
                <a:off x="4424242" y="3171597"/>
                <a:ext cx="77788" cy="527936"/>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3" name="直接连接符 223"/>
              <p:cNvSpPr>
                <a:spLocks noChangeShapeType="1"/>
              </p:cNvSpPr>
              <p:nvPr/>
            </p:nvSpPr>
            <p:spPr bwMode="auto">
              <a:xfrm>
                <a:off x="4165174" y="3299417"/>
                <a:ext cx="317411" cy="2"/>
              </a:xfrm>
              <a:prstGeom prst="line">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en-US" lang="zh-CN">
                  <a:solidFill>
                    <a:srgbClr val="FFFFFF"/>
                  </a:solidFill>
                  <a:latin charset="-122" panose="02010600030101010101" pitchFamily="2" typeface="宋体"/>
                </a:endParaRPr>
              </a:p>
            </p:txBody>
          </p:sp>
          <p:sp>
            <p:nvSpPr>
              <p:cNvPr id="57" name="矩形 218"/>
              <p:cNvSpPr>
                <a:spLocks noChangeArrowheads="1"/>
              </p:cNvSpPr>
              <p:nvPr/>
            </p:nvSpPr>
            <p:spPr bwMode="auto">
              <a:xfrm>
                <a:off x="6386794" y="4169370"/>
                <a:ext cx="521728" cy="1493221"/>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spTree>
    <p:extLst>
      <p:ext uri="{BB962C8B-B14F-4D97-AF65-F5344CB8AC3E}">
        <p14:creationId val="2351099651"/>
      </p:ext>
    </p:extLst>
  </p:cSld>
  <p:clrMapOvr>
    <a:masterClrMapping/>
  </p:clrMapOvr>
  <mc:AlternateContent>
    <mc:Choice Requires="p14">
      <p:transition advClick="0" advTm="7000" p14:dur="2000" spd="slow"/>
    </mc:Choice>
    <mc:Fallback>
      <p:transition advClick="0" advTm="7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2" presetSubtype="4">
                                  <p:stCondLst>
                                    <p:cond delay="0"/>
                                  </p:stCondLst>
                                  <p:childTnLst>
                                    <p:set>
                                      <p:cBhvr>
                                        <p:cTn dur="1" fill="hold" id="6">
                                          <p:stCondLst>
                                            <p:cond delay="0"/>
                                          </p:stCondLst>
                                        </p:cTn>
                                        <p:tgtEl>
                                          <p:spTgt spid="54"/>
                                        </p:tgtEl>
                                        <p:attrNameLst>
                                          <p:attrName>style.visibility</p:attrName>
                                        </p:attrNameLst>
                                      </p:cBhvr>
                                      <p:to>
                                        <p:strVal val="visible"/>
                                      </p:to>
                                    </p:set>
                                    <p:animEffect filter="wipe(down)" transition="in">
                                      <p:cBhvr>
                                        <p:cTn dur="1000" id="7"/>
                                        <p:tgtEl>
                                          <p:spTgt spid="54"/>
                                        </p:tgtEl>
                                      </p:cBhvr>
                                    </p:animEffect>
                                  </p:childTnLst>
                                </p:cTn>
                              </p:par>
                            </p:childTnLst>
                          </p:cTn>
                        </p:par>
                        <p:par>
                          <p:cTn fill="hold" id="8" nodeType="afterGroup">
                            <p:stCondLst>
                              <p:cond delay="1000"/>
                            </p:stCondLst>
                            <p:childTnLst>
                              <p:par>
                                <p:cTn fill="hold" id="9" nodeType="afterEffect" presetClass="entr" presetID="23" presetSubtype="32">
                                  <p:stCondLst>
                                    <p:cond delay="0"/>
                                  </p:stCondLst>
                                  <p:childTnLst>
                                    <p:set>
                                      <p:cBhvr>
                                        <p:cTn dur="1" fill="hold" id="10">
                                          <p:stCondLst>
                                            <p:cond delay="0"/>
                                          </p:stCondLst>
                                        </p:cTn>
                                        <p:tgtEl>
                                          <p:spTgt spid="1027"/>
                                        </p:tgtEl>
                                        <p:attrNameLst>
                                          <p:attrName>style.visibility</p:attrName>
                                        </p:attrNameLst>
                                      </p:cBhvr>
                                      <p:to>
                                        <p:strVal val="visible"/>
                                      </p:to>
                                    </p:set>
                                    <p:anim calcmode="lin" valueType="num">
                                      <p:cBhvr>
                                        <p:cTn dur="1000" fill="hold" id="11"/>
                                        <p:tgtEl>
                                          <p:spTgt spid="1027"/>
                                        </p:tgtEl>
                                        <p:attrNameLst>
                                          <p:attrName>ppt_w</p:attrName>
                                        </p:attrNameLst>
                                      </p:cBhvr>
                                      <p:tavLst>
                                        <p:tav tm="0">
                                          <p:val>
                                            <p:strVal val="4*#ppt_w"/>
                                          </p:val>
                                        </p:tav>
                                        <p:tav tm="100000">
                                          <p:val>
                                            <p:strVal val="#ppt_w"/>
                                          </p:val>
                                        </p:tav>
                                      </p:tavLst>
                                    </p:anim>
                                    <p:anim calcmode="lin" valueType="num">
                                      <p:cBhvr>
                                        <p:cTn dur="1000" fill="hold" id="12"/>
                                        <p:tgtEl>
                                          <p:spTgt spid="1027"/>
                                        </p:tgtEl>
                                        <p:attrNameLst>
                                          <p:attrName>ppt_h</p:attrName>
                                        </p:attrNameLst>
                                      </p:cBhvr>
                                      <p:tavLst>
                                        <p:tav tm="0">
                                          <p:val>
                                            <p:strVal val="4*#ppt_h"/>
                                          </p:val>
                                        </p:tav>
                                        <p:tav tm="100000">
                                          <p:val>
                                            <p:strVal val="#ppt_h"/>
                                          </p:val>
                                        </p:tav>
                                      </p:tavLst>
                                    </p:anim>
                                  </p:childTnLst>
                                </p:cTn>
                              </p:par>
                            </p:childTnLst>
                          </p:cTn>
                        </p:par>
                        <p:par>
                          <p:cTn fill="hold" id="13" nodeType="afterGroup">
                            <p:stCondLst>
                              <p:cond delay="2000"/>
                            </p:stCondLst>
                            <p:childTnLst>
                              <p:par>
                                <p:cTn fill="hold" grpId="0" id="14" nodeType="afterEffect" presetClass="entr" presetID="41" presetSubtype="0">
                                  <p:stCondLst>
                                    <p:cond delay="0"/>
                                  </p:stCondLst>
                                  <p:iterate type="lt">
                                    <p:tmPct val="10000"/>
                                  </p:iterate>
                                  <p:childTnLst>
                                    <p:set>
                                      <p:cBhvr>
                                        <p:cTn dur="1" fill="hold" id="15">
                                          <p:stCondLst>
                                            <p:cond delay="0"/>
                                          </p:stCondLst>
                                        </p:cTn>
                                        <p:tgtEl>
                                          <p:spTgt spid="43"/>
                                        </p:tgtEl>
                                        <p:attrNameLst>
                                          <p:attrName>style.visibility</p:attrName>
                                        </p:attrNameLst>
                                      </p:cBhvr>
                                      <p:to>
                                        <p:strVal val="visible"/>
                                      </p:to>
                                    </p:set>
                                    <p:anim calcmode="lin" valueType="num">
                                      <p:cBhvr>
                                        <p:cTn dur="500" fill="hold" id="16"/>
                                        <p:tgtEl>
                                          <p:spTgt spid="43"/>
                                        </p:tgtEl>
                                        <p:attrNameLst>
                                          <p:attrName>ppt_x</p:attrName>
                                        </p:attrNameLst>
                                      </p:cBhvr>
                                      <p:tavLst>
                                        <p:tav tm="0">
                                          <p:val>
                                            <p:strVal val="#ppt_x"/>
                                          </p:val>
                                        </p:tav>
                                        <p:tav tm="50000">
                                          <p:val>
                                            <p:strVal val="#ppt_x+.1"/>
                                          </p:val>
                                        </p:tav>
                                        <p:tav tm="100000">
                                          <p:val>
                                            <p:strVal val="#ppt_x"/>
                                          </p:val>
                                        </p:tav>
                                      </p:tavLst>
                                    </p:anim>
                                    <p:anim calcmode="lin" valueType="num">
                                      <p:cBhvr>
                                        <p:cTn dur="500" fill="hold" id="17"/>
                                        <p:tgtEl>
                                          <p:spTgt spid="43"/>
                                        </p:tgtEl>
                                        <p:attrNameLst>
                                          <p:attrName>ppt_y</p:attrName>
                                        </p:attrNameLst>
                                      </p:cBhvr>
                                      <p:tavLst>
                                        <p:tav tm="0">
                                          <p:val>
                                            <p:strVal val="#ppt_y"/>
                                          </p:val>
                                        </p:tav>
                                        <p:tav tm="100000">
                                          <p:val>
                                            <p:strVal val="#ppt_y"/>
                                          </p:val>
                                        </p:tav>
                                      </p:tavLst>
                                    </p:anim>
                                    <p:anim calcmode="lin" valueType="num">
                                      <p:cBhvr>
                                        <p:cTn dur="500" fill="hold" id="18"/>
                                        <p:tgtEl>
                                          <p:spTgt spid="43"/>
                                        </p:tgtEl>
                                        <p:attrNameLst>
                                          <p:attrName>ppt_h</p:attrName>
                                        </p:attrNameLst>
                                      </p:cBhvr>
                                      <p:tavLst>
                                        <p:tav tm="0">
                                          <p:val>
                                            <p:strVal val="#ppt_h/10"/>
                                          </p:val>
                                        </p:tav>
                                        <p:tav tm="50000">
                                          <p:val>
                                            <p:strVal val="#ppt_h+.01"/>
                                          </p:val>
                                        </p:tav>
                                        <p:tav tm="100000">
                                          <p:val>
                                            <p:strVal val="#ppt_h"/>
                                          </p:val>
                                        </p:tav>
                                      </p:tavLst>
                                    </p:anim>
                                    <p:anim calcmode="lin" valueType="num">
                                      <p:cBhvr>
                                        <p:cTn dur="500" fill="hold" id="19"/>
                                        <p:tgtEl>
                                          <p:spTgt spid="43"/>
                                        </p:tgtEl>
                                        <p:attrNameLst>
                                          <p:attrName>ppt_w</p:attrName>
                                        </p:attrNameLst>
                                      </p:cBhvr>
                                      <p:tavLst>
                                        <p:tav tm="0">
                                          <p:val>
                                            <p:strVal val="#ppt_w/10"/>
                                          </p:val>
                                        </p:tav>
                                        <p:tav tm="50000">
                                          <p:val>
                                            <p:strVal val="#ppt_w+.01"/>
                                          </p:val>
                                        </p:tav>
                                        <p:tav tm="100000">
                                          <p:val>
                                            <p:strVal val="#ppt_w"/>
                                          </p:val>
                                        </p:tav>
                                      </p:tavLst>
                                    </p:anim>
                                    <p:animEffect filter="fade" transition="in">
                                      <p:cBhvr>
                                        <p:cTn dur="500" id="20" tmFilter="0,0; .5, 1; 1, 1"/>
                                        <p:tgtEl>
                                          <p:spTgt spid="43"/>
                                        </p:tgtEl>
                                      </p:cBhvr>
                                    </p:animEffect>
                                  </p:childTnLst>
                                </p:cTn>
                              </p:par>
                            </p:childTnLst>
                          </p:cTn>
                        </p:par>
                        <p:par>
                          <p:cTn fill="hold" id="21" nodeType="afterGroup">
                            <p:stCondLst>
                              <p:cond delay="2500"/>
                            </p:stCondLst>
                            <p:childTnLst>
                              <p:par>
                                <p:cTn fill="hold" id="22" nodeType="afterEffect" presetClass="entr" presetID="22" presetSubtype="8">
                                  <p:stCondLst>
                                    <p:cond delay="0"/>
                                  </p:stCondLst>
                                  <p:childTnLst>
                                    <p:set>
                                      <p:cBhvr>
                                        <p:cTn dur="1" fill="hold" id="23">
                                          <p:stCondLst>
                                            <p:cond delay="0"/>
                                          </p:stCondLst>
                                        </p:cTn>
                                        <p:tgtEl>
                                          <p:spTgt spid="45"/>
                                        </p:tgtEl>
                                        <p:attrNameLst>
                                          <p:attrName>style.visibility</p:attrName>
                                        </p:attrNameLst>
                                      </p:cBhvr>
                                      <p:to>
                                        <p:strVal val="visible"/>
                                      </p:to>
                                    </p:set>
                                    <p:animEffect filter="wipe(left)" transition="in">
                                      <p:cBhvr>
                                        <p:cTn dur="500" id="24"/>
                                        <p:tgtEl>
                                          <p:spTgt spid="45"/>
                                        </p:tgtEl>
                                      </p:cBhvr>
                                    </p:animEffect>
                                  </p:childTnLst>
                                </p:cTn>
                              </p:par>
                            </p:childTnLst>
                          </p:cTn>
                        </p:par>
                        <p:par>
                          <p:cTn fill="hold" id="25" nodeType="afterGroup">
                            <p:stCondLst>
                              <p:cond delay="3000"/>
                            </p:stCondLst>
                            <p:childTnLst>
                              <p:par>
                                <p:cTn fill="hold" grpId="0" id="26" nodeType="afterEffect" presetClass="entr" presetID="31" presetSubtype="0">
                                  <p:stCondLst>
                                    <p:cond delay="0"/>
                                  </p:stCondLst>
                                  <p:childTnLst>
                                    <p:set>
                                      <p:cBhvr>
                                        <p:cTn dur="1" fill="hold" id="27">
                                          <p:stCondLst>
                                            <p:cond delay="0"/>
                                          </p:stCondLst>
                                        </p:cTn>
                                        <p:tgtEl>
                                          <p:spTgt spid="51"/>
                                        </p:tgtEl>
                                        <p:attrNameLst>
                                          <p:attrName>style.visibility</p:attrName>
                                        </p:attrNameLst>
                                      </p:cBhvr>
                                      <p:to>
                                        <p:strVal val="visible"/>
                                      </p:to>
                                    </p:set>
                                    <p:anim calcmode="lin" valueType="num">
                                      <p:cBhvr>
                                        <p:cTn dur="1000" fill="hold" id="28"/>
                                        <p:tgtEl>
                                          <p:spTgt spid="51"/>
                                        </p:tgtEl>
                                        <p:attrNameLst>
                                          <p:attrName>ppt_w</p:attrName>
                                        </p:attrNameLst>
                                      </p:cBhvr>
                                      <p:tavLst>
                                        <p:tav tm="0">
                                          <p:val>
                                            <p:fltVal val="0"/>
                                          </p:val>
                                        </p:tav>
                                        <p:tav tm="100000">
                                          <p:val>
                                            <p:strVal val="#ppt_w"/>
                                          </p:val>
                                        </p:tav>
                                      </p:tavLst>
                                    </p:anim>
                                    <p:anim calcmode="lin" valueType="num">
                                      <p:cBhvr>
                                        <p:cTn dur="1000" fill="hold" id="29"/>
                                        <p:tgtEl>
                                          <p:spTgt spid="51"/>
                                        </p:tgtEl>
                                        <p:attrNameLst>
                                          <p:attrName>ppt_h</p:attrName>
                                        </p:attrNameLst>
                                      </p:cBhvr>
                                      <p:tavLst>
                                        <p:tav tm="0">
                                          <p:val>
                                            <p:fltVal val="0"/>
                                          </p:val>
                                        </p:tav>
                                        <p:tav tm="100000">
                                          <p:val>
                                            <p:strVal val="#ppt_h"/>
                                          </p:val>
                                        </p:tav>
                                      </p:tavLst>
                                    </p:anim>
                                    <p:anim calcmode="lin" valueType="num">
                                      <p:cBhvr>
                                        <p:cTn dur="1000" fill="hold" id="30"/>
                                        <p:tgtEl>
                                          <p:spTgt spid="51"/>
                                        </p:tgtEl>
                                        <p:attrNameLst>
                                          <p:attrName>style.rotation</p:attrName>
                                        </p:attrNameLst>
                                      </p:cBhvr>
                                      <p:tavLst>
                                        <p:tav tm="0">
                                          <p:val>
                                            <p:fltVal val="90"/>
                                          </p:val>
                                        </p:tav>
                                        <p:tav tm="100000">
                                          <p:val>
                                            <p:fltVal val="0"/>
                                          </p:val>
                                        </p:tav>
                                      </p:tavLst>
                                    </p:anim>
                                    <p:animEffect filter="fade" transition="in">
                                      <p:cBhvr>
                                        <p:cTn dur="1000" id="31"/>
                                        <p:tgtEl>
                                          <p:spTgt spid="51"/>
                                        </p:tgtEl>
                                      </p:cBhvr>
                                    </p:animEffect>
                                  </p:childTnLst>
                                </p:cTn>
                              </p:par>
                            </p:childTnLst>
                          </p:cTn>
                        </p:par>
                        <p:par>
                          <p:cTn fill="hold" id="32" nodeType="afterGroup">
                            <p:stCondLst>
                              <p:cond delay="4000"/>
                            </p:stCondLst>
                            <p:childTnLst>
                              <p:par>
                                <p:cTn fill="hold" grpId="0" id="33" nodeType="afterEffect" presetClass="entr" presetID="47" presetSubtype="0">
                                  <p:stCondLst>
                                    <p:cond delay="0"/>
                                  </p:stCondLst>
                                  <p:childTnLst>
                                    <p:set>
                                      <p:cBhvr>
                                        <p:cTn dur="1" fill="hold" id="34">
                                          <p:stCondLst>
                                            <p:cond delay="0"/>
                                          </p:stCondLst>
                                        </p:cTn>
                                        <p:tgtEl>
                                          <p:spTgt spid="46"/>
                                        </p:tgtEl>
                                        <p:attrNameLst>
                                          <p:attrName>style.visibility</p:attrName>
                                        </p:attrNameLst>
                                      </p:cBhvr>
                                      <p:to>
                                        <p:strVal val="visible"/>
                                      </p:to>
                                    </p:set>
                                    <p:animEffect filter="fade" transition="in">
                                      <p:cBhvr>
                                        <p:cTn dur="1000" id="35"/>
                                        <p:tgtEl>
                                          <p:spTgt spid="46"/>
                                        </p:tgtEl>
                                      </p:cBhvr>
                                    </p:animEffect>
                                    <p:anim calcmode="lin" valueType="num">
                                      <p:cBhvr>
                                        <p:cTn dur="1000" fill="hold" id="36"/>
                                        <p:tgtEl>
                                          <p:spTgt spid="46"/>
                                        </p:tgtEl>
                                        <p:attrNameLst>
                                          <p:attrName>ppt_x</p:attrName>
                                        </p:attrNameLst>
                                      </p:cBhvr>
                                      <p:tavLst>
                                        <p:tav tm="0">
                                          <p:val>
                                            <p:strVal val="#ppt_x"/>
                                          </p:val>
                                        </p:tav>
                                        <p:tav tm="100000">
                                          <p:val>
                                            <p:strVal val="#ppt_x"/>
                                          </p:val>
                                        </p:tav>
                                      </p:tavLst>
                                    </p:anim>
                                    <p:anim calcmode="lin" valueType="num">
                                      <p:cBhvr>
                                        <p:cTn dur="1000" fill="hold" id="37"/>
                                        <p:tgtEl>
                                          <p:spTgt spid="46"/>
                                        </p:tgtEl>
                                        <p:attrNameLst>
                                          <p:attrName>ppt_y</p:attrName>
                                        </p:attrNameLst>
                                      </p:cBhvr>
                                      <p:tavLst>
                                        <p:tav tm="0">
                                          <p:val>
                                            <p:strVal val="#ppt_y-.1"/>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46"/>
      <p:bldP grpId="0" spid="43"/>
      <p:bldP grpId="0" spid="51"/>
    </p:bldLst>
  </p:timing>
</p:sld>
</file>

<file path=ppt/slides/slide10.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Group 6"/>
          <p:cNvGrpSpPr>
            <a:grpSpLocks noChangeAspect="1"/>
          </p:cNvGrpSpPr>
          <p:nvPr/>
        </p:nvGrpSpPr>
        <p:grpSpPr>
          <a:xfrm>
            <a:off x="2151500" y="1339214"/>
            <a:ext cx="2458086" cy="2458086"/>
            <a:chOff x="1610" y="849"/>
            <a:chExt cx="1736" cy="1736"/>
          </a:xfrm>
        </p:grpSpPr>
        <p:sp>
          <p:nvSpPr>
            <p:cNvPr id="3" name="AutoShape 5"/>
            <p:cNvSpPr>
              <a:spLocks noChangeArrowheads="1" noChangeAspect="1" noTextEdit="1"/>
            </p:cNvSpPr>
            <p:nvPr/>
          </p:nvSpPr>
          <p:spPr bwMode="auto">
            <a:xfrm>
              <a:off x="1610" y="849"/>
              <a:ext cx="1736" cy="1736"/>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 name="Freeform 7"/>
            <p:cNvSpPr/>
            <p:nvPr/>
          </p:nvSpPr>
          <p:spPr bwMode="auto">
            <a:xfrm>
              <a:off x="1553" y="873"/>
              <a:ext cx="918" cy="1229"/>
            </a:xfrm>
            <a:custGeom>
              <a:gdLst>
                <a:gd fmla="*/ 47 w 192" name="T0"/>
                <a:gd fmla="*/ 71 h 257" name="T1"/>
                <a:gd fmla="*/ 28 w 192" name="T2"/>
                <a:gd fmla="*/ 257 h 257" name="T3"/>
                <a:gd fmla="*/ 81 w 192" name="T4"/>
                <a:gd fmla="*/ 231 h 257" name="T5"/>
                <a:gd fmla="*/ 94 w 192" name="T6"/>
                <a:gd fmla="*/ 107 h 257" name="T7"/>
                <a:gd fmla="*/ 191 w 192" name="T8"/>
                <a:gd fmla="*/ 60 h 257" name="T9"/>
                <a:gd fmla="*/ 192 w 192" name="T10"/>
                <a:gd fmla="*/ 1 h 257" name="T11"/>
                <a:gd fmla="*/ 47 w 192" name="T12"/>
                <a:gd fmla="*/ 71 h 257" name="T13"/>
              </a:gdLst>
              <a:cxnLst>
                <a:cxn ang="0">
                  <a:pos x="T0" y="T1"/>
                </a:cxn>
                <a:cxn ang="0">
                  <a:pos x="T2" y="T3"/>
                </a:cxn>
                <a:cxn ang="0">
                  <a:pos x="T4" y="T5"/>
                </a:cxn>
                <a:cxn ang="0">
                  <a:pos x="T6" y="T7"/>
                </a:cxn>
                <a:cxn ang="0">
                  <a:pos x="T8" y="T9"/>
                </a:cxn>
                <a:cxn ang="0">
                  <a:pos x="T10" y="T11"/>
                </a:cxn>
                <a:cxn ang="0">
                  <a:pos x="T12" y="T13"/>
                </a:cxn>
              </a:cxnLst>
              <a:rect b="b" l="0" r="r" t="0"/>
              <a:pathLst>
                <a:path h="257" w="192">
                  <a:moveTo>
                    <a:pt x="47" y="71"/>
                  </a:moveTo>
                  <a:cubicBezTo>
                    <a:pt x="5" y="126"/>
                    <a:pt x="0" y="198"/>
                    <a:pt x="28" y="257"/>
                  </a:cubicBezTo>
                  <a:cubicBezTo>
                    <a:pt x="81" y="231"/>
                    <a:pt x="81" y="231"/>
                    <a:pt x="81" y="231"/>
                  </a:cubicBezTo>
                  <a:cubicBezTo>
                    <a:pt x="63" y="192"/>
                    <a:pt x="66" y="144"/>
                    <a:pt x="94" y="107"/>
                  </a:cubicBezTo>
                  <a:cubicBezTo>
                    <a:pt x="118" y="76"/>
                    <a:pt x="154" y="60"/>
                    <a:pt x="191" y="60"/>
                  </a:cubicBezTo>
                  <a:cubicBezTo>
                    <a:pt x="192" y="1"/>
                    <a:pt x="192" y="1"/>
                    <a:pt x="192" y="1"/>
                  </a:cubicBezTo>
                  <a:cubicBezTo>
                    <a:pt x="137" y="0"/>
                    <a:pt x="83" y="24"/>
                    <a:pt x="47" y="71"/>
                  </a:cubicBezTo>
                </a:path>
              </a:pathLst>
            </a:custGeom>
            <a:solidFill>
              <a:srgbClr val="585A5B">
                <a:alpha val="71000"/>
              </a:srgb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 name="Freeform 8"/>
            <p:cNvSpPr/>
            <p:nvPr/>
          </p:nvSpPr>
          <p:spPr bwMode="auto">
            <a:xfrm>
              <a:off x="1691" y="1987"/>
              <a:ext cx="694" cy="593"/>
            </a:xfrm>
            <a:custGeom>
              <a:gdLst>
                <a:gd fmla="*/ 88 w 145" name="T0"/>
                <a:gd fmla="*/ 42 h 124" name="T1"/>
                <a:gd fmla="*/ 54 w 145" name="T2"/>
                <a:gd fmla="*/ 0 h 124" name="T3"/>
                <a:gd fmla="*/ 0 w 145" name="T4"/>
                <a:gd fmla="*/ 26 h 124" name="T5"/>
                <a:gd fmla="*/ 52 w 145" name="T6"/>
                <a:gd fmla="*/ 89 h 124" name="T7"/>
                <a:gd fmla="*/ 137 w 145" name="T8"/>
                <a:gd fmla="*/ 124 h 124" name="T9"/>
                <a:gd fmla="*/ 145 w 145" name="T10"/>
                <a:gd fmla="*/ 66 h 124" name="T11"/>
                <a:gd fmla="*/ 88 w 145" name="T12"/>
                <a:gd fmla="*/ 42 h 124" name="T13"/>
              </a:gdLst>
              <a:cxnLst>
                <a:cxn ang="0">
                  <a:pos x="T0" y="T1"/>
                </a:cxn>
                <a:cxn ang="0">
                  <a:pos x="T2" y="T3"/>
                </a:cxn>
                <a:cxn ang="0">
                  <a:pos x="T4" y="T5"/>
                </a:cxn>
                <a:cxn ang="0">
                  <a:pos x="T6" y="T7"/>
                </a:cxn>
                <a:cxn ang="0">
                  <a:pos x="T8" y="T9"/>
                </a:cxn>
                <a:cxn ang="0">
                  <a:pos x="T10" y="T11"/>
                </a:cxn>
                <a:cxn ang="0">
                  <a:pos x="T12" y="T13"/>
                </a:cxn>
              </a:cxnLst>
              <a:rect b="b" l="0" r="r" t="0"/>
              <a:pathLst>
                <a:path h="124" w="145">
                  <a:moveTo>
                    <a:pt x="88" y="42"/>
                  </a:moveTo>
                  <a:cubicBezTo>
                    <a:pt x="73" y="31"/>
                    <a:pt x="61" y="16"/>
                    <a:pt x="54" y="0"/>
                  </a:cubicBezTo>
                  <a:cubicBezTo>
                    <a:pt x="0" y="26"/>
                    <a:pt x="0" y="26"/>
                    <a:pt x="0" y="26"/>
                  </a:cubicBezTo>
                  <a:cubicBezTo>
                    <a:pt x="12" y="50"/>
                    <a:pt x="30" y="72"/>
                    <a:pt x="52" y="89"/>
                  </a:cubicBezTo>
                  <a:cubicBezTo>
                    <a:pt x="78" y="109"/>
                    <a:pt x="107" y="120"/>
                    <a:pt x="137" y="124"/>
                  </a:cubicBezTo>
                  <a:cubicBezTo>
                    <a:pt x="145" y="66"/>
                    <a:pt x="145" y="66"/>
                    <a:pt x="145" y="66"/>
                  </a:cubicBezTo>
                  <a:cubicBezTo>
                    <a:pt x="125" y="63"/>
                    <a:pt x="105" y="55"/>
                    <a:pt x="88" y="42"/>
                  </a:cubicBezTo>
                </a:path>
              </a:pathLst>
            </a:custGeom>
            <a:solidFill>
              <a:srgbClr val="B8B8B8"/>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 name="Freeform 9"/>
            <p:cNvSpPr/>
            <p:nvPr/>
          </p:nvSpPr>
          <p:spPr bwMode="auto">
            <a:xfrm>
              <a:off x="2356" y="2188"/>
              <a:ext cx="626" cy="421"/>
            </a:xfrm>
            <a:custGeom>
              <a:gdLst>
                <a:gd fmla="*/ 8 w 131" name="T0"/>
                <a:gd fmla="*/ 24 h 88" name="T1"/>
                <a:gd fmla="*/ 0 w 131" name="T2"/>
                <a:gd fmla="*/ 83 h 88" name="T3"/>
                <a:gd fmla="*/ 131 w 131" name="T4"/>
                <a:gd fmla="*/ 47 h 88" name="T5"/>
                <a:gd fmla="*/ 95 w 131" name="T6"/>
                <a:gd fmla="*/ 0 h 88" name="T7"/>
                <a:gd fmla="*/ 8 w 131" name="T8"/>
                <a:gd fmla="*/ 24 h 88" name="T9"/>
              </a:gdLst>
              <a:cxnLst>
                <a:cxn ang="0">
                  <a:pos x="T0" y="T1"/>
                </a:cxn>
                <a:cxn ang="0">
                  <a:pos x="T2" y="T3"/>
                </a:cxn>
                <a:cxn ang="0">
                  <a:pos x="T4" y="T5"/>
                </a:cxn>
                <a:cxn ang="0">
                  <a:pos x="T6" y="T7"/>
                </a:cxn>
                <a:cxn ang="0">
                  <a:pos x="T8" y="T9"/>
                </a:cxn>
              </a:cxnLst>
              <a:rect b="b" l="0" r="r" t="0"/>
              <a:pathLst>
                <a:path h="88" w="131">
                  <a:moveTo>
                    <a:pt x="8" y="24"/>
                  </a:moveTo>
                  <a:cubicBezTo>
                    <a:pt x="0" y="83"/>
                    <a:pt x="0" y="83"/>
                    <a:pt x="0" y="83"/>
                  </a:cubicBezTo>
                  <a:cubicBezTo>
                    <a:pt x="46" y="88"/>
                    <a:pt x="93" y="76"/>
                    <a:pt x="131" y="47"/>
                  </a:cubicBezTo>
                  <a:cubicBezTo>
                    <a:pt x="95" y="0"/>
                    <a:pt x="95" y="0"/>
                    <a:pt x="95" y="0"/>
                  </a:cubicBezTo>
                  <a:cubicBezTo>
                    <a:pt x="70" y="19"/>
                    <a:pt x="38" y="27"/>
                    <a:pt x="8" y="24"/>
                  </a:cubicBezTo>
                </a:path>
              </a:pathLst>
            </a:custGeom>
            <a:solidFill>
              <a:srgbClr val="C5C6C6"/>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 name="Freeform 10"/>
            <p:cNvSpPr/>
            <p:nvPr/>
          </p:nvSpPr>
          <p:spPr bwMode="auto">
            <a:xfrm>
              <a:off x="2476" y="845"/>
              <a:ext cx="918" cy="1587"/>
            </a:xfrm>
            <a:custGeom>
              <a:gdLst>
                <a:gd fmla="*/ 110 w 192" name="T0"/>
                <a:gd fmla="*/ 37 h 332" name="T1"/>
                <a:gd fmla="*/ 1 w 192" name="T2"/>
                <a:gd fmla="*/ 0 h 332" name="T3"/>
                <a:gd fmla="*/ 1 w 192" name="T4"/>
                <a:gd fmla="*/ 7 h 332" name="T5"/>
                <a:gd fmla="*/ 0 w 192" name="T6"/>
                <a:gd fmla="*/ 66 h 332" name="T7"/>
                <a:gd fmla="*/ 0 w 192" name="T8"/>
                <a:gd fmla="*/ 73 h 332" name="T9"/>
                <a:gd fmla="*/ 65 w 192" name="T10"/>
                <a:gd fmla="*/ 96 h 332" name="T11"/>
                <a:gd fmla="*/ 108 w 192" name="T12"/>
                <a:gd fmla="*/ 205 h 332" name="T13"/>
                <a:gd fmla="*/ 108 w 192" name="T14"/>
                <a:gd fmla="*/ 207 h 332" name="T15"/>
                <a:gd fmla="*/ 87 w 192" name="T16"/>
                <a:gd fmla="*/ 254 h 332" name="T17"/>
                <a:gd fmla="*/ 67 w 192" name="T18"/>
                <a:gd fmla="*/ 274 h 332" name="T19"/>
                <a:gd fmla="*/ 71 w 192" name="T20"/>
                <a:gd fmla="*/ 280 h 332" name="T21"/>
                <a:gd fmla="*/ 108 w 192" name="T22"/>
                <a:gd fmla="*/ 327 h 332" name="T23"/>
                <a:gd fmla="*/ 112 w 192" name="T24"/>
                <a:gd fmla="*/ 332 h 332" name="T25"/>
                <a:gd fmla="*/ 145 w 192" name="T26"/>
                <a:gd fmla="*/ 299 h 332" name="T27"/>
                <a:gd fmla="*/ 180 w 192" name="T28"/>
                <a:gd fmla="*/ 221 h 332" name="T29"/>
                <a:gd fmla="*/ 180 w 192" name="T30"/>
                <a:gd fmla="*/ 218 h 332" name="T31"/>
                <a:gd fmla="*/ 110 w 192" name="T32"/>
                <a:gd fmla="*/ 37 h 332" name="T3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b="b" l="0" r="r" t="0"/>
              <a:pathLst>
                <a:path h="332" w="192">
                  <a:moveTo>
                    <a:pt x="110" y="37"/>
                  </a:moveTo>
                  <a:cubicBezTo>
                    <a:pt x="77" y="13"/>
                    <a:pt x="39" y="0"/>
                    <a:pt x="1" y="0"/>
                  </a:cubicBezTo>
                  <a:cubicBezTo>
                    <a:pt x="1" y="7"/>
                    <a:pt x="1" y="7"/>
                    <a:pt x="1" y="7"/>
                  </a:cubicBezTo>
                  <a:cubicBezTo>
                    <a:pt x="0" y="66"/>
                    <a:pt x="0" y="66"/>
                    <a:pt x="0" y="66"/>
                  </a:cubicBezTo>
                  <a:cubicBezTo>
                    <a:pt x="0" y="73"/>
                    <a:pt x="0" y="73"/>
                    <a:pt x="0" y="73"/>
                  </a:cubicBezTo>
                  <a:cubicBezTo>
                    <a:pt x="23" y="74"/>
                    <a:pt x="46" y="81"/>
                    <a:pt x="65" y="96"/>
                  </a:cubicBezTo>
                  <a:cubicBezTo>
                    <a:pt x="100" y="122"/>
                    <a:pt x="115" y="165"/>
                    <a:pt x="108" y="205"/>
                  </a:cubicBezTo>
                  <a:cubicBezTo>
                    <a:pt x="108" y="206"/>
                    <a:pt x="108" y="207"/>
                    <a:pt x="108" y="207"/>
                  </a:cubicBezTo>
                  <a:cubicBezTo>
                    <a:pt x="104" y="224"/>
                    <a:pt x="98" y="240"/>
                    <a:pt x="87" y="254"/>
                  </a:cubicBezTo>
                  <a:cubicBezTo>
                    <a:pt x="81" y="262"/>
                    <a:pt x="74" y="268"/>
                    <a:pt x="67" y="274"/>
                  </a:cubicBezTo>
                  <a:cubicBezTo>
                    <a:pt x="71" y="280"/>
                    <a:pt x="71" y="280"/>
                    <a:pt x="71" y="280"/>
                  </a:cubicBezTo>
                  <a:cubicBezTo>
                    <a:pt x="108" y="327"/>
                    <a:pt x="108" y="327"/>
                    <a:pt x="108" y="327"/>
                  </a:cubicBezTo>
                  <a:cubicBezTo>
                    <a:pt x="112" y="332"/>
                    <a:pt x="112" y="332"/>
                    <a:pt x="112" y="332"/>
                  </a:cubicBezTo>
                  <a:cubicBezTo>
                    <a:pt x="124" y="323"/>
                    <a:pt x="135" y="311"/>
                    <a:pt x="145" y="299"/>
                  </a:cubicBezTo>
                  <a:cubicBezTo>
                    <a:pt x="163" y="275"/>
                    <a:pt x="175" y="248"/>
                    <a:pt x="180" y="221"/>
                  </a:cubicBezTo>
                  <a:cubicBezTo>
                    <a:pt x="180" y="220"/>
                    <a:pt x="180" y="219"/>
                    <a:pt x="180" y="218"/>
                  </a:cubicBezTo>
                  <a:cubicBezTo>
                    <a:pt x="192" y="152"/>
                    <a:pt x="167" y="81"/>
                    <a:pt x="110" y="37"/>
                  </a:cubicBezTo>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 name="Freeform 11"/>
            <p:cNvSpPr/>
            <p:nvPr/>
          </p:nvSpPr>
          <p:spPr bwMode="auto">
            <a:xfrm>
              <a:off x="2275" y="1485"/>
              <a:ext cx="334" cy="708"/>
            </a:xfrm>
            <a:custGeom>
              <a:gdLst>
                <a:gd fmla="*/ 53 w 70" name="T0"/>
                <a:gd fmla="*/ 0 h 148" name="T1"/>
                <a:gd fmla="*/ 18 w 70" name="T2"/>
                <a:gd fmla="*/ 0 h 148" name="T3"/>
                <a:gd fmla="*/ 0 w 70" name="T4"/>
                <a:gd fmla="*/ 15 h 148" name="T5"/>
                <a:gd fmla="*/ 0 w 70" name="T6"/>
                <a:gd fmla="*/ 15 h 148" name="T7"/>
                <a:gd fmla="*/ 0 w 70" name="T8"/>
                <a:gd fmla="*/ 17 h 148" name="T9"/>
                <a:gd fmla="*/ 0 w 70" name="T10"/>
                <a:gd fmla="*/ 67 h 148" name="T11"/>
                <a:gd fmla="*/ 5 w 70" name="T12"/>
                <a:gd fmla="*/ 73 h 148" name="T13"/>
                <a:gd fmla="*/ 11 w 70" name="T14"/>
                <a:gd fmla="*/ 67 h 148" name="T15"/>
                <a:gd fmla="*/ 11 w 70" name="T16"/>
                <a:gd fmla="*/ 24 h 148" name="T17"/>
                <a:gd fmla="*/ 16 w 70" name="T18"/>
                <a:gd fmla="*/ 24 h 148" name="T19"/>
                <a:gd fmla="*/ 16 w 70" name="T20"/>
                <a:gd fmla="*/ 65 h 148" name="T21"/>
                <a:gd fmla="*/ 16 w 70" name="T22"/>
                <a:gd fmla="*/ 67 h 148" name="T23"/>
                <a:gd fmla="*/ 16 w 70" name="T24"/>
                <a:gd fmla="*/ 140 h 148" name="T25"/>
                <a:gd fmla="*/ 25 w 70" name="T26"/>
                <a:gd fmla="*/ 148 h 148" name="T27"/>
                <a:gd fmla="*/ 33 w 70" name="T28"/>
                <a:gd fmla="*/ 140 h 148" name="T29"/>
                <a:gd fmla="*/ 33 w 70" name="T30"/>
                <a:gd fmla="*/ 75 h 148" name="T31"/>
                <a:gd fmla="*/ 37 w 70" name="T32"/>
                <a:gd fmla="*/ 75 h 148" name="T33"/>
                <a:gd fmla="*/ 37 w 70" name="T34"/>
                <a:gd fmla="*/ 140 h 148" name="T35"/>
                <a:gd fmla="*/ 45 w 70" name="T36"/>
                <a:gd fmla="*/ 148 h 148" name="T37"/>
                <a:gd fmla="*/ 53 w 70" name="T38"/>
                <a:gd fmla="*/ 140 h 148" name="T39"/>
                <a:gd fmla="*/ 53 w 70" name="T40"/>
                <a:gd fmla="*/ 65 h 148" name="T41"/>
                <a:gd fmla="*/ 53 w 70" name="T42"/>
                <a:gd fmla="*/ 65 h 148" name="T43"/>
                <a:gd fmla="*/ 53 w 70" name="T44"/>
                <a:gd fmla="*/ 24 h 148" name="T45"/>
                <a:gd fmla="*/ 57 w 70" name="T46"/>
                <a:gd fmla="*/ 24 h 148" name="T47"/>
                <a:gd fmla="*/ 57 w 70" name="T48"/>
                <a:gd fmla="*/ 67 h 148" name="T49"/>
                <a:gd fmla="*/ 64 w 70" name="T50"/>
                <a:gd fmla="*/ 73 h 148" name="T51"/>
                <a:gd fmla="*/ 70 w 70" name="T52"/>
                <a:gd fmla="*/ 67 h 148" name="T53"/>
                <a:gd fmla="*/ 70 w 70" name="T54"/>
                <a:gd fmla="*/ 17 h 148" name="T55"/>
                <a:gd fmla="*/ 70 w 70" name="T56"/>
                <a:gd fmla="*/ 15 h 148" name="T57"/>
                <a:gd fmla="*/ 70 w 70" name="T58"/>
                <a:gd fmla="*/ 14 h 148" name="T59"/>
                <a:gd fmla="*/ 53 w 70" name="T60"/>
                <a:gd fmla="*/ 0 h 1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148" w="70">
                  <a:moveTo>
                    <a:pt x="53" y="0"/>
                  </a:moveTo>
                  <a:cubicBezTo>
                    <a:pt x="18" y="0"/>
                    <a:pt x="18" y="0"/>
                    <a:pt x="18" y="0"/>
                  </a:cubicBezTo>
                  <a:cubicBezTo>
                    <a:pt x="4" y="0"/>
                    <a:pt x="0" y="11"/>
                    <a:pt x="0" y="15"/>
                  </a:cubicBezTo>
                  <a:cubicBezTo>
                    <a:pt x="0" y="15"/>
                    <a:pt x="0" y="15"/>
                    <a:pt x="0" y="15"/>
                  </a:cubicBezTo>
                  <a:cubicBezTo>
                    <a:pt x="0" y="17"/>
                    <a:pt x="0" y="17"/>
                    <a:pt x="0" y="17"/>
                  </a:cubicBezTo>
                  <a:cubicBezTo>
                    <a:pt x="0" y="67"/>
                    <a:pt x="0" y="67"/>
                    <a:pt x="0" y="67"/>
                  </a:cubicBezTo>
                  <a:cubicBezTo>
                    <a:pt x="0" y="70"/>
                    <a:pt x="2" y="73"/>
                    <a:pt x="5" y="73"/>
                  </a:cubicBezTo>
                  <a:cubicBezTo>
                    <a:pt x="9" y="73"/>
                    <a:pt x="11" y="70"/>
                    <a:pt x="11" y="67"/>
                  </a:cubicBezTo>
                  <a:cubicBezTo>
                    <a:pt x="11" y="24"/>
                    <a:pt x="11" y="24"/>
                    <a:pt x="11" y="24"/>
                  </a:cubicBezTo>
                  <a:cubicBezTo>
                    <a:pt x="16" y="24"/>
                    <a:pt x="16" y="24"/>
                    <a:pt x="16" y="24"/>
                  </a:cubicBezTo>
                  <a:cubicBezTo>
                    <a:pt x="16" y="65"/>
                    <a:pt x="16" y="65"/>
                    <a:pt x="16" y="65"/>
                  </a:cubicBezTo>
                  <a:cubicBezTo>
                    <a:pt x="16" y="66"/>
                    <a:pt x="16" y="66"/>
                    <a:pt x="16" y="67"/>
                  </a:cubicBezTo>
                  <a:cubicBezTo>
                    <a:pt x="16" y="140"/>
                    <a:pt x="16" y="140"/>
                    <a:pt x="16" y="140"/>
                  </a:cubicBezTo>
                  <a:cubicBezTo>
                    <a:pt x="16" y="145"/>
                    <a:pt x="20" y="148"/>
                    <a:pt x="25" y="148"/>
                  </a:cubicBezTo>
                  <a:cubicBezTo>
                    <a:pt x="29" y="148"/>
                    <a:pt x="33" y="145"/>
                    <a:pt x="33" y="140"/>
                  </a:cubicBezTo>
                  <a:cubicBezTo>
                    <a:pt x="33" y="75"/>
                    <a:pt x="33" y="75"/>
                    <a:pt x="33" y="75"/>
                  </a:cubicBezTo>
                  <a:cubicBezTo>
                    <a:pt x="37" y="75"/>
                    <a:pt x="37" y="75"/>
                    <a:pt x="37" y="75"/>
                  </a:cubicBezTo>
                  <a:cubicBezTo>
                    <a:pt x="37" y="140"/>
                    <a:pt x="37" y="140"/>
                    <a:pt x="37" y="140"/>
                  </a:cubicBezTo>
                  <a:cubicBezTo>
                    <a:pt x="37" y="145"/>
                    <a:pt x="40" y="148"/>
                    <a:pt x="45" y="148"/>
                  </a:cubicBezTo>
                  <a:cubicBezTo>
                    <a:pt x="49" y="148"/>
                    <a:pt x="53" y="145"/>
                    <a:pt x="53" y="140"/>
                  </a:cubicBezTo>
                  <a:cubicBezTo>
                    <a:pt x="53" y="65"/>
                    <a:pt x="53" y="65"/>
                    <a:pt x="53" y="65"/>
                  </a:cubicBezTo>
                  <a:cubicBezTo>
                    <a:pt x="53" y="65"/>
                    <a:pt x="53" y="65"/>
                    <a:pt x="53" y="65"/>
                  </a:cubicBezTo>
                  <a:cubicBezTo>
                    <a:pt x="53" y="24"/>
                    <a:pt x="53" y="24"/>
                    <a:pt x="53" y="24"/>
                  </a:cubicBezTo>
                  <a:cubicBezTo>
                    <a:pt x="57" y="24"/>
                    <a:pt x="57" y="24"/>
                    <a:pt x="57" y="24"/>
                  </a:cubicBezTo>
                  <a:cubicBezTo>
                    <a:pt x="57" y="67"/>
                    <a:pt x="57" y="67"/>
                    <a:pt x="57" y="67"/>
                  </a:cubicBezTo>
                  <a:cubicBezTo>
                    <a:pt x="57" y="70"/>
                    <a:pt x="60" y="73"/>
                    <a:pt x="64" y="73"/>
                  </a:cubicBezTo>
                  <a:cubicBezTo>
                    <a:pt x="67" y="73"/>
                    <a:pt x="70" y="70"/>
                    <a:pt x="70" y="67"/>
                  </a:cubicBezTo>
                  <a:cubicBezTo>
                    <a:pt x="70" y="17"/>
                    <a:pt x="70" y="17"/>
                    <a:pt x="70" y="17"/>
                  </a:cubicBezTo>
                  <a:cubicBezTo>
                    <a:pt x="70" y="15"/>
                    <a:pt x="70" y="15"/>
                    <a:pt x="70" y="15"/>
                  </a:cubicBezTo>
                  <a:cubicBezTo>
                    <a:pt x="70" y="14"/>
                    <a:pt x="70" y="14"/>
                    <a:pt x="70" y="14"/>
                  </a:cubicBezTo>
                  <a:cubicBezTo>
                    <a:pt x="70" y="9"/>
                    <a:pt x="64" y="0"/>
                    <a:pt x="53" y="0"/>
                  </a:cubicBezTo>
                </a:path>
              </a:pathLst>
            </a:custGeom>
            <a:solidFill>
              <a:srgbClr val="00544A"/>
            </a:solidFill>
            <a:ln>
              <a:noFill/>
            </a:ln>
            <a:extLst/>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solidFill>
                  <a:schemeClr val="bg1"/>
                </a:solidFill>
              </a:endParaRPr>
            </a:p>
          </p:txBody>
        </p:sp>
        <p:sp>
          <p:nvSpPr>
            <p:cNvPr id="9" name="Oval 12"/>
            <p:cNvSpPr>
              <a:spLocks noChangeArrowheads="1"/>
            </p:cNvSpPr>
            <p:nvPr/>
          </p:nvSpPr>
          <p:spPr bwMode="auto">
            <a:xfrm>
              <a:off x="2375" y="1337"/>
              <a:ext cx="134" cy="134"/>
            </a:xfrm>
            <a:prstGeom prst="ellipse">
              <a:avLst/>
            </a:prstGeom>
            <a:solidFill>
              <a:srgbClr val="00544A"/>
            </a:solidFill>
            <a:ln>
              <a:noFill/>
            </a:ln>
            <a:extLst/>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solidFill>
                  <a:schemeClr val="bg1"/>
                </a:solidFill>
              </a:endParaRPr>
            </a:p>
          </p:txBody>
        </p:sp>
      </p:grpSp>
      <p:grpSp>
        <p:nvGrpSpPr>
          <p:cNvPr id="10" name="Group 25"/>
          <p:cNvGrpSpPr>
            <a:grpSpLocks noChangeAspect="1"/>
          </p:cNvGrpSpPr>
          <p:nvPr/>
        </p:nvGrpSpPr>
        <p:grpSpPr>
          <a:xfrm>
            <a:off x="5697302" y="1311279"/>
            <a:ext cx="2494636" cy="2536822"/>
            <a:chOff x="3316" y="907"/>
            <a:chExt cx="1774" cy="1804"/>
          </a:xfrm>
        </p:grpSpPr>
        <p:sp>
          <p:nvSpPr>
            <p:cNvPr id="11" name="AutoShape 24"/>
            <p:cNvSpPr>
              <a:spLocks noChangeArrowheads="1" noChangeAspect="1" noTextEdit="1"/>
            </p:cNvSpPr>
            <p:nvPr/>
          </p:nvSpPr>
          <p:spPr bwMode="auto">
            <a:xfrm>
              <a:off x="3346" y="912"/>
              <a:ext cx="1714" cy="1744"/>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2" name="Freeform 26"/>
            <p:cNvSpPr/>
            <p:nvPr/>
          </p:nvSpPr>
          <p:spPr bwMode="auto">
            <a:xfrm>
              <a:off x="3496" y="937"/>
              <a:ext cx="702" cy="516"/>
            </a:xfrm>
            <a:custGeom>
              <a:gdLst>
                <a:gd fmla="*/ 89 w 140" name="T0"/>
                <a:gd fmla="*/ 67 h 103" name="T1"/>
                <a:gd fmla="*/ 138 w 140" name="T2"/>
                <a:gd fmla="*/ 56 h 103" name="T3"/>
                <a:gd fmla="*/ 140 w 140" name="T4"/>
                <a:gd fmla="*/ 1 h 103" name="T5"/>
                <a:gd fmla="*/ 65 w 140" name="T6"/>
                <a:gd fmla="*/ 17 h 103" name="T7"/>
                <a:gd fmla="*/ 0 w 140" name="T8"/>
                <a:gd fmla="*/ 72 h 103" name="T9"/>
                <a:gd fmla="*/ 45 w 140" name="T10"/>
                <a:gd fmla="*/ 103 h 103" name="T11"/>
                <a:gd fmla="*/ 89 w 140" name="T12"/>
                <a:gd fmla="*/ 67 h 103" name="T13"/>
              </a:gdLst>
              <a:cxnLst>
                <a:cxn ang="0">
                  <a:pos x="T0" y="T1"/>
                </a:cxn>
                <a:cxn ang="0">
                  <a:pos x="T2" y="T3"/>
                </a:cxn>
                <a:cxn ang="0">
                  <a:pos x="T4" y="T5"/>
                </a:cxn>
                <a:cxn ang="0">
                  <a:pos x="T6" y="T7"/>
                </a:cxn>
                <a:cxn ang="0">
                  <a:pos x="T8" y="T9"/>
                </a:cxn>
                <a:cxn ang="0">
                  <a:pos x="T10" y="T11"/>
                </a:cxn>
                <a:cxn ang="0">
                  <a:pos x="T12" y="T13"/>
                </a:cxn>
              </a:cxnLst>
              <a:rect b="b" l="0" r="r" t="0"/>
              <a:pathLst>
                <a:path h="103" w="140">
                  <a:moveTo>
                    <a:pt x="89" y="67"/>
                  </a:moveTo>
                  <a:cubicBezTo>
                    <a:pt x="105" y="59"/>
                    <a:pt x="122" y="55"/>
                    <a:pt x="138" y="56"/>
                  </a:cubicBezTo>
                  <a:cubicBezTo>
                    <a:pt x="140" y="1"/>
                    <a:pt x="140" y="1"/>
                    <a:pt x="140" y="1"/>
                  </a:cubicBezTo>
                  <a:cubicBezTo>
                    <a:pt x="115" y="0"/>
                    <a:pt x="89" y="5"/>
                    <a:pt x="65" y="17"/>
                  </a:cubicBezTo>
                  <a:cubicBezTo>
                    <a:pt x="38" y="30"/>
                    <a:pt x="16" y="49"/>
                    <a:pt x="0" y="72"/>
                  </a:cubicBezTo>
                  <a:cubicBezTo>
                    <a:pt x="45" y="103"/>
                    <a:pt x="45" y="103"/>
                    <a:pt x="45" y="103"/>
                  </a:cubicBezTo>
                  <a:cubicBezTo>
                    <a:pt x="56" y="88"/>
                    <a:pt x="71" y="75"/>
                    <a:pt x="89" y="67"/>
                  </a:cubicBezTo>
                </a:path>
              </a:pathLst>
            </a:custGeom>
            <a:solidFill>
              <a:srgbClr val="585A5B">
                <a:alpha val="71000"/>
              </a:srgb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3" name="Freeform 27"/>
            <p:cNvSpPr/>
            <p:nvPr/>
          </p:nvSpPr>
          <p:spPr bwMode="auto">
            <a:xfrm>
              <a:off x="3316" y="1308"/>
              <a:ext cx="401" cy="616"/>
            </a:xfrm>
            <a:custGeom>
              <a:gdLst>
                <a:gd fmla="*/ 80 w 80" name="T0"/>
                <a:gd fmla="*/ 31 h 123" name="T1"/>
                <a:gd fmla="*/ 34 w 80" name="T2"/>
                <a:gd fmla="*/ 0 h 123" name="T3"/>
                <a:gd fmla="*/ 8 w 80" name="T4"/>
                <a:gd fmla="*/ 123 h 123" name="T5"/>
                <a:gd fmla="*/ 62 w 80" name="T6"/>
                <a:gd fmla="*/ 113 h 123" name="T7"/>
                <a:gd fmla="*/ 80 w 80" name="T8"/>
                <a:gd fmla="*/ 31 h 123" name="T9"/>
              </a:gdLst>
              <a:cxnLst>
                <a:cxn ang="0">
                  <a:pos x="T0" y="T1"/>
                </a:cxn>
                <a:cxn ang="0">
                  <a:pos x="T2" y="T3"/>
                </a:cxn>
                <a:cxn ang="0">
                  <a:pos x="T4" y="T5"/>
                </a:cxn>
                <a:cxn ang="0">
                  <a:pos x="T6" y="T7"/>
                </a:cxn>
                <a:cxn ang="0">
                  <a:pos x="T8" y="T9"/>
                </a:cxn>
              </a:cxnLst>
              <a:rect b="b" l="0" r="r" t="0"/>
              <a:pathLst>
                <a:path h="123" w="80">
                  <a:moveTo>
                    <a:pt x="80" y="31"/>
                  </a:moveTo>
                  <a:cubicBezTo>
                    <a:pt x="34" y="0"/>
                    <a:pt x="34" y="0"/>
                    <a:pt x="34" y="0"/>
                  </a:cubicBezTo>
                  <a:cubicBezTo>
                    <a:pt x="10" y="36"/>
                    <a:pt x="0" y="80"/>
                    <a:pt x="8" y="123"/>
                  </a:cubicBezTo>
                  <a:cubicBezTo>
                    <a:pt x="62" y="113"/>
                    <a:pt x="62" y="113"/>
                    <a:pt x="62" y="113"/>
                  </a:cubicBezTo>
                  <a:cubicBezTo>
                    <a:pt x="57" y="84"/>
                    <a:pt x="64" y="55"/>
                    <a:pt x="80" y="31"/>
                  </a:cubicBezTo>
                </a:path>
              </a:pathLst>
            </a:custGeom>
            <a:solidFill>
              <a:srgbClr val="B8B8B8"/>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4" name="Freeform 28"/>
            <p:cNvSpPr/>
            <p:nvPr/>
          </p:nvSpPr>
          <p:spPr bwMode="auto">
            <a:xfrm>
              <a:off x="3361" y="1884"/>
              <a:ext cx="471" cy="551"/>
            </a:xfrm>
            <a:custGeom>
              <a:gdLst>
                <a:gd fmla="*/ 63 w 94" name="T0"/>
                <a:gd fmla="*/ 27 h 110" name="T1"/>
                <a:gd fmla="*/ 54 w 94" name="T2"/>
                <a:gd fmla="*/ 0 h 110" name="T3"/>
                <a:gd fmla="*/ 0 w 94" name="T4"/>
                <a:gd fmla="*/ 10 h 110" name="T5"/>
                <a:gd fmla="*/ 13 w 94" name="T6"/>
                <a:gd fmla="*/ 50 h 110" name="T7"/>
                <a:gd fmla="*/ 61 w 94" name="T8"/>
                <a:gd fmla="*/ 110 h 110" name="T9"/>
                <a:gd fmla="*/ 94 w 94" name="T10"/>
                <a:gd fmla="*/ 67 h 110" name="T11"/>
                <a:gd fmla="*/ 63 w 94" name="T12"/>
                <a:gd fmla="*/ 27 h 110" name="T13"/>
              </a:gdLst>
              <a:cxnLst>
                <a:cxn ang="0">
                  <a:pos x="T0" y="T1"/>
                </a:cxn>
                <a:cxn ang="0">
                  <a:pos x="T2" y="T3"/>
                </a:cxn>
                <a:cxn ang="0">
                  <a:pos x="T4" y="T5"/>
                </a:cxn>
                <a:cxn ang="0">
                  <a:pos x="T6" y="T7"/>
                </a:cxn>
                <a:cxn ang="0">
                  <a:pos x="T8" y="T9"/>
                </a:cxn>
                <a:cxn ang="0">
                  <a:pos x="T10" y="T11"/>
                </a:cxn>
                <a:cxn ang="0">
                  <a:pos x="T12" y="T13"/>
                </a:cxn>
              </a:cxnLst>
              <a:rect b="b" l="0" r="r" t="0"/>
              <a:pathLst>
                <a:path h="110" w="94">
                  <a:moveTo>
                    <a:pt x="63" y="27"/>
                  </a:moveTo>
                  <a:cubicBezTo>
                    <a:pt x="58" y="18"/>
                    <a:pt x="56" y="9"/>
                    <a:pt x="54" y="0"/>
                  </a:cubicBezTo>
                  <a:cubicBezTo>
                    <a:pt x="0" y="10"/>
                    <a:pt x="0" y="10"/>
                    <a:pt x="0" y="10"/>
                  </a:cubicBezTo>
                  <a:cubicBezTo>
                    <a:pt x="2" y="24"/>
                    <a:pt x="7" y="37"/>
                    <a:pt x="13" y="50"/>
                  </a:cubicBezTo>
                  <a:cubicBezTo>
                    <a:pt x="24" y="75"/>
                    <a:pt x="41" y="95"/>
                    <a:pt x="61" y="110"/>
                  </a:cubicBezTo>
                  <a:cubicBezTo>
                    <a:pt x="94" y="67"/>
                    <a:pt x="94" y="67"/>
                    <a:pt x="94" y="67"/>
                  </a:cubicBezTo>
                  <a:cubicBezTo>
                    <a:pt x="81" y="56"/>
                    <a:pt x="70" y="43"/>
                    <a:pt x="63" y="27"/>
                  </a:cubicBezTo>
                </a:path>
              </a:pathLst>
            </a:custGeom>
            <a:solidFill>
              <a:srgbClr val="C5C6C6"/>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5" name="Freeform 29"/>
            <p:cNvSpPr/>
            <p:nvPr/>
          </p:nvSpPr>
          <p:spPr bwMode="auto">
            <a:xfrm>
              <a:off x="3652" y="907"/>
              <a:ext cx="1438" cy="1804"/>
            </a:xfrm>
            <a:custGeom>
              <a:gdLst>
                <a:gd fmla="*/ 111 w 287" name="T0"/>
                <a:gd fmla="*/ 0 h 360" name="T1"/>
                <a:gd fmla="*/ 111 w 287" name="T2"/>
                <a:gd fmla="*/ 7 h 360" name="T3"/>
                <a:gd fmla="*/ 110 w 287" name="T4"/>
                <a:gd fmla="*/ 62 h 360" name="T5"/>
                <a:gd fmla="*/ 109 w 287" name="T6"/>
                <a:gd fmla="*/ 68 h 360" name="T7"/>
                <a:gd fmla="*/ 201 w 287" name="T8"/>
                <a:gd fmla="*/ 128 h 360" name="T9"/>
                <a:gd fmla="*/ 199 w 287" name="T10"/>
                <a:gd fmla="*/ 222 h 360" name="T11"/>
                <a:gd fmla="*/ 198 w 287" name="T12"/>
                <a:gd fmla="*/ 224 h 360" name="T13"/>
                <a:gd fmla="*/ 151 w 287" name="T14"/>
                <a:gd fmla="*/ 269 h 360" name="T15"/>
                <a:gd fmla="*/ 42 w 287" name="T16"/>
                <a:gd fmla="*/ 258 h 360" name="T17"/>
                <a:gd fmla="*/ 38 w 287" name="T18"/>
                <a:gd fmla="*/ 263 h 360" name="T19"/>
                <a:gd fmla="*/ 4 w 287" name="T20"/>
                <a:gd fmla="*/ 307 h 360" name="T21"/>
                <a:gd fmla="*/ 0 w 287" name="T22"/>
                <a:gd fmla="*/ 312 h 360" name="T23"/>
                <a:gd fmla="*/ 180 w 287" name="T24"/>
                <a:gd fmla="*/ 331 h 360" name="T25"/>
                <a:gd fmla="*/ 258 w 287" name="T26"/>
                <a:gd fmla="*/ 257 h 360" name="T27"/>
                <a:gd fmla="*/ 259 w 287" name="T28"/>
                <a:gd fmla="*/ 255 h 360" name="T29"/>
                <a:gd fmla="*/ 263 w 287" name="T30"/>
                <a:gd fmla="*/ 99 h 360" name="T31"/>
                <a:gd fmla="*/ 111 w 287" name="T32"/>
                <a:gd fmla="*/ 0 h 360" name="T3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b="b" l="0" r="r" t="0"/>
              <a:pathLst>
                <a:path h="360" w="287">
                  <a:moveTo>
                    <a:pt x="111" y="0"/>
                  </a:moveTo>
                  <a:cubicBezTo>
                    <a:pt x="111" y="7"/>
                    <a:pt x="111" y="7"/>
                    <a:pt x="111" y="7"/>
                  </a:cubicBezTo>
                  <a:cubicBezTo>
                    <a:pt x="110" y="62"/>
                    <a:pt x="110" y="62"/>
                    <a:pt x="110" y="62"/>
                  </a:cubicBezTo>
                  <a:cubicBezTo>
                    <a:pt x="109" y="68"/>
                    <a:pt x="109" y="68"/>
                    <a:pt x="109" y="68"/>
                  </a:cubicBezTo>
                  <a:cubicBezTo>
                    <a:pt x="147" y="70"/>
                    <a:pt x="183" y="92"/>
                    <a:pt x="201" y="128"/>
                  </a:cubicBezTo>
                  <a:cubicBezTo>
                    <a:pt x="216" y="159"/>
                    <a:pt x="214" y="194"/>
                    <a:pt x="199" y="222"/>
                  </a:cubicBezTo>
                  <a:cubicBezTo>
                    <a:pt x="199" y="223"/>
                    <a:pt x="198" y="224"/>
                    <a:pt x="198" y="224"/>
                  </a:cubicBezTo>
                  <a:cubicBezTo>
                    <a:pt x="188" y="243"/>
                    <a:pt x="172" y="259"/>
                    <a:pt x="151" y="269"/>
                  </a:cubicBezTo>
                  <a:cubicBezTo>
                    <a:pt x="114" y="286"/>
                    <a:pt x="73" y="281"/>
                    <a:pt x="42" y="258"/>
                  </a:cubicBezTo>
                  <a:cubicBezTo>
                    <a:pt x="38" y="263"/>
                    <a:pt x="38" y="263"/>
                    <a:pt x="38" y="263"/>
                  </a:cubicBezTo>
                  <a:cubicBezTo>
                    <a:pt x="4" y="307"/>
                    <a:pt x="4" y="307"/>
                    <a:pt x="4" y="307"/>
                  </a:cubicBezTo>
                  <a:cubicBezTo>
                    <a:pt x="0" y="312"/>
                    <a:pt x="0" y="312"/>
                    <a:pt x="0" y="312"/>
                  </a:cubicBezTo>
                  <a:cubicBezTo>
                    <a:pt x="50" y="350"/>
                    <a:pt x="120" y="360"/>
                    <a:pt x="180" y="331"/>
                  </a:cubicBezTo>
                  <a:cubicBezTo>
                    <a:pt x="215" y="314"/>
                    <a:pt x="241" y="288"/>
                    <a:pt x="258" y="257"/>
                  </a:cubicBezTo>
                  <a:cubicBezTo>
                    <a:pt x="259" y="256"/>
                    <a:pt x="259" y="255"/>
                    <a:pt x="259" y="255"/>
                  </a:cubicBezTo>
                  <a:cubicBezTo>
                    <a:pt x="284" y="208"/>
                    <a:pt x="287" y="150"/>
                    <a:pt x="263" y="99"/>
                  </a:cubicBezTo>
                  <a:cubicBezTo>
                    <a:pt x="234" y="38"/>
                    <a:pt x="174" y="2"/>
                    <a:pt x="111" y="0"/>
                  </a:cubicBezTo>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6" name="Oval 30"/>
            <p:cNvSpPr>
              <a:spLocks noChangeArrowheads="1"/>
            </p:cNvSpPr>
            <p:nvPr/>
          </p:nvSpPr>
          <p:spPr bwMode="auto">
            <a:xfrm>
              <a:off x="4148" y="1373"/>
              <a:ext cx="125" cy="125"/>
            </a:xfrm>
            <a:prstGeom prst="ellipse">
              <a:avLst/>
            </a:prstGeom>
            <a:solidFill>
              <a:srgbClr val="00544A"/>
            </a:solidFill>
            <a:ln>
              <a:noFill/>
            </a:ln>
            <a:extLst/>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solidFill>
                  <a:schemeClr val="bg1"/>
                </a:solidFill>
              </a:endParaRPr>
            </a:p>
          </p:txBody>
        </p:sp>
        <p:sp>
          <p:nvSpPr>
            <p:cNvPr id="17" name="Freeform 31"/>
            <p:cNvSpPr/>
            <p:nvPr/>
          </p:nvSpPr>
          <p:spPr bwMode="auto">
            <a:xfrm>
              <a:off x="4018" y="1523"/>
              <a:ext cx="396" cy="687"/>
            </a:xfrm>
            <a:custGeom>
              <a:gdLst>
                <a:gd fmla="*/ 78 w 79" name="T0"/>
                <a:gd fmla="*/ 51 h 137" name="T1"/>
                <a:gd fmla="*/ 64 w 79" name="T2"/>
                <a:gd fmla="*/ 8 h 137" name="T3"/>
                <a:gd fmla="*/ 55 w 79" name="T4"/>
                <a:gd fmla="*/ 0 h 137" name="T5"/>
                <a:gd fmla="*/ 23 w 79" name="T6"/>
                <a:gd fmla="*/ 0 h 137" name="T7"/>
                <a:gd fmla="*/ 16 w 79" name="T8"/>
                <a:gd fmla="*/ 4 h 137" name="T9"/>
                <a:gd fmla="*/ 15 w 79" name="T10"/>
                <a:gd fmla="*/ 6 h 137" name="T11"/>
                <a:gd fmla="*/ 15 w 79" name="T12"/>
                <a:gd fmla="*/ 6 h 137" name="T13"/>
                <a:gd fmla="*/ 14 w 79" name="T14"/>
                <a:gd fmla="*/ 7 h 137" name="T15"/>
                <a:gd fmla="*/ 1 w 79" name="T16"/>
                <a:gd fmla="*/ 51 h 137" name="T17"/>
                <a:gd fmla="*/ 4 w 79" name="T18"/>
                <a:gd fmla="*/ 58 h 137" name="T19"/>
                <a:gd fmla="*/ 11 w 79" name="T20"/>
                <a:gd fmla="*/ 54 h 137" name="T21"/>
                <a:gd fmla="*/ 22 w 79" name="T22"/>
                <a:gd fmla="*/ 19 h 137" name="T23"/>
                <a:gd fmla="*/ 23 w 79" name="T24"/>
                <a:gd fmla="*/ 19 h 137" name="T25"/>
                <a:gd fmla="*/ 24 w 79" name="T26"/>
                <a:gd fmla="*/ 19 h 137" name="T27"/>
                <a:gd fmla="*/ 8 w 79" name="T28"/>
                <a:gd fmla="*/ 82 h 137" name="T29"/>
                <a:gd fmla="*/ 25 w 79" name="T30"/>
                <a:gd fmla="*/ 82 h 137" name="T31"/>
                <a:gd fmla="*/ 25 w 79" name="T32"/>
                <a:gd fmla="*/ 131 h 137" name="T33"/>
                <a:gd fmla="*/ 31 w 79" name="T34"/>
                <a:gd fmla="*/ 137 h 137" name="T35"/>
                <a:gd fmla="*/ 38 w 79" name="T36"/>
                <a:gd fmla="*/ 131 h 137" name="T37"/>
                <a:gd fmla="*/ 38 w 79" name="T38"/>
                <a:gd fmla="*/ 82 h 137" name="T39"/>
                <a:gd fmla="*/ 41 w 79" name="T40"/>
                <a:gd fmla="*/ 82 h 137" name="T41"/>
                <a:gd fmla="*/ 41 w 79" name="T42"/>
                <a:gd fmla="*/ 131 h 137" name="T43"/>
                <a:gd fmla="*/ 48 w 79" name="T44"/>
                <a:gd fmla="*/ 137 h 137" name="T45"/>
                <a:gd fmla="*/ 54 w 79" name="T46"/>
                <a:gd fmla="*/ 131 h 137" name="T47"/>
                <a:gd fmla="*/ 54 w 79" name="T48"/>
                <a:gd fmla="*/ 82 h 137" name="T49"/>
                <a:gd fmla="*/ 71 w 79" name="T50"/>
                <a:gd fmla="*/ 82 h 137" name="T51"/>
                <a:gd fmla="*/ 54 w 79" name="T52"/>
                <a:gd fmla="*/ 19 h 137" name="T53"/>
                <a:gd fmla="*/ 55 w 79" name="T54"/>
                <a:gd fmla="*/ 19 h 137" name="T55"/>
                <a:gd fmla="*/ 56 w 79" name="T56"/>
                <a:gd fmla="*/ 19 h 137" name="T57"/>
                <a:gd fmla="*/ 67 w 79" name="T58"/>
                <a:gd fmla="*/ 54 h 137" name="T59"/>
                <a:gd fmla="*/ 74 w 79" name="T60"/>
                <a:gd fmla="*/ 58 h 137" name="T61"/>
                <a:gd fmla="*/ 78 w 79" name="T62"/>
                <a:gd fmla="*/ 51 h 137" name="T6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b="b" l="0" r="r" t="0"/>
              <a:pathLst>
                <a:path h="137" w="79">
                  <a:moveTo>
                    <a:pt x="78" y="51"/>
                  </a:moveTo>
                  <a:cubicBezTo>
                    <a:pt x="64" y="8"/>
                    <a:pt x="64" y="8"/>
                    <a:pt x="64" y="8"/>
                  </a:cubicBezTo>
                  <a:cubicBezTo>
                    <a:pt x="63" y="4"/>
                    <a:pt x="59" y="0"/>
                    <a:pt x="55" y="0"/>
                  </a:cubicBezTo>
                  <a:cubicBezTo>
                    <a:pt x="23" y="0"/>
                    <a:pt x="23" y="0"/>
                    <a:pt x="23" y="0"/>
                  </a:cubicBezTo>
                  <a:cubicBezTo>
                    <a:pt x="20" y="0"/>
                    <a:pt x="17" y="2"/>
                    <a:pt x="16" y="4"/>
                  </a:cubicBezTo>
                  <a:cubicBezTo>
                    <a:pt x="15" y="5"/>
                    <a:pt x="15" y="5"/>
                    <a:pt x="15" y="6"/>
                  </a:cubicBezTo>
                  <a:cubicBezTo>
                    <a:pt x="15" y="6"/>
                    <a:pt x="15" y="6"/>
                    <a:pt x="15" y="6"/>
                  </a:cubicBezTo>
                  <a:cubicBezTo>
                    <a:pt x="15" y="6"/>
                    <a:pt x="15" y="7"/>
                    <a:pt x="14" y="7"/>
                  </a:cubicBezTo>
                  <a:cubicBezTo>
                    <a:pt x="1" y="51"/>
                    <a:pt x="1" y="51"/>
                    <a:pt x="1" y="51"/>
                  </a:cubicBezTo>
                  <a:cubicBezTo>
                    <a:pt x="0" y="54"/>
                    <a:pt x="1" y="57"/>
                    <a:pt x="4" y="58"/>
                  </a:cubicBezTo>
                  <a:cubicBezTo>
                    <a:pt x="7" y="59"/>
                    <a:pt x="10" y="57"/>
                    <a:pt x="11" y="54"/>
                  </a:cubicBezTo>
                  <a:cubicBezTo>
                    <a:pt x="22" y="19"/>
                    <a:pt x="22" y="19"/>
                    <a:pt x="22" y="19"/>
                  </a:cubicBezTo>
                  <a:cubicBezTo>
                    <a:pt x="23" y="19"/>
                    <a:pt x="23" y="19"/>
                    <a:pt x="23" y="19"/>
                  </a:cubicBezTo>
                  <a:cubicBezTo>
                    <a:pt x="24" y="19"/>
                    <a:pt x="24" y="19"/>
                    <a:pt x="24" y="19"/>
                  </a:cubicBezTo>
                  <a:cubicBezTo>
                    <a:pt x="8" y="82"/>
                    <a:pt x="8" y="82"/>
                    <a:pt x="8" y="82"/>
                  </a:cubicBezTo>
                  <a:cubicBezTo>
                    <a:pt x="25" y="82"/>
                    <a:pt x="25" y="82"/>
                    <a:pt x="25" y="82"/>
                  </a:cubicBezTo>
                  <a:cubicBezTo>
                    <a:pt x="25" y="131"/>
                    <a:pt x="25" y="131"/>
                    <a:pt x="25" y="131"/>
                  </a:cubicBezTo>
                  <a:cubicBezTo>
                    <a:pt x="25" y="135"/>
                    <a:pt x="28" y="137"/>
                    <a:pt x="31" y="137"/>
                  </a:cubicBezTo>
                  <a:cubicBezTo>
                    <a:pt x="35" y="137"/>
                    <a:pt x="38" y="135"/>
                    <a:pt x="38" y="131"/>
                  </a:cubicBezTo>
                  <a:cubicBezTo>
                    <a:pt x="38" y="82"/>
                    <a:pt x="38" y="82"/>
                    <a:pt x="38" y="82"/>
                  </a:cubicBezTo>
                  <a:cubicBezTo>
                    <a:pt x="41" y="82"/>
                    <a:pt x="41" y="82"/>
                    <a:pt x="41" y="82"/>
                  </a:cubicBezTo>
                  <a:cubicBezTo>
                    <a:pt x="41" y="131"/>
                    <a:pt x="41" y="131"/>
                    <a:pt x="41" y="131"/>
                  </a:cubicBezTo>
                  <a:cubicBezTo>
                    <a:pt x="41" y="135"/>
                    <a:pt x="44" y="137"/>
                    <a:pt x="48" y="137"/>
                  </a:cubicBezTo>
                  <a:cubicBezTo>
                    <a:pt x="51" y="137"/>
                    <a:pt x="54" y="135"/>
                    <a:pt x="54" y="131"/>
                  </a:cubicBezTo>
                  <a:cubicBezTo>
                    <a:pt x="54" y="82"/>
                    <a:pt x="54" y="82"/>
                    <a:pt x="54" y="82"/>
                  </a:cubicBezTo>
                  <a:cubicBezTo>
                    <a:pt x="71" y="82"/>
                    <a:pt x="71" y="82"/>
                    <a:pt x="71" y="82"/>
                  </a:cubicBezTo>
                  <a:cubicBezTo>
                    <a:pt x="54" y="19"/>
                    <a:pt x="54" y="19"/>
                    <a:pt x="54" y="19"/>
                  </a:cubicBezTo>
                  <a:cubicBezTo>
                    <a:pt x="55" y="19"/>
                    <a:pt x="55" y="19"/>
                    <a:pt x="55" y="19"/>
                  </a:cubicBezTo>
                  <a:cubicBezTo>
                    <a:pt x="55" y="19"/>
                    <a:pt x="55" y="19"/>
                    <a:pt x="56" y="19"/>
                  </a:cubicBezTo>
                  <a:cubicBezTo>
                    <a:pt x="67" y="54"/>
                    <a:pt x="67" y="54"/>
                    <a:pt x="67" y="54"/>
                  </a:cubicBezTo>
                  <a:cubicBezTo>
                    <a:pt x="68" y="57"/>
                    <a:pt x="71" y="59"/>
                    <a:pt x="74" y="58"/>
                  </a:cubicBezTo>
                  <a:cubicBezTo>
                    <a:pt x="77" y="57"/>
                    <a:pt x="79" y="54"/>
                    <a:pt x="78" y="51"/>
                  </a:cubicBezTo>
                </a:path>
              </a:pathLst>
            </a:custGeom>
            <a:solidFill>
              <a:srgbClr val="00544A"/>
            </a:solidFill>
            <a:ln>
              <a:noFill/>
            </a:ln>
            <a:extLst/>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solidFill>
                  <a:schemeClr val="bg1"/>
                </a:solidFill>
              </a:endParaRPr>
            </a:p>
          </p:txBody>
        </p:sp>
      </p:grpSp>
      <p:grpSp>
        <p:nvGrpSpPr>
          <p:cNvPr id="18" name="组合 17"/>
          <p:cNvGrpSpPr/>
          <p:nvPr/>
        </p:nvGrpSpPr>
        <p:grpSpPr>
          <a:xfrm>
            <a:off x="2066195" y="3917041"/>
            <a:ext cx="220870" cy="566060"/>
            <a:chOff x="2719473" y="2148841"/>
            <a:chExt cx="502596" cy="1288090"/>
          </a:xfrm>
        </p:grpSpPr>
        <p:sp>
          <p:nvSpPr>
            <p:cNvPr id="19" name="Freeform 11"/>
            <p:cNvSpPr/>
            <p:nvPr/>
          </p:nvSpPr>
          <p:spPr bwMode="auto">
            <a:xfrm>
              <a:off x="2719473" y="2371548"/>
              <a:ext cx="502596" cy="1065383"/>
            </a:xfrm>
            <a:custGeom>
              <a:gdLst>
                <a:gd fmla="*/ 53 w 70" name="T0"/>
                <a:gd fmla="*/ 0 h 148" name="T1"/>
                <a:gd fmla="*/ 18 w 70" name="T2"/>
                <a:gd fmla="*/ 0 h 148" name="T3"/>
                <a:gd fmla="*/ 0 w 70" name="T4"/>
                <a:gd fmla="*/ 15 h 148" name="T5"/>
                <a:gd fmla="*/ 0 w 70" name="T6"/>
                <a:gd fmla="*/ 15 h 148" name="T7"/>
                <a:gd fmla="*/ 0 w 70" name="T8"/>
                <a:gd fmla="*/ 17 h 148" name="T9"/>
                <a:gd fmla="*/ 0 w 70" name="T10"/>
                <a:gd fmla="*/ 67 h 148" name="T11"/>
                <a:gd fmla="*/ 5 w 70" name="T12"/>
                <a:gd fmla="*/ 73 h 148" name="T13"/>
                <a:gd fmla="*/ 11 w 70" name="T14"/>
                <a:gd fmla="*/ 67 h 148" name="T15"/>
                <a:gd fmla="*/ 11 w 70" name="T16"/>
                <a:gd fmla="*/ 24 h 148" name="T17"/>
                <a:gd fmla="*/ 16 w 70" name="T18"/>
                <a:gd fmla="*/ 24 h 148" name="T19"/>
                <a:gd fmla="*/ 16 w 70" name="T20"/>
                <a:gd fmla="*/ 65 h 148" name="T21"/>
                <a:gd fmla="*/ 16 w 70" name="T22"/>
                <a:gd fmla="*/ 67 h 148" name="T23"/>
                <a:gd fmla="*/ 16 w 70" name="T24"/>
                <a:gd fmla="*/ 140 h 148" name="T25"/>
                <a:gd fmla="*/ 25 w 70" name="T26"/>
                <a:gd fmla="*/ 148 h 148" name="T27"/>
                <a:gd fmla="*/ 33 w 70" name="T28"/>
                <a:gd fmla="*/ 140 h 148" name="T29"/>
                <a:gd fmla="*/ 33 w 70" name="T30"/>
                <a:gd fmla="*/ 75 h 148" name="T31"/>
                <a:gd fmla="*/ 37 w 70" name="T32"/>
                <a:gd fmla="*/ 75 h 148" name="T33"/>
                <a:gd fmla="*/ 37 w 70" name="T34"/>
                <a:gd fmla="*/ 140 h 148" name="T35"/>
                <a:gd fmla="*/ 45 w 70" name="T36"/>
                <a:gd fmla="*/ 148 h 148" name="T37"/>
                <a:gd fmla="*/ 53 w 70" name="T38"/>
                <a:gd fmla="*/ 140 h 148" name="T39"/>
                <a:gd fmla="*/ 53 w 70" name="T40"/>
                <a:gd fmla="*/ 65 h 148" name="T41"/>
                <a:gd fmla="*/ 53 w 70" name="T42"/>
                <a:gd fmla="*/ 65 h 148" name="T43"/>
                <a:gd fmla="*/ 53 w 70" name="T44"/>
                <a:gd fmla="*/ 24 h 148" name="T45"/>
                <a:gd fmla="*/ 57 w 70" name="T46"/>
                <a:gd fmla="*/ 24 h 148" name="T47"/>
                <a:gd fmla="*/ 57 w 70" name="T48"/>
                <a:gd fmla="*/ 67 h 148" name="T49"/>
                <a:gd fmla="*/ 64 w 70" name="T50"/>
                <a:gd fmla="*/ 73 h 148" name="T51"/>
                <a:gd fmla="*/ 70 w 70" name="T52"/>
                <a:gd fmla="*/ 67 h 148" name="T53"/>
                <a:gd fmla="*/ 70 w 70" name="T54"/>
                <a:gd fmla="*/ 17 h 148" name="T55"/>
                <a:gd fmla="*/ 70 w 70" name="T56"/>
                <a:gd fmla="*/ 15 h 148" name="T57"/>
                <a:gd fmla="*/ 70 w 70" name="T58"/>
                <a:gd fmla="*/ 14 h 148" name="T59"/>
                <a:gd fmla="*/ 53 w 70" name="T60"/>
                <a:gd fmla="*/ 0 h 1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148" w="70">
                  <a:moveTo>
                    <a:pt x="53" y="0"/>
                  </a:moveTo>
                  <a:cubicBezTo>
                    <a:pt x="18" y="0"/>
                    <a:pt x="18" y="0"/>
                    <a:pt x="18" y="0"/>
                  </a:cubicBezTo>
                  <a:cubicBezTo>
                    <a:pt x="4" y="0"/>
                    <a:pt x="0" y="11"/>
                    <a:pt x="0" y="15"/>
                  </a:cubicBezTo>
                  <a:cubicBezTo>
                    <a:pt x="0" y="15"/>
                    <a:pt x="0" y="15"/>
                    <a:pt x="0" y="15"/>
                  </a:cubicBezTo>
                  <a:cubicBezTo>
                    <a:pt x="0" y="17"/>
                    <a:pt x="0" y="17"/>
                    <a:pt x="0" y="17"/>
                  </a:cubicBezTo>
                  <a:cubicBezTo>
                    <a:pt x="0" y="67"/>
                    <a:pt x="0" y="67"/>
                    <a:pt x="0" y="67"/>
                  </a:cubicBezTo>
                  <a:cubicBezTo>
                    <a:pt x="0" y="70"/>
                    <a:pt x="2" y="73"/>
                    <a:pt x="5" y="73"/>
                  </a:cubicBezTo>
                  <a:cubicBezTo>
                    <a:pt x="9" y="73"/>
                    <a:pt x="11" y="70"/>
                    <a:pt x="11" y="67"/>
                  </a:cubicBezTo>
                  <a:cubicBezTo>
                    <a:pt x="11" y="24"/>
                    <a:pt x="11" y="24"/>
                    <a:pt x="11" y="24"/>
                  </a:cubicBezTo>
                  <a:cubicBezTo>
                    <a:pt x="16" y="24"/>
                    <a:pt x="16" y="24"/>
                    <a:pt x="16" y="24"/>
                  </a:cubicBezTo>
                  <a:cubicBezTo>
                    <a:pt x="16" y="65"/>
                    <a:pt x="16" y="65"/>
                    <a:pt x="16" y="65"/>
                  </a:cubicBezTo>
                  <a:cubicBezTo>
                    <a:pt x="16" y="66"/>
                    <a:pt x="16" y="66"/>
                    <a:pt x="16" y="67"/>
                  </a:cubicBezTo>
                  <a:cubicBezTo>
                    <a:pt x="16" y="140"/>
                    <a:pt x="16" y="140"/>
                    <a:pt x="16" y="140"/>
                  </a:cubicBezTo>
                  <a:cubicBezTo>
                    <a:pt x="16" y="145"/>
                    <a:pt x="20" y="148"/>
                    <a:pt x="25" y="148"/>
                  </a:cubicBezTo>
                  <a:cubicBezTo>
                    <a:pt x="29" y="148"/>
                    <a:pt x="33" y="145"/>
                    <a:pt x="33" y="140"/>
                  </a:cubicBezTo>
                  <a:cubicBezTo>
                    <a:pt x="33" y="75"/>
                    <a:pt x="33" y="75"/>
                    <a:pt x="33" y="75"/>
                  </a:cubicBezTo>
                  <a:cubicBezTo>
                    <a:pt x="37" y="75"/>
                    <a:pt x="37" y="75"/>
                    <a:pt x="37" y="75"/>
                  </a:cubicBezTo>
                  <a:cubicBezTo>
                    <a:pt x="37" y="140"/>
                    <a:pt x="37" y="140"/>
                    <a:pt x="37" y="140"/>
                  </a:cubicBezTo>
                  <a:cubicBezTo>
                    <a:pt x="37" y="145"/>
                    <a:pt x="40" y="148"/>
                    <a:pt x="45" y="148"/>
                  </a:cubicBezTo>
                  <a:cubicBezTo>
                    <a:pt x="49" y="148"/>
                    <a:pt x="53" y="145"/>
                    <a:pt x="53" y="140"/>
                  </a:cubicBezTo>
                  <a:cubicBezTo>
                    <a:pt x="53" y="65"/>
                    <a:pt x="53" y="65"/>
                    <a:pt x="53" y="65"/>
                  </a:cubicBezTo>
                  <a:cubicBezTo>
                    <a:pt x="53" y="65"/>
                    <a:pt x="53" y="65"/>
                    <a:pt x="53" y="65"/>
                  </a:cubicBezTo>
                  <a:cubicBezTo>
                    <a:pt x="53" y="24"/>
                    <a:pt x="53" y="24"/>
                    <a:pt x="53" y="24"/>
                  </a:cubicBezTo>
                  <a:cubicBezTo>
                    <a:pt x="57" y="24"/>
                    <a:pt x="57" y="24"/>
                    <a:pt x="57" y="24"/>
                  </a:cubicBezTo>
                  <a:cubicBezTo>
                    <a:pt x="57" y="67"/>
                    <a:pt x="57" y="67"/>
                    <a:pt x="57" y="67"/>
                  </a:cubicBezTo>
                  <a:cubicBezTo>
                    <a:pt x="57" y="70"/>
                    <a:pt x="60" y="73"/>
                    <a:pt x="64" y="73"/>
                  </a:cubicBezTo>
                  <a:cubicBezTo>
                    <a:pt x="67" y="73"/>
                    <a:pt x="70" y="70"/>
                    <a:pt x="70" y="67"/>
                  </a:cubicBezTo>
                  <a:cubicBezTo>
                    <a:pt x="70" y="17"/>
                    <a:pt x="70" y="17"/>
                    <a:pt x="70" y="17"/>
                  </a:cubicBezTo>
                  <a:cubicBezTo>
                    <a:pt x="70" y="15"/>
                    <a:pt x="70" y="15"/>
                    <a:pt x="70" y="15"/>
                  </a:cubicBezTo>
                  <a:cubicBezTo>
                    <a:pt x="70" y="14"/>
                    <a:pt x="70" y="14"/>
                    <a:pt x="70" y="14"/>
                  </a:cubicBezTo>
                  <a:cubicBezTo>
                    <a:pt x="70" y="9"/>
                    <a:pt x="64" y="0"/>
                    <a:pt x="53" y="0"/>
                  </a:cubicBezTo>
                </a:path>
              </a:pathLst>
            </a:custGeom>
            <a:solidFill>
              <a:srgbClr val="00544A"/>
            </a:solidFill>
            <a:ln>
              <a:noFill/>
            </a:ln>
            <a:extLst/>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solidFill>
                  <a:schemeClr val="bg1"/>
                </a:solidFill>
              </a:endParaRPr>
            </a:p>
          </p:txBody>
        </p:sp>
        <p:sp>
          <p:nvSpPr>
            <p:cNvPr id="20" name="Oval 12"/>
            <p:cNvSpPr>
              <a:spLocks noChangeArrowheads="1"/>
            </p:cNvSpPr>
            <p:nvPr/>
          </p:nvSpPr>
          <p:spPr bwMode="auto">
            <a:xfrm>
              <a:off x="2869951" y="2148841"/>
              <a:ext cx="201640" cy="201640"/>
            </a:xfrm>
            <a:prstGeom prst="ellipse">
              <a:avLst/>
            </a:prstGeom>
            <a:solidFill>
              <a:srgbClr val="00544A"/>
            </a:solidFill>
            <a:ln>
              <a:noFill/>
            </a:ln>
            <a:extLst/>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solidFill>
                  <a:schemeClr val="bg1"/>
                </a:solidFill>
              </a:endParaRPr>
            </a:p>
          </p:txBody>
        </p:sp>
      </p:grpSp>
      <p:grpSp>
        <p:nvGrpSpPr>
          <p:cNvPr id="21" name="组合 20"/>
          <p:cNvGrpSpPr/>
          <p:nvPr/>
        </p:nvGrpSpPr>
        <p:grpSpPr>
          <a:xfrm>
            <a:off x="5670546" y="3956137"/>
            <a:ext cx="247654" cy="523448"/>
            <a:chOff x="4632244" y="3364697"/>
            <a:chExt cx="578450" cy="1222633"/>
          </a:xfrm>
          <a:solidFill>
            <a:srgbClr val="018E7B"/>
          </a:solidFill>
        </p:grpSpPr>
        <p:sp>
          <p:nvSpPr>
            <p:cNvPr id="22" name="Oval 30"/>
            <p:cNvSpPr>
              <a:spLocks noChangeArrowheads="1"/>
            </p:cNvSpPr>
            <p:nvPr/>
          </p:nvSpPr>
          <p:spPr bwMode="auto">
            <a:xfrm>
              <a:off x="4822139" y="3364697"/>
              <a:ext cx="182591" cy="182591"/>
            </a:xfrm>
            <a:prstGeom prst="ellipse">
              <a:avLst/>
            </a:prstGeom>
            <a:solidFill>
              <a:srgbClr val="00544A"/>
            </a:solidFill>
            <a:ln>
              <a:noFill/>
            </a:ln>
            <a:extLst/>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solidFill>
                  <a:schemeClr val="bg1"/>
                </a:solidFill>
              </a:endParaRPr>
            </a:p>
          </p:txBody>
        </p:sp>
        <p:sp>
          <p:nvSpPr>
            <p:cNvPr id="23" name="Freeform 31"/>
            <p:cNvSpPr/>
            <p:nvPr/>
          </p:nvSpPr>
          <p:spPr bwMode="auto">
            <a:xfrm>
              <a:off x="4632244" y="3583807"/>
              <a:ext cx="578450" cy="1003523"/>
            </a:xfrm>
            <a:custGeom>
              <a:gdLst>
                <a:gd fmla="*/ 78 w 79" name="T0"/>
                <a:gd fmla="*/ 51 h 137" name="T1"/>
                <a:gd fmla="*/ 64 w 79" name="T2"/>
                <a:gd fmla="*/ 8 h 137" name="T3"/>
                <a:gd fmla="*/ 55 w 79" name="T4"/>
                <a:gd fmla="*/ 0 h 137" name="T5"/>
                <a:gd fmla="*/ 23 w 79" name="T6"/>
                <a:gd fmla="*/ 0 h 137" name="T7"/>
                <a:gd fmla="*/ 16 w 79" name="T8"/>
                <a:gd fmla="*/ 4 h 137" name="T9"/>
                <a:gd fmla="*/ 15 w 79" name="T10"/>
                <a:gd fmla="*/ 6 h 137" name="T11"/>
                <a:gd fmla="*/ 15 w 79" name="T12"/>
                <a:gd fmla="*/ 6 h 137" name="T13"/>
                <a:gd fmla="*/ 14 w 79" name="T14"/>
                <a:gd fmla="*/ 7 h 137" name="T15"/>
                <a:gd fmla="*/ 1 w 79" name="T16"/>
                <a:gd fmla="*/ 51 h 137" name="T17"/>
                <a:gd fmla="*/ 4 w 79" name="T18"/>
                <a:gd fmla="*/ 58 h 137" name="T19"/>
                <a:gd fmla="*/ 11 w 79" name="T20"/>
                <a:gd fmla="*/ 54 h 137" name="T21"/>
                <a:gd fmla="*/ 22 w 79" name="T22"/>
                <a:gd fmla="*/ 19 h 137" name="T23"/>
                <a:gd fmla="*/ 23 w 79" name="T24"/>
                <a:gd fmla="*/ 19 h 137" name="T25"/>
                <a:gd fmla="*/ 24 w 79" name="T26"/>
                <a:gd fmla="*/ 19 h 137" name="T27"/>
                <a:gd fmla="*/ 8 w 79" name="T28"/>
                <a:gd fmla="*/ 82 h 137" name="T29"/>
                <a:gd fmla="*/ 25 w 79" name="T30"/>
                <a:gd fmla="*/ 82 h 137" name="T31"/>
                <a:gd fmla="*/ 25 w 79" name="T32"/>
                <a:gd fmla="*/ 131 h 137" name="T33"/>
                <a:gd fmla="*/ 31 w 79" name="T34"/>
                <a:gd fmla="*/ 137 h 137" name="T35"/>
                <a:gd fmla="*/ 38 w 79" name="T36"/>
                <a:gd fmla="*/ 131 h 137" name="T37"/>
                <a:gd fmla="*/ 38 w 79" name="T38"/>
                <a:gd fmla="*/ 82 h 137" name="T39"/>
                <a:gd fmla="*/ 41 w 79" name="T40"/>
                <a:gd fmla="*/ 82 h 137" name="T41"/>
                <a:gd fmla="*/ 41 w 79" name="T42"/>
                <a:gd fmla="*/ 131 h 137" name="T43"/>
                <a:gd fmla="*/ 48 w 79" name="T44"/>
                <a:gd fmla="*/ 137 h 137" name="T45"/>
                <a:gd fmla="*/ 54 w 79" name="T46"/>
                <a:gd fmla="*/ 131 h 137" name="T47"/>
                <a:gd fmla="*/ 54 w 79" name="T48"/>
                <a:gd fmla="*/ 82 h 137" name="T49"/>
                <a:gd fmla="*/ 71 w 79" name="T50"/>
                <a:gd fmla="*/ 82 h 137" name="T51"/>
                <a:gd fmla="*/ 54 w 79" name="T52"/>
                <a:gd fmla="*/ 19 h 137" name="T53"/>
                <a:gd fmla="*/ 55 w 79" name="T54"/>
                <a:gd fmla="*/ 19 h 137" name="T55"/>
                <a:gd fmla="*/ 56 w 79" name="T56"/>
                <a:gd fmla="*/ 19 h 137" name="T57"/>
                <a:gd fmla="*/ 67 w 79" name="T58"/>
                <a:gd fmla="*/ 54 h 137" name="T59"/>
                <a:gd fmla="*/ 74 w 79" name="T60"/>
                <a:gd fmla="*/ 58 h 137" name="T61"/>
                <a:gd fmla="*/ 78 w 79" name="T62"/>
                <a:gd fmla="*/ 51 h 137" name="T6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b="b" l="0" r="r" t="0"/>
              <a:pathLst>
                <a:path h="137" w="79">
                  <a:moveTo>
                    <a:pt x="78" y="51"/>
                  </a:moveTo>
                  <a:cubicBezTo>
                    <a:pt x="64" y="8"/>
                    <a:pt x="64" y="8"/>
                    <a:pt x="64" y="8"/>
                  </a:cubicBezTo>
                  <a:cubicBezTo>
                    <a:pt x="63" y="4"/>
                    <a:pt x="59" y="0"/>
                    <a:pt x="55" y="0"/>
                  </a:cubicBezTo>
                  <a:cubicBezTo>
                    <a:pt x="23" y="0"/>
                    <a:pt x="23" y="0"/>
                    <a:pt x="23" y="0"/>
                  </a:cubicBezTo>
                  <a:cubicBezTo>
                    <a:pt x="20" y="0"/>
                    <a:pt x="17" y="2"/>
                    <a:pt x="16" y="4"/>
                  </a:cubicBezTo>
                  <a:cubicBezTo>
                    <a:pt x="15" y="5"/>
                    <a:pt x="15" y="5"/>
                    <a:pt x="15" y="6"/>
                  </a:cubicBezTo>
                  <a:cubicBezTo>
                    <a:pt x="15" y="6"/>
                    <a:pt x="15" y="6"/>
                    <a:pt x="15" y="6"/>
                  </a:cubicBezTo>
                  <a:cubicBezTo>
                    <a:pt x="15" y="6"/>
                    <a:pt x="15" y="7"/>
                    <a:pt x="14" y="7"/>
                  </a:cubicBezTo>
                  <a:cubicBezTo>
                    <a:pt x="1" y="51"/>
                    <a:pt x="1" y="51"/>
                    <a:pt x="1" y="51"/>
                  </a:cubicBezTo>
                  <a:cubicBezTo>
                    <a:pt x="0" y="54"/>
                    <a:pt x="1" y="57"/>
                    <a:pt x="4" y="58"/>
                  </a:cubicBezTo>
                  <a:cubicBezTo>
                    <a:pt x="7" y="59"/>
                    <a:pt x="10" y="57"/>
                    <a:pt x="11" y="54"/>
                  </a:cubicBezTo>
                  <a:cubicBezTo>
                    <a:pt x="22" y="19"/>
                    <a:pt x="22" y="19"/>
                    <a:pt x="22" y="19"/>
                  </a:cubicBezTo>
                  <a:cubicBezTo>
                    <a:pt x="23" y="19"/>
                    <a:pt x="23" y="19"/>
                    <a:pt x="23" y="19"/>
                  </a:cubicBezTo>
                  <a:cubicBezTo>
                    <a:pt x="24" y="19"/>
                    <a:pt x="24" y="19"/>
                    <a:pt x="24" y="19"/>
                  </a:cubicBezTo>
                  <a:cubicBezTo>
                    <a:pt x="8" y="82"/>
                    <a:pt x="8" y="82"/>
                    <a:pt x="8" y="82"/>
                  </a:cubicBezTo>
                  <a:cubicBezTo>
                    <a:pt x="25" y="82"/>
                    <a:pt x="25" y="82"/>
                    <a:pt x="25" y="82"/>
                  </a:cubicBezTo>
                  <a:cubicBezTo>
                    <a:pt x="25" y="131"/>
                    <a:pt x="25" y="131"/>
                    <a:pt x="25" y="131"/>
                  </a:cubicBezTo>
                  <a:cubicBezTo>
                    <a:pt x="25" y="135"/>
                    <a:pt x="28" y="137"/>
                    <a:pt x="31" y="137"/>
                  </a:cubicBezTo>
                  <a:cubicBezTo>
                    <a:pt x="35" y="137"/>
                    <a:pt x="38" y="135"/>
                    <a:pt x="38" y="131"/>
                  </a:cubicBezTo>
                  <a:cubicBezTo>
                    <a:pt x="38" y="82"/>
                    <a:pt x="38" y="82"/>
                    <a:pt x="38" y="82"/>
                  </a:cubicBezTo>
                  <a:cubicBezTo>
                    <a:pt x="41" y="82"/>
                    <a:pt x="41" y="82"/>
                    <a:pt x="41" y="82"/>
                  </a:cubicBezTo>
                  <a:cubicBezTo>
                    <a:pt x="41" y="131"/>
                    <a:pt x="41" y="131"/>
                    <a:pt x="41" y="131"/>
                  </a:cubicBezTo>
                  <a:cubicBezTo>
                    <a:pt x="41" y="135"/>
                    <a:pt x="44" y="137"/>
                    <a:pt x="48" y="137"/>
                  </a:cubicBezTo>
                  <a:cubicBezTo>
                    <a:pt x="51" y="137"/>
                    <a:pt x="54" y="135"/>
                    <a:pt x="54" y="131"/>
                  </a:cubicBezTo>
                  <a:cubicBezTo>
                    <a:pt x="54" y="82"/>
                    <a:pt x="54" y="82"/>
                    <a:pt x="54" y="82"/>
                  </a:cubicBezTo>
                  <a:cubicBezTo>
                    <a:pt x="71" y="82"/>
                    <a:pt x="71" y="82"/>
                    <a:pt x="71" y="82"/>
                  </a:cubicBezTo>
                  <a:cubicBezTo>
                    <a:pt x="54" y="19"/>
                    <a:pt x="54" y="19"/>
                    <a:pt x="54" y="19"/>
                  </a:cubicBezTo>
                  <a:cubicBezTo>
                    <a:pt x="55" y="19"/>
                    <a:pt x="55" y="19"/>
                    <a:pt x="55" y="19"/>
                  </a:cubicBezTo>
                  <a:cubicBezTo>
                    <a:pt x="55" y="19"/>
                    <a:pt x="55" y="19"/>
                    <a:pt x="56" y="19"/>
                  </a:cubicBezTo>
                  <a:cubicBezTo>
                    <a:pt x="67" y="54"/>
                    <a:pt x="67" y="54"/>
                    <a:pt x="67" y="54"/>
                  </a:cubicBezTo>
                  <a:cubicBezTo>
                    <a:pt x="68" y="57"/>
                    <a:pt x="71" y="59"/>
                    <a:pt x="74" y="58"/>
                  </a:cubicBezTo>
                  <a:cubicBezTo>
                    <a:pt x="77" y="57"/>
                    <a:pt x="79" y="54"/>
                    <a:pt x="78" y="51"/>
                  </a:cubicBezTo>
                </a:path>
              </a:pathLst>
            </a:custGeom>
            <a:solidFill>
              <a:srgbClr val="00544A"/>
            </a:solidFill>
            <a:ln>
              <a:noFill/>
            </a:ln>
            <a:extLst/>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solidFill>
                  <a:schemeClr val="bg1"/>
                </a:solidFill>
              </a:endParaRPr>
            </a:p>
          </p:txBody>
        </p:sp>
      </p:grpSp>
      <p:grpSp>
        <p:nvGrpSpPr>
          <p:cNvPr id="24" name="组合 23"/>
          <p:cNvGrpSpPr/>
          <p:nvPr/>
        </p:nvGrpSpPr>
        <p:grpSpPr>
          <a:xfrm>
            <a:off x="2456223" y="4034314"/>
            <a:ext cx="2081926" cy="390525"/>
            <a:chOff x="1948223" y="4034310"/>
            <a:chExt cx="2081926" cy="390525"/>
          </a:xfrm>
        </p:grpSpPr>
        <p:sp>
          <p:nvSpPr>
            <p:cNvPr id="25" name="矩形 24"/>
            <p:cNvSpPr/>
            <p:nvPr/>
          </p:nvSpPr>
          <p:spPr>
            <a:xfrm>
              <a:off x="2019660" y="4059070"/>
              <a:ext cx="1938655" cy="310896"/>
            </a:xfrm>
            <a:prstGeom prst="rect">
              <a:avLst/>
            </a:prstGeom>
          </p:spPr>
          <p:txBody>
            <a:bodyPr wrap="none">
              <a:spAutoFit/>
            </a:bodyPr>
            <a:lstStyle/>
            <a:p>
              <a:pPr defTabSz="185738">
                <a:lnSpc>
                  <a:spcPct val="120000"/>
                </a:lnSpc>
              </a:pPr>
              <a:r>
                <a:rPr altLang="zh-CN" b="1" kern="0" lang="en-US" sz="1200">
                  <a:latin charset="-122" panose="020b0503020204020204" pitchFamily="34" typeface="微软雅黑"/>
                  <a:ea charset="-122" panose="020b0503020204020204" pitchFamily="34" typeface="微软雅黑"/>
                </a:rPr>
                <a:t>&gt;&gt;单击此处添加文字内容</a:t>
              </a:r>
            </a:p>
          </p:txBody>
        </p:sp>
        <p:cxnSp>
          <p:nvCxnSpPr>
            <p:cNvPr id="26" name="直接连接符 25"/>
            <p:cNvCxnSpPr/>
            <p:nvPr/>
          </p:nvCxnSpPr>
          <p:spPr>
            <a:xfrm>
              <a:off x="1948223" y="4034310"/>
              <a:ext cx="2081926"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cxnSp>
          <p:nvCxnSpPr>
            <p:cNvPr id="27" name="直接连接符 26"/>
            <p:cNvCxnSpPr/>
            <p:nvPr/>
          </p:nvCxnSpPr>
          <p:spPr>
            <a:xfrm>
              <a:off x="1948223" y="4424835"/>
              <a:ext cx="2081926"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grpSp>
      <p:grpSp>
        <p:nvGrpSpPr>
          <p:cNvPr id="28" name="组合 27"/>
          <p:cNvGrpSpPr/>
          <p:nvPr/>
        </p:nvGrpSpPr>
        <p:grpSpPr>
          <a:xfrm>
            <a:off x="6024634" y="4030106"/>
            <a:ext cx="2081926" cy="390525"/>
            <a:chOff x="5497584" y="4049153"/>
            <a:chExt cx="2081926" cy="390525"/>
          </a:xfrm>
        </p:grpSpPr>
        <p:sp>
          <p:nvSpPr>
            <p:cNvPr id="29" name="矩形 28"/>
            <p:cNvSpPr/>
            <p:nvPr/>
          </p:nvSpPr>
          <p:spPr>
            <a:xfrm>
              <a:off x="5562960" y="4084470"/>
              <a:ext cx="1938655" cy="310896"/>
            </a:xfrm>
            <a:prstGeom prst="rect">
              <a:avLst/>
            </a:prstGeom>
          </p:spPr>
          <p:txBody>
            <a:bodyPr wrap="none">
              <a:spAutoFit/>
            </a:bodyPr>
            <a:lstStyle/>
            <a:p>
              <a:pPr defTabSz="185738">
                <a:lnSpc>
                  <a:spcPct val="120000"/>
                </a:lnSpc>
              </a:pPr>
              <a:r>
                <a:rPr altLang="zh-CN" b="1" kern="0" lang="en-US" sz="1200">
                  <a:latin charset="-122" panose="020b0503020204020204" pitchFamily="34" typeface="微软雅黑"/>
                  <a:ea charset="-122" panose="020b0503020204020204" pitchFamily="34" typeface="微软雅黑"/>
                </a:rPr>
                <a:t>&gt;&gt;单击此处添加文字内容</a:t>
              </a:r>
            </a:p>
          </p:txBody>
        </p:sp>
        <p:cxnSp>
          <p:nvCxnSpPr>
            <p:cNvPr id="30" name="直接连接符 29"/>
            <p:cNvCxnSpPr/>
            <p:nvPr/>
          </p:nvCxnSpPr>
          <p:spPr>
            <a:xfrm>
              <a:off x="5497584" y="4049153"/>
              <a:ext cx="2081926"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cxnSp>
          <p:nvCxnSpPr>
            <p:cNvPr id="31" name="直接连接符 30"/>
            <p:cNvCxnSpPr/>
            <p:nvPr/>
          </p:nvCxnSpPr>
          <p:spPr>
            <a:xfrm>
              <a:off x="5497584" y="4439678"/>
              <a:ext cx="2081926"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val="2665821572"/>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withEffect" presetClass="entr" presetID="45" presetSubtype="0">
                                  <p:stCondLst>
                                    <p:cond delay="0"/>
                                  </p:stCondLst>
                                  <p:childTnLst>
                                    <p:set>
                                      <p:cBhvr>
                                        <p:cTn dur="1" fill="hold" id="6">
                                          <p:stCondLst>
                                            <p:cond delay="0"/>
                                          </p:stCondLst>
                                        </p:cTn>
                                        <p:tgtEl>
                                          <p:spTgt spid="2"/>
                                        </p:tgtEl>
                                        <p:attrNameLst>
                                          <p:attrName>style.visibility</p:attrName>
                                        </p:attrNameLst>
                                      </p:cBhvr>
                                      <p:to>
                                        <p:strVal val="visible"/>
                                      </p:to>
                                    </p:set>
                                    <p:animEffect filter="fade" transition="in">
                                      <p:cBhvr>
                                        <p:cTn dur="2000" id="7"/>
                                        <p:tgtEl>
                                          <p:spTgt spid="2"/>
                                        </p:tgtEl>
                                      </p:cBhvr>
                                    </p:animEffect>
                                    <p:anim calcmode="lin" valueType="num">
                                      <p:cBhvr>
                                        <p:cTn dur="2000" fill="hold" id="8"/>
                                        <p:tgtEl>
                                          <p:spTgt spid="2"/>
                                        </p:tgtEl>
                                        <p:attrNameLst>
                                          <p:attrName>ppt_w</p:attrName>
                                        </p:attrNameLst>
                                      </p:cBhvr>
                                      <p:tavLst>
                                        <p:tav fmla="#ppt_w*sin(2.5*pi*$)" tm="0">
                                          <p:val>
                                            <p:fltVal val="0"/>
                                          </p:val>
                                        </p:tav>
                                        <p:tav tm="100000">
                                          <p:val>
                                            <p:fltVal val="1"/>
                                          </p:val>
                                        </p:tav>
                                      </p:tavLst>
                                    </p:anim>
                                    <p:anim calcmode="lin" valueType="num">
                                      <p:cBhvr>
                                        <p:cTn dur="2000" fill="hold" id="9"/>
                                        <p:tgtEl>
                                          <p:spTgt spid="2"/>
                                        </p:tgtEl>
                                        <p:attrNameLst>
                                          <p:attrName>ppt_h</p:attrName>
                                        </p:attrNameLst>
                                      </p:cBhvr>
                                      <p:tavLst>
                                        <p:tav tm="0">
                                          <p:val>
                                            <p:strVal val="#ppt_h"/>
                                          </p:val>
                                        </p:tav>
                                        <p:tav tm="100000">
                                          <p:val>
                                            <p:strVal val="#ppt_h"/>
                                          </p:val>
                                        </p:tav>
                                      </p:tavLst>
                                    </p:anim>
                                  </p:childTnLst>
                                </p:cTn>
                              </p:par>
                              <p:par>
                                <p:cTn fill="hold" id="10" nodeType="withEffect" presetClass="entr" presetID="45" presetSubtype="0">
                                  <p:stCondLst>
                                    <p:cond delay="0"/>
                                  </p:stCondLst>
                                  <p:childTnLst>
                                    <p:set>
                                      <p:cBhvr>
                                        <p:cTn dur="1" fill="hold" id="11">
                                          <p:stCondLst>
                                            <p:cond delay="0"/>
                                          </p:stCondLst>
                                        </p:cTn>
                                        <p:tgtEl>
                                          <p:spTgt spid="10"/>
                                        </p:tgtEl>
                                        <p:attrNameLst>
                                          <p:attrName>style.visibility</p:attrName>
                                        </p:attrNameLst>
                                      </p:cBhvr>
                                      <p:to>
                                        <p:strVal val="visible"/>
                                      </p:to>
                                    </p:set>
                                    <p:animEffect filter="fade" transition="in">
                                      <p:cBhvr>
                                        <p:cTn dur="2000" id="12"/>
                                        <p:tgtEl>
                                          <p:spTgt spid="10"/>
                                        </p:tgtEl>
                                      </p:cBhvr>
                                    </p:animEffect>
                                    <p:anim calcmode="lin" valueType="num">
                                      <p:cBhvr>
                                        <p:cTn dur="2000" fill="hold" id="13"/>
                                        <p:tgtEl>
                                          <p:spTgt spid="10"/>
                                        </p:tgtEl>
                                        <p:attrNameLst>
                                          <p:attrName>ppt_w</p:attrName>
                                        </p:attrNameLst>
                                      </p:cBhvr>
                                      <p:tavLst>
                                        <p:tav fmla="#ppt_w*sin(2.5*pi*$)" tm="0">
                                          <p:val>
                                            <p:fltVal val="0"/>
                                          </p:val>
                                        </p:tav>
                                        <p:tav tm="100000">
                                          <p:val>
                                            <p:fltVal val="1"/>
                                          </p:val>
                                        </p:tav>
                                      </p:tavLst>
                                    </p:anim>
                                    <p:anim calcmode="lin" valueType="num">
                                      <p:cBhvr>
                                        <p:cTn dur="2000" fill="hold" id="14"/>
                                        <p:tgtEl>
                                          <p:spTgt spid="10"/>
                                        </p:tgtEl>
                                        <p:attrNameLst>
                                          <p:attrName>ppt_h</p:attrName>
                                        </p:attrNameLst>
                                      </p:cBhvr>
                                      <p:tavLst>
                                        <p:tav tm="0">
                                          <p:val>
                                            <p:strVal val="#ppt_h"/>
                                          </p:val>
                                        </p:tav>
                                        <p:tav tm="100000">
                                          <p:val>
                                            <p:strVal val="#ppt_h"/>
                                          </p:val>
                                        </p:tav>
                                      </p:tavLst>
                                    </p:anim>
                                  </p:childTnLst>
                                </p:cTn>
                              </p:par>
                              <p:par>
                                <p:cTn fill="hold" id="15" nodeType="withEffect" presetClass="entr" presetID="23" presetSubtype="32">
                                  <p:stCondLst>
                                    <p:cond delay="1900"/>
                                  </p:stCondLst>
                                  <p:childTnLst>
                                    <p:set>
                                      <p:cBhvr>
                                        <p:cTn dur="1" fill="hold" id="16">
                                          <p:stCondLst>
                                            <p:cond delay="0"/>
                                          </p:stCondLst>
                                        </p:cTn>
                                        <p:tgtEl>
                                          <p:spTgt spid="18"/>
                                        </p:tgtEl>
                                        <p:attrNameLst>
                                          <p:attrName>style.visibility</p:attrName>
                                        </p:attrNameLst>
                                      </p:cBhvr>
                                      <p:to>
                                        <p:strVal val="visible"/>
                                      </p:to>
                                    </p:set>
                                    <p:anim calcmode="lin" valueType="num">
                                      <p:cBhvr>
                                        <p:cTn dur="500" fill="hold" id="17"/>
                                        <p:tgtEl>
                                          <p:spTgt spid="18"/>
                                        </p:tgtEl>
                                        <p:attrNameLst>
                                          <p:attrName>ppt_w</p:attrName>
                                        </p:attrNameLst>
                                      </p:cBhvr>
                                      <p:tavLst>
                                        <p:tav tm="0">
                                          <p:val>
                                            <p:strVal val="4*#ppt_w"/>
                                          </p:val>
                                        </p:tav>
                                        <p:tav tm="100000">
                                          <p:val>
                                            <p:strVal val="#ppt_w"/>
                                          </p:val>
                                        </p:tav>
                                      </p:tavLst>
                                    </p:anim>
                                    <p:anim calcmode="lin" valueType="num">
                                      <p:cBhvr>
                                        <p:cTn dur="500" fill="hold" id="18"/>
                                        <p:tgtEl>
                                          <p:spTgt spid="18"/>
                                        </p:tgtEl>
                                        <p:attrNameLst>
                                          <p:attrName>ppt_h</p:attrName>
                                        </p:attrNameLst>
                                      </p:cBhvr>
                                      <p:tavLst>
                                        <p:tav tm="0">
                                          <p:val>
                                            <p:strVal val="4*#ppt_h"/>
                                          </p:val>
                                        </p:tav>
                                        <p:tav tm="100000">
                                          <p:val>
                                            <p:strVal val="#ppt_h"/>
                                          </p:val>
                                        </p:tav>
                                      </p:tavLst>
                                    </p:anim>
                                  </p:childTnLst>
                                </p:cTn>
                              </p:par>
                              <p:par>
                                <p:cTn fill="hold" id="19" nodeType="withEffect" presetClass="entr" presetID="22" presetSubtype="8">
                                  <p:stCondLst>
                                    <p:cond delay="2300"/>
                                  </p:stCondLst>
                                  <p:childTnLst>
                                    <p:set>
                                      <p:cBhvr>
                                        <p:cTn dur="1" fill="hold" id="20">
                                          <p:stCondLst>
                                            <p:cond delay="0"/>
                                          </p:stCondLst>
                                        </p:cTn>
                                        <p:tgtEl>
                                          <p:spTgt spid="24"/>
                                        </p:tgtEl>
                                        <p:attrNameLst>
                                          <p:attrName>style.visibility</p:attrName>
                                        </p:attrNameLst>
                                      </p:cBhvr>
                                      <p:to>
                                        <p:strVal val="visible"/>
                                      </p:to>
                                    </p:set>
                                    <p:animEffect filter="wipe(left)" transition="in">
                                      <p:cBhvr>
                                        <p:cTn dur="500" id="21"/>
                                        <p:tgtEl>
                                          <p:spTgt spid="24"/>
                                        </p:tgtEl>
                                      </p:cBhvr>
                                    </p:animEffect>
                                  </p:childTnLst>
                                </p:cTn>
                              </p:par>
                              <p:par>
                                <p:cTn fill="hold" id="22" nodeType="withEffect" presetClass="entr" presetID="23" presetSubtype="32">
                                  <p:stCondLst>
                                    <p:cond delay="2600"/>
                                  </p:stCondLst>
                                  <p:childTnLst>
                                    <p:set>
                                      <p:cBhvr>
                                        <p:cTn dur="1" fill="hold" id="23">
                                          <p:stCondLst>
                                            <p:cond delay="0"/>
                                          </p:stCondLst>
                                        </p:cTn>
                                        <p:tgtEl>
                                          <p:spTgt spid="21"/>
                                        </p:tgtEl>
                                        <p:attrNameLst>
                                          <p:attrName>style.visibility</p:attrName>
                                        </p:attrNameLst>
                                      </p:cBhvr>
                                      <p:to>
                                        <p:strVal val="visible"/>
                                      </p:to>
                                    </p:set>
                                    <p:anim calcmode="lin" valueType="num">
                                      <p:cBhvr>
                                        <p:cTn dur="500" fill="hold" id="24"/>
                                        <p:tgtEl>
                                          <p:spTgt spid="21"/>
                                        </p:tgtEl>
                                        <p:attrNameLst>
                                          <p:attrName>ppt_w</p:attrName>
                                        </p:attrNameLst>
                                      </p:cBhvr>
                                      <p:tavLst>
                                        <p:tav tm="0">
                                          <p:val>
                                            <p:strVal val="4*#ppt_w"/>
                                          </p:val>
                                        </p:tav>
                                        <p:tav tm="100000">
                                          <p:val>
                                            <p:strVal val="#ppt_w"/>
                                          </p:val>
                                        </p:tav>
                                      </p:tavLst>
                                    </p:anim>
                                    <p:anim calcmode="lin" valueType="num">
                                      <p:cBhvr>
                                        <p:cTn dur="500" fill="hold" id="25"/>
                                        <p:tgtEl>
                                          <p:spTgt spid="21"/>
                                        </p:tgtEl>
                                        <p:attrNameLst>
                                          <p:attrName>ppt_h</p:attrName>
                                        </p:attrNameLst>
                                      </p:cBhvr>
                                      <p:tavLst>
                                        <p:tav tm="0">
                                          <p:val>
                                            <p:strVal val="4*#ppt_h"/>
                                          </p:val>
                                        </p:tav>
                                        <p:tav tm="100000">
                                          <p:val>
                                            <p:strVal val="#ppt_h"/>
                                          </p:val>
                                        </p:tav>
                                      </p:tavLst>
                                    </p:anim>
                                  </p:childTnLst>
                                </p:cTn>
                              </p:par>
                              <p:par>
                                <p:cTn fill="hold" id="26" nodeType="withEffect" presetClass="entr" presetID="22" presetSubtype="8">
                                  <p:stCondLst>
                                    <p:cond delay="3000"/>
                                  </p:stCondLst>
                                  <p:childTnLst>
                                    <p:set>
                                      <p:cBhvr>
                                        <p:cTn dur="1" fill="hold" id="27">
                                          <p:stCondLst>
                                            <p:cond delay="0"/>
                                          </p:stCondLst>
                                        </p:cTn>
                                        <p:tgtEl>
                                          <p:spTgt spid="28"/>
                                        </p:tgtEl>
                                        <p:attrNameLst>
                                          <p:attrName>style.visibility</p:attrName>
                                        </p:attrNameLst>
                                      </p:cBhvr>
                                      <p:to>
                                        <p:strVal val="visible"/>
                                      </p:to>
                                    </p:set>
                                    <p:animEffect filter="wipe(left)" transition="in">
                                      <p:cBhvr>
                                        <p:cTn dur="500" id="28"/>
                                        <p:tgtEl>
                                          <p:spTgt spid="28"/>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timing>
</p:sld>
</file>

<file path=ppt/slides/slide11.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sp>
        <p:nvSpPr>
          <p:cNvPr id="2" name="矩形 1"/>
          <p:cNvSpPr/>
          <p:nvPr/>
        </p:nvSpPr>
        <p:spPr>
          <a:xfrm>
            <a:off x="662116" y="2183374"/>
            <a:ext cx="5001313" cy="2862318"/>
          </a:xfrm>
          <a:prstGeom prst="rect">
            <a:avLst/>
          </a:prstGeom>
          <a:blipFill dpi="0" rotWithShape="1">
            <a:blip r:embed="rId4"/>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blipFill dpi="0" rotWithShape="1">
                <a:blip r:embed="rId3"/>
                <a:stretch>
                  <a:fillRect/>
                </a:stretch>
              </a:blipFill>
            </a:endParaRPr>
          </a:p>
        </p:txBody>
      </p:sp>
      <p:sp>
        <p:nvSpPr>
          <p:cNvPr id="3" name="矩形 2"/>
          <p:cNvSpPr/>
          <p:nvPr/>
        </p:nvSpPr>
        <p:spPr>
          <a:xfrm>
            <a:off x="5774172" y="2007236"/>
            <a:ext cx="108012" cy="1840204"/>
          </a:xfrm>
          <a:prstGeom prst="rect">
            <a:avLst/>
          </a:prstGeom>
          <a:solidFill>
            <a:srgbClr val="00544A"/>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p>
        </p:txBody>
      </p:sp>
      <p:sp>
        <p:nvSpPr>
          <p:cNvPr id="4" name="矩形 3"/>
          <p:cNvSpPr/>
          <p:nvPr/>
        </p:nvSpPr>
        <p:spPr>
          <a:xfrm rot="5400000">
            <a:off x="4994089" y="1159141"/>
            <a:ext cx="120013" cy="1656184"/>
          </a:xfrm>
          <a:prstGeom prst="rect">
            <a:avLst/>
          </a:prstGeom>
          <a:solidFill>
            <a:srgbClr val="00544A"/>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p>
        </p:txBody>
      </p:sp>
      <p:sp>
        <p:nvSpPr>
          <p:cNvPr id="5" name="矩形 4"/>
          <p:cNvSpPr/>
          <p:nvPr/>
        </p:nvSpPr>
        <p:spPr>
          <a:xfrm>
            <a:off x="996950" y="1036092"/>
            <a:ext cx="8280722" cy="655320"/>
          </a:xfrm>
          <a:prstGeom prst="rect">
            <a:avLst/>
          </a:prstGeom>
        </p:spPr>
        <p:txBody>
          <a:bodyPr wrap="square">
            <a:spAutoFit/>
          </a:bodyPr>
          <a:lstStyle/>
          <a:p>
            <a:pPr algn="just" indent="-285750" marL="285750">
              <a:spcAft>
                <a:spcPts val="600"/>
              </a:spcAft>
              <a:buClr>
                <a:srgbClr val="00544A"/>
              </a:buClr>
              <a:buFont charset="2" panose="05000000000000000000" pitchFamily="2" typeface="Wingdings"/>
              <a:buChar char="Ø"/>
            </a:pPr>
            <a:r>
              <a:rPr altLang="en-US" lang="zh-CN" sz="16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a:p>
            <a:pPr algn="just" indent="-285750" marL="285750">
              <a:spcAft>
                <a:spcPts val="600"/>
              </a:spcAft>
              <a:buClr>
                <a:srgbClr val="00544A"/>
              </a:buClr>
              <a:buFont charset="2" panose="05000000000000000000" pitchFamily="2" typeface="Wingdings"/>
              <a:buChar char="Ø"/>
            </a:pPr>
            <a:r>
              <a:rPr altLang="en-US" lang="zh-CN" sz="16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sp>
        <p:nvSpPr>
          <p:cNvPr id="6" name="矩形 5"/>
          <p:cNvSpPr/>
          <p:nvPr/>
        </p:nvSpPr>
        <p:spPr>
          <a:xfrm>
            <a:off x="6077181" y="1927228"/>
            <a:ext cx="3355397" cy="1490616"/>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just">
              <a:buClr>
                <a:srgbClr val="13CADD"/>
              </a:buClr>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您的内容打在这里，或者通过复制您的文本后，在此框中选择粘贴，并选择只保留文字。</a:t>
            </a:r>
          </a:p>
        </p:txBody>
      </p:sp>
      <p:sp>
        <p:nvSpPr>
          <p:cNvPr id="7" name="矩形 6"/>
          <p:cNvSpPr/>
          <p:nvPr/>
        </p:nvSpPr>
        <p:spPr>
          <a:xfrm>
            <a:off x="6077181" y="3647250"/>
            <a:ext cx="3355397" cy="1398442"/>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just">
              <a:buClr>
                <a:srgbClr val="13CADD"/>
              </a:buClr>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您的内容打在这里，或者通过复制您的文本后，在此框中选择粘贴，并选择只保留文字。</a:t>
            </a:r>
          </a:p>
        </p:txBody>
      </p:sp>
    </p:spTree>
    <p:extLst>
      <p:ext uri="{BB962C8B-B14F-4D97-AF65-F5344CB8AC3E}">
        <p14:creationId val="554269856"/>
      </p:ext>
    </p:extLst>
  </p:cSld>
  <p:clrMapOvr>
    <a:masterClrMapping/>
  </p:clrMapOvr>
  <p:transition advClick="0" advTm="4000" spd="slow">
    <p:push/>
  </p:transition>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grpId="0" id="5" nodeType="afterEffect" presetClass="entr" presetID="22" presetSubtype="8">
                                  <p:stCondLst>
                                    <p:cond delay="0"/>
                                  </p:stCondLst>
                                  <p:childTnLst>
                                    <p:set>
                                      <p:cBhvr>
                                        <p:cTn dur="1" fill="hold" id="6">
                                          <p:stCondLst>
                                            <p:cond delay="0"/>
                                          </p:stCondLst>
                                        </p:cTn>
                                        <p:tgtEl>
                                          <p:spTgt spid="5">
                                            <p:txEl>
                                              <p:pRg end="0" st="0"/>
                                            </p:txEl>
                                          </p:spTgt>
                                        </p:tgtEl>
                                        <p:attrNameLst>
                                          <p:attrName>style.visibility</p:attrName>
                                        </p:attrNameLst>
                                      </p:cBhvr>
                                      <p:to>
                                        <p:strVal val="visible"/>
                                      </p:to>
                                    </p:set>
                                    <p:animEffect filter="wipe(left)" transition="in">
                                      <p:cBhvr>
                                        <p:cTn dur="500" id="7"/>
                                        <p:tgtEl>
                                          <p:spTgt spid="5">
                                            <p:txEl>
                                              <p:pRg end="0" st="0"/>
                                            </p:txEl>
                                          </p:spTgt>
                                        </p:tgtEl>
                                      </p:cBhvr>
                                    </p:animEffect>
                                  </p:childTnLst>
                                </p:cTn>
                              </p:par>
                            </p:childTnLst>
                          </p:cTn>
                        </p:par>
                        <p:par>
                          <p:cTn fill="hold" id="8" nodeType="afterGroup">
                            <p:stCondLst>
                              <p:cond delay="500"/>
                            </p:stCondLst>
                            <p:childTnLst>
                              <p:par>
                                <p:cTn fill="hold" grpId="0" id="9" nodeType="afterEffect" presetClass="entr" presetID="22" presetSubtype="8">
                                  <p:stCondLst>
                                    <p:cond delay="0"/>
                                  </p:stCondLst>
                                  <p:childTnLst>
                                    <p:set>
                                      <p:cBhvr>
                                        <p:cTn dur="1" fill="hold" id="10">
                                          <p:stCondLst>
                                            <p:cond delay="0"/>
                                          </p:stCondLst>
                                        </p:cTn>
                                        <p:tgtEl>
                                          <p:spTgt spid="5">
                                            <p:txEl>
                                              <p:pRg end="1" st="1"/>
                                            </p:txEl>
                                          </p:spTgt>
                                        </p:tgtEl>
                                        <p:attrNameLst>
                                          <p:attrName>style.visibility</p:attrName>
                                        </p:attrNameLst>
                                      </p:cBhvr>
                                      <p:to>
                                        <p:strVal val="visible"/>
                                      </p:to>
                                    </p:set>
                                    <p:animEffect filter="wipe(left)" transition="in">
                                      <p:cBhvr>
                                        <p:cTn dur="500" id="11"/>
                                        <p:tgtEl>
                                          <p:spTgt spid="5">
                                            <p:txEl>
                                              <p:pRg end="1" st="1"/>
                                            </p:txEl>
                                          </p:spTgt>
                                        </p:tgtEl>
                                      </p:cBhvr>
                                    </p:animEffect>
                                  </p:childTnLst>
                                </p:cTn>
                              </p:par>
                            </p:childTnLst>
                          </p:cTn>
                        </p:par>
                        <p:par>
                          <p:cTn fill="hold" id="12" nodeType="afterGroup">
                            <p:stCondLst>
                              <p:cond delay="1000"/>
                            </p:stCondLst>
                            <p:childTnLst>
                              <p:par>
                                <p:cTn fill="hold" grpId="0" id="13" nodeType="afterEffect" presetClass="entr" presetID="10" presetSubtype="0">
                                  <p:stCondLst>
                                    <p:cond delay="0"/>
                                  </p:stCondLst>
                                  <p:childTnLst>
                                    <p:set>
                                      <p:cBhvr>
                                        <p:cTn dur="1" fill="hold" id="14">
                                          <p:stCondLst>
                                            <p:cond delay="0"/>
                                          </p:stCondLst>
                                        </p:cTn>
                                        <p:tgtEl>
                                          <p:spTgt spid="2"/>
                                        </p:tgtEl>
                                        <p:attrNameLst>
                                          <p:attrName>style.visibility</p:attrName>
                                        </p:attrNameLst>
                                      </p:cBhvr>
                                      <p:to>
                                        <p:strVal val="visible"/>
                                      </p:to>
                                    </p:set>
                                    <p:animEffect filter="fade" transition="in">
                                      <p:cBhvr>
                                        <p:cTn dur="500" id="15"/>
                                        <p:tgtEl>
                                          <p:spTgt spid="2"/>
                                        </p:tgtEl>
                                      </p:cBhvr>
                                    </p:animEffect>
                                  </p:childTnLst>
                                </p:cTn>
                              </p:par>
                            </p:childTnLst>
                          </p:cTn>
                        </p:par>
                        <p:par>
                          <p:cTn fill="hold" id="16" nodeType="afterGroup">
                            <p:stCondLst>
                              <p:cond delay="1500"/>
                            </p:stCondLst>
                            <p:childTnLst>
                              <p:par>
                                <p:cTn fill="hold" grpId="0" id="17" nodeType="afterEffect" presetClass="entr" presetID="22" presetSubtype="8">
                                  <p:stCondLst>
                                    <p:cond delay="0"/>
                                  </p:stCondLst>
                                  <p:childTnLst>
                                    <p:set>
                                      <p:cBhvr>
                                        <p:cTn dur="1" fill="hold" id="18">
                                          <p:stCondLst>
                                            <p:cond delay="0"/>
                                          </p:stCondLst>
                                        </p:cTn>
                                        <p:tgtEl>
                                          <p:spTgt spid="4"/>
                                        </p:tgtEl>
                                        <p:attrNameLst>
                                          <p:attrName>style.visibility</p:attrName>
                                        </p:attrNameLst>
                                      </p:cBhvr>
                                      <p:to>
                                        <p:strVal val="visible"/>
                                      </p:to>
                                    </p:set>
                                    <p:animEffect filter="wipe(left)" transition="in">
                                      <p:cBhvr>
                                        <p:cTn dur="500" id="19"/>
                                        <p:tgtEl>
                                          <p:spTgt spid="4"/>
                                        </p:tgtEl>
                                      </p:cBhvr>
                                    </p:animEffect>
                                  </p:childTnLst>
                                </p:cTn>
                              </p:par>
                            </p:childTnLst>
                          </p:cTn>
                        </p:par>
                        <p:par>
                          <p:cTn fill="hold" id="20" nodeType="afterGroup">
                            <p:stCondLst>
                              <p:cond delay="2000"/>
                            </p:stCondLst>
                            <p:childTnLst>
                              <p:par>
                                <p:cTn fill="hold" grpId="0" id="21" nodeType="afterEffect" presetClass="entr" presetID="22" presetSubtype="1">
                                  <p:stCondLst>
                                    <p:cond delay="0"/>
                                  </p:stCondLst>
                                  <p:childTnLst>
                                    <p:set>
                                      <p:cBhvr>
                                        <p:cTn dur="1" fill="hold" id="22">
                                          <p:stCondLst>
                                            <p:cond delay="0"/>
                                          </p:stCondLst>
                                        </p:cTn>
                                        <p:tgtEl>
                                          <p:spTgt spid="3"/>
                                        </p:tgtEl>
                                        <p:attrNameLst>
                                          <p:attrName>style.visibility</p:attrName>
                                        </p:attrNameLst>
                                      </p:cBhvr>
                                      <p:to>
                                        <p:strVal val="visible"/>
                                      </p:to>
                                    </p:set>
                                    <p:animEffect filter="wipe(up)" transition="in">
                                      <p:cBhvr>
                                        <p:cTn dur="500" id="23"/>
                                        <p:tgtEl>
                                          <p:spTgt spid="3"/>
                                        </p:tgtEl>
                                      </p:cBhvr>
                                    </p:animEffect>
                                  </p:childTnLst>
                                </p:cTn>
                              </p:par>
                            </p:childTnLst>
                          </p:cTn>
                        </p:par>
                        <p:par>
                          <p:cTn fill="hold" id="24" nodeType="afterGroup">
                            <p:stCondLst>
                              <p:cond delay="2500"/>
                            </p:stCondLst>
                            <p:childTnLst>
                              <p:par>
                                <p:cTn fill="hold" grpId="0" id="25" nodeType="afterEffect" presetClass="entr" presetID="16" presetSubtype="21">
                                  <p:stCondLst>
                                    <p:cond delay="0"/>
                                  </p:stCondLst>
                                  <p:childTnLst>
                                    <p:set>
                                      <p:cBhvr>
                                        <p:cTn dur="1" fill="hold" id="26">
                                          <p:stCondLst>
                                            <p:cond delay="0"/>
                                          </p:stCondLst>
                                        </p:cTn>
                                        <p:tgtEl>
                                          <p:spTgt spid="6"/>
                                        </p:tgtEl>
                                        <p:attrNameLst>
                                          <p:attrName>style.visibility</p:attrName>
                                        </p:attrNameLst>
                                      </p:cBhvr>
                                      <p:to>
                                        <p:strVal val="visible"/>
                                      </p:to>
                                    </p:set>
                                    <p:animEffect filter="barn(inVertical)" transition="in">
                                      <p:cBhvr>
                                        <p:cTn dur="500" id="27"/>
                                        <p:tgtEl>
                                          <p:spTgt spid="6"/>
                                        </p:tgtEl>
                                      </p:cBhvr>
                                    </p:animEffect>
                                  </p:childTnLst>
                                </p:cTn>
                              </p:par>
                            </p:childTnLst>
                          </p:cTn>
                        </p:par>
                        <p:par>
                          <p:cTn fill="hold" id="28" nodeType="afterGroup">
                            <p:stCondLst>
                              <p:cond delay="3000"/>
                            </p:stCondLst>
                            <p:childTnLst>
                              <p:par>
                                <p:cTn fill="hold" grpId="0" id="29" nodeType="afterEffect" presetClass="entr" presetID="16" presetSubtype="21">
                                  <p:stCondLst>
                                    <p:cond delay="0"/>
                                  </p:stCondLst>
                                  <p:childTnLst>
                                    <p:set>
                                      <p:cBhvr>
                                        <p:cTn dur="1" fill="hold" id="30">
                                          <p:stCondLst>
                                            <p:cond delay="0"/>
                                          </p:stCondLst>
                                        </p:cTn>
                                        <p:tgtEl>
                                          <p:spTgt spid="7"/>
                                        </p:tgtEl>
                                        <p:attrNameLst>
                                          <p:attrName>style.visibility</p:attrName>
                                        </p:attrNameLst>
                                      </p:cBhvr>
                                      <p:to>
                                        <p:strVal val="visible"/>
                                      </p:to>
                                    </p:set>
                                    <p:animEffect filter="barn(inVertical)" transition="in">
                                      <p:cBhvr>
                                        <p:cTn dur="500" id="31"/>
                                        <p:tgtEl>
                                          <p:spTgt spid="7"/>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
      <p:bldP grpId="0" spid="3"/>
      <p:bldP grpId="0" spid="4"/>
      <p:bldP build="p" grpId="0" spid="5" uiExpand="1"/>
      <p:bldP grpId="0" spid="6"/>
      <p:bldP grpId="0" spid="7"/>
    </p:bldLst>
  </p:timing>
</p:sld>
</file>

<file path=ppt/slides/slide12.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9" name="组合 28"/>
          <p:cNvGrpSpPr/>
          <p:nvPr/>
        </p:nvGrpSpPr>
        <p:grpSpPr>
          <a:xfrm>
            <a:off x="1563773" y="4176803"/>
            <a:ext cx="1368152" cy="905978"/>
            <a:chOff x="1055773" y="4176803"/>
            <a:chExt cx="1368152" cy="905978"/>
          </a:xfrm>
        </p:grpSpPr>
        <p:sp>
          <p:nvSpPr>
            <p:cNvPr id="2" name="矩形 1"/>
            <p:cNvSpPr/>
            <p:nvPr/>
          </p:nvSpPr>
          <p:spPr>
            <a:xfrm>
              <a:off x="1170073" y="5010773"/>
              <a:ext cx="1000669" cy="72008"/>
            </a:xfrm>
            <a:prstGeom prst="rect">
              <a:avLst/>
            </a:prstGeom>
            <a:solidFill>
              <a:srgbClr val="00544A"/>
            </a:solidFill>
            <a:ln>
              <a:noFill/>
            </a:ln>
            <a:effectLst>
              <a:outerShdw algn="tr" blurRad="50800" dir="8100000" dist="38100" rotWithShape="0" sx="68000" sy="6800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bg1"/>
                </a:solidFill>
              </a:endParaRPr>
            </a:p>
          </p:txBody>
        </p:sp>
        <p:sp>
          <p:nvSpPr>
            <p:cNvPr id="4" name="TextBox 3"/>
            <p:cNvSpPr txBox="1"/>
            <p:nvPr/>
          </p:nvSpPr>
          <p:spPr>
            <a:xfrm>
              <a:off x="1055773" y="4176802"/>
              <a:ext cx="1368152" cy="731520"/>
            </a:xfrm>
            <a:prstGeom prst="rect">
              <a:avLst/>
            </a:prstGeom>
            <a:noFill/>
          </p:spPr>
          <p:txBody>
            <a:bodyPr rtlCol="0" wrap="square">
              <a:spAutoFit/>
            </a:bodyPr>
            <a:lstStyle/>
            <a:p>
              <a:r>
                <a:rPr altLang="en-US" lang="zh-CN" sz="1400">
                  <a:latin charset="-122" panose="020b0503020204020204" pitchFamily="34" typeface="微软雅黑"/>
                  <a:ea charset="-122" panose="020b0503020204020204" pitchFamily="34" typeface="微软雅黑"/>
                </a:rPr>
                <a:t>请输入文本内容信息请输入文本内容信息</a:t>
              </a:r>
            </a:p>
          </p:txBody>
        </p:sp>
      </p:grpSp>
      <p:cxnSp>
        <p:nvCxnSpPr>
          <p:cNvPr id="7" name="直接连接符 6"/>
          <p:cNvCxnSpPr/>
          <p:nvPr/>
        </p:nvCxnSpPr>
        <p:spPr>
          <a:xfrm rot="20182324">
            <a:off x="1885219" y="2526290"/>
            <a:ext cx="6026860" cy="0"/>
          </a:xfrm>
          <a:prstGeom prst="line">
            <a:avLst/>
          </a:prstGeom>
          <a:ln w="28575">
            <a:solidFill>
              <a:schemeClr val="bg1">
                <a:lumMod val="75000"/>
              </a:schemeClr>
            </a:solidFill>
          </a:ln>
        </p:spPr>
        <p:style>
          <a:lnRef idx="1">
            <a:schemeClr val="accent1"/>
          </a:lnRef>
          <a:fillRef idx="0">
            <a:schemeClr val="accent1"/>
          </a:fillRef>
          <a:effectRef idx="0">
            <a:schemeClr val="accent1"/>
          </a:effectRef>
          <a:fontRef idx="minor">
            <a:schemeClr val="tx1"/>
          </a:fontRef>
        </p:style>
      </p:cxnSp>
      <p:grpSp>
        <p:nvGrpSpPr>
          <p:cNvPr id="8" name="组合 7"/>
          <p:cNvGrpSpPr/>
          <p:nvPr/>
        </p:nvGrpSpPr>
        <p:grpSpPr>
          <a:xfrm rot="373005">
            <a:off x="1720784" y="3317001"/>
            <a:ext cx="834118" cy="834118"/>
            <a:chOff x="1691680" y="4380819"/>
            <a:chExt cx="834118" cy="834118"/>
          </a:xfrm>
        </p:grpSpPr>
        <p:sp>
          <p:nvSpPr>
            <p:cNvPr id="21" name="椭圆 20"/>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sz="3600">
                <a:solidFill>
                  <a:schemeClr val="accent6"/>
                </a:solidFill>
                <a:latin charset="-122" panose="020b0400000000000000" pitchFamily="34" typeface="Adobe 黑体 Std R"/>
                <a:ea charset="-122" panose="020b0400000000000000" pitchFamily="34" typeface="Adobe 黑体 Std R"/>
              </a:endParaRPr>
            </a:p>
          </p:txBody>
        </p:sp>
        <p:sp>
          <p:nvSpPr>
            <p:cNvPr id="22" name="椭圆 21"/>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3600">
                  <a:solidFill>
                    <a:schemeClr val="bg1"/>
                  </a:solidFill>
                  <a:latin charset="-122" panose="020b0503020204020204" pitchFamily="34" typeface="微软雅黑"/>
                  <a:ea charset="-122" panose="020b0503020204020204" pitchFamily="34" typeface="微软雅黑"/>
                </a:rPr>
                <a:t>1</a:t>
              </a:r>
            </a:p>
          </p:txBody>
        </p:sp>
      </p:grpSp>
      <p:grpSp>
        <p:nvGrpSpPr>
          <p:cNvPr id="9" name="组合 8"/>
          <p:cNvGrpSpPr/>
          <p:nvPr/>
        </p:nvGrpSpPr>
        <p:grpSpPr>
          <a:xfrm rot="373005">
            <a:off x="3101187" y="2713116"/>
            <a:ext cx="834118" cy="834118"/>
            <a:chOff x="1691680" y="4380819"/>
            <a:chExt cx="834118" cy="834118"/>
          </a:xfrm>
        </p:grpSpPr>
        <p:sp>
          <p:nvSpPr>
            <p:cNvPr id="19" name="椭圆 18"/>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sz="3600">
                <a:solidFill>
                  <a:schemeClr val="accent6"/>
                </a:solidFill>
                <a:latin charset="-122" panose="020b0400000000000000" pitchFamily="34" typeface="Adobe 黑体 Std R"/>
                <a:ea charset="-122" panose="020b0400000000000000" pitchFamily="34" typeface="Adobe 黑体 Std R"/>
              </a:endParaRPr>
            </a:p>
          </p:txBody>
        </p:sp>
        <p:sp>
          <p:nvSpPr>
            <p:cNvPr id="20" name="椭圆 19"/>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3600">
                  <a:solidFill>
                    <a:schemeClr val="bg1"/>
                  </a:solidFill>
                  <a:latin charset="-122" panose="020b0503020204020204" pitchFamily="34" typeface="微软雅黑"/>
                  <a:ea charset="-122" panose="020b0503020204020204" pitchFamily="34" typeface="微软雅黑"/>
                </a:rPr>
                <a:t>2</a:t>
              </a:r>
            </a:p>
          </p:txBody>
        </p:sp>
      </p:grpSp>
      <p:grpSp>
        <p:nvGrpSpPr>
          <p:cNvPr id="10" name="组合 9"/>
          <p:cNvGrpSpPr/>
          <p:nvPr/>
        </p:nvGrpSpPr>
        <p:grpSpPr>
          <a:xfrm rot="373005">
            <a:off x="4481590" y="2109231"/>
            <a:ext cx="834118" cy="834118"/>
            <a:chOff x="1691680" y="4380819"/>
            <a:chExt cx="834118" cy="834118"/>
          </a:xfrm>
        </p:grpSpPr>
        <p:sp>
          <p:nvSpPr>
            <p:cNvPr id="17" name="椭圆 16"/>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sz="3600">
                <a:solidFill>
                  <a:schemeClr val="accent6"/>
                </a:solidFill>
                <a:latin charset="-122" panose="020b0400000000000000" pitchFamily="34" typeface="Adobe 黑体 Std R"/>
                <a:ea charset="-122" panose="020b0400000000000000" pitchFamily="34" typeface="Adobe 黑体 Std R"/>
              </a:endParaRPr>
            </a:p>
          </p:txBody>
        </p:sp>
        <p:sp>
          <p:nvSpPr>
            <p:cNvPr id="18" name="椭圆 17"/>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3600">
                  <a:solidFill>
                    <a:schemeClr val="bg1"/>
                  </a:solidFill>
                  <a:latin charset="-122" panose="020b0503020204020204" pitchFamily="34" typeface="微软雅黑"/>
                  <a:ea charset="-122" panose="020b0503020204020204" pitchFamily="34" typeface="微软雅黑"/>
                </a:rPr>
                <a:t>3</a:t>
              </a:r>
            </a:p>
          </p:txBody>
        </p:sp>
      </p:grpSp>
      <p:grpSp>
        <p:nvGrpSpPr>
          <p:cNvPr id="11" name="组合 10"/>
          <p:cNvGrpSpPr/>
          <p:nvPr/>
        </p:nvGrpSpPr>
        <p:grpSpPr>
          <a:xfrm rot="373005">
            <a:off x="5861993" y="1505346"/>
            <a:ext cx="834118" cy="834118"/>
            <a:chOff x="1691680" y="4380819"/>
            <a:chExt cx="834118" cy="834118"/>
          </a:xfrm>
        </p:grpSpPr>
        <p:sp>
          <p:nvSpPr>
            <p:cNvPr id="15" name="椭圆 14"/>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sz="3600">
                <a:solidFill>
                  <a:schemeClr val="accent6"/>
                </a:solidFill>
                <a:latin charset="-122" panose="020b0400000000000000" pitchFamily="34" typeface="Adobe 黑体 Std R"/>
                <a:ea charset="-122" panose="020b0400000000000000" pitchFamily="34" typeface="Adobe 黑体 Std R"/>
              </a:endParaRPr>
            </a:p>
          </p:txBody>
        </p:sp>
        <p:sp>
          <p:nvSpPr>
            <p:cNvPr id="16" name="椭圆 15"/>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3600">
                  <a:solidFill>
                    <a:schemeClr val="bg1"/>
                  </a:solidFill>
                  <a:latin charset="-122" panose="020b0503020204020204" pitchFamily="34" typeface="微软雅黑"/>
                  <a:ea charset="-122" panose="020b0503020204020204" pitchFamily="34" typeface="微软雅黑"/>
                </a:rPr>
                <a:t>4</a:t>
              </a:r>
            </a:p>
          </p:txBody>
        </p:sp>
      </p:grpSp>
      <p:grpSp>
        <p:nvGrpSpPr>
          <p:cNvPr id="12" name="组合 11"/>
          <p:cNvGrpSpPr/>
          <p:nvPr/>
        </p:nvGrpSpPr>
        <p:grpSpPr>
          <a:xfrm rot="373005">
            <a:off x="7242396" y="901461"/>
            <a:ext cx="834118" cy="834118"/>
            <a:chOff x="1691680" y="4380819"/>
            <a:chExt cx="834118" cy="834118"/>
          </a:xfrm>
        </p:grpSpPr>
        <p:sp>
          <p:nvSpPr>
            <p:cNvPr id="13" name="椭圆 12"/>
            <p:cNvSpPr/>
            <p:nvPr/>
          </p:nvSpPr>
          <p:spPr>
            <a:xfrm>
              <a:off x="1691680" y="4380819"/>
              <a:ext cx="834118" cy="834118"/>
            </a:xfrm>
            <a:prstGeom prst="ellipse">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sz="3600">
                <a:solidFill>
                  <a:schemeClr val="accent6"/>
                </a:solidFill>
                <a:latin charset="-122" panose="020b0400000000000000" pitchFamily="34" typeface="Adobe 黑体 Std R"/>
                <a:ea charset="-122" panose="020b0400000000000000" pitchFamily="34" typeface="Adobe 黑体 Std R"/>
              </a:endParaRPr>
            </a:p>
          </p:txBody>
        </p:sp>
        <p:sp>
          <p:nvSpPr>
            <p:cNvPr id="14" name="椭圆 13"/>
            <p:cNvSpPr/>
            <p:nvPr/>
          </p:nvSpPr>
          <p:spPr>
            <a:xfrm>
              <a:off x="1748598" y="4437737"/>
              <a:ext cx="720282" cy="72028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3600">
                  <a:solidFill>
                    <a:schemeClr val="bg1"/>
                  </a:solidFill>
                  <a:latin charset="-122" panose="020b0503020204020204" pitchFamily="34" typeface="微软雅黑"/>
                  <a:ea charset="-122" panose="020b0503020204020204" pitchFamily="34" typeface="微软雅黑"/>
                </a:rPr>
                <a:t>5</a:t>
              </a:r>
            </a:p>
          </p:txBody>
        </p:sp>
      </p:grpSp>
      <p:grpSp>
        <p:nvGrpSpPr>
          <p:cNvPr id="30" name="组合 29"/>
          <p:cNvGrpSpPr/>
          <p:nvPr/>
        </p:nvGrpSpPr>
        <p:grpSpPr>
          <a:xfrm>
            <a:off x="3070727" y="3589891"/>
            <a:ext cx="1368152" cy="905978"/>
            <a:chOff x="2562727" y="3589891"/>
            <a:chExt cx="1368152" cy="905978"/>
          </a:xfrm>
        </p:grpSpPr>
        <p:sp>
          <p:nvSpPr>
            <p:cNvPr id="3" name="TextBox 2"/>
            <p:cNvSpPr txBox="1"/>
            <p:nvPr/>
          </p:nvSpPr>
          <p:spPr>
            <a:xfrm>
              <a:off x="2562727" y="3589890"/>
              <a:ext cx="1368152" cy="731520"/>
            </a:xfrm>
            <a:prstGeom prst="rect">
              <a:avLst/>
            </a:prstGeom>
            <a:noFill/>
          </p:spPr>
          <p:txBody>
            <a:bodyPr rtlCol="0" wrap="square">
              <a:spAutoFit/>
            </a:bodyPr>
            <a:lstStyle/>
            <a:p>
              <a:r>
                <a:rPr altLang="en-US" lang="zh-CN" sz="1400">
                  <a:latin charset="-122" panose="020b0503020204020204" pitchFamily="34" typeface="微软雅黑"/>
                  <a:ea charset="-122" panose="020b0503020204020204" pitchFamily="34" typeface="微软雅黑"/>
                </a:rPr>
                <a:t>请输入文本内容信息请输入文本内容信息</a:t>
              </a:r>
            </a:p>
          </p:txBody>
        </p:sp>
        <p:sp>
          <p:nvSpPr>
            <p:cNvPr id="24" name="矩形 23"/>
            <p:cNvSpPr/>
            <p:nvPr/>
          </p:nvSpPr>
          <p:spPr>
            <a:xfrm>
              <a:off x="2677027" y="4423861"/>
              <a:ext cx="1000669" cy="72008"/>
            </a:xfrm>
            <a:prstGeom prst="rect">
              <a:avLst/>
            </a:prstGeom>
            <a:solidFill>
              <a:srgbClr val="00544A"/>
            </a:solidFill>
            <a:ln>
              <a:noFill/>
            </a:ln>
            <a:effectLst>
              <a:outerShdw algn="tr" blurRad="50800" dir="8100000" dist="38100" rotWithShape="0" sx="68000" sy="6800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bg1"/>
                </a:solidFill>
              </a:endParaRPr>
            </a:p>
          </p:txBody>
        </p:sp>
      </p:grpSp>
      <p:grpSp>
        <p:nvGrpSpPr>
          <p:cNvPr id="31" name="组合 30"/>
          <p:cNvGrpSpPr/>
          <p:nvPr/>
        </p:nvGrpSpPr>
        <p:grpSpPr>
          <a:xfrm>
            <a:off x="4544582" y="2993454"/>
            <a:ext cx="1368152" cy="905978"/>
            <a:chOff x="4036582" y="2993454"/>
            <a:chExt cx="1368152" cy="905978"/>
          </a:xfrm>
        </p:grpSpPr>
        <p:sp>
          <p:nvSpPr>
            <p:cNvPr id="5" name="TextBox 4"/>
            <p:cNvSpPr txBox="1"/>
            <p:nvPr/>
          </p:nvSpPr>
          <p:spPr>
            <a:xfrm>
              <a:off x="4036582" y="2993453"/>
              <a:ext cx="1368152" cy="731520"/>
            </a:xfrm>
            <a:prstGeom prst="rect">
              <a:avLst/>
            </a:prstGeom>
            <a:noFill/>
          </p:spPr>
          <p:txBody>
            <a:bodyPr rtlCol="0" wrap="square">
              <a:spAutoFit/>
            </a:bodyPr>
            <a:lstStyle/>
            <a:p>
              <a:r>
                <a:rPr altLang="en-US" lang="zh-CN" sz="1400">
                  <a:latin charset="-122" panose="020b0503020204020204" pitchFamily="34" typeface="微软雅黑"/>
                  <a:ea charset="-122" panose="020b0503020204020204" pitchFamily="34" typeface="微软雅黑"/>
                </a:rPr>
                <a:t>请输入文本内容信息请输入文本内容信息</a:t>
              </a:r>
            </a:p>
          </p:txBody>
        </p:sp>
        <p:sp>
          <p:nvSpPr>
            <p:cNvPr id="25" name="矩形 24"/>
            <p:cNvSpPr/>
            <p:nvPr/>
          </p:nvSpPr>
          <p:spPr>
            <a:xfrm>
              <a:off x="4150882" y="3827424"/>
              <a:ext cx="1000669" cy="72008"/>
            </a:xfrm>
            <a:prstGeom prst="rect">
              <a:avLst/>
            </a:prstGeom>
            <a:solidFill>
              <a:srgbClr val="00544A"/>
            </a:solidFill>
            <a:ln>
              <a:noFill/>
            </a:ln>
            <a:effectLst>
              <a:outerShdw algn="tr" blurRad="50800" dir="8100000" dist="38100" rotWithShape="0" sx="68000" sy="6800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bg1"/>
                </a:solidFill>
              </a:endParaRPr>
            </a:p>
          </p:txBody>
        </p:sp>
      </p:grpSp>
      <p:grpSp>
        <p:nvGrpSpPr>
          <p:cNvPr id="32" name="组合 31"/>
          <p:cNvGrpSpPr/>
          <p:nvPr/>
        </p:nvGrpSpPr>
        <p:grpSpPr>
          <a:xfrm>
            <a:off x="5894280" y="2382175"/>
            <a:ext cx="1368152" cy="905978"/>
            <a:chOff x="5386280" y="2382175"/>
            <a:chExt cx="1368152" cy="905978"/>
          </a:xfrm>
        </p:grpSpPr>
        <p:sp>
          <p:nvSpPr>
            <p:cNvPr id="23" name="TextBox 22"/>
            <p:cNvSpPr txBox="1"/>
            <p:nvPr/>
          </p:nvSpPr>
          <p:spPr>
            <a:xfrm>
              <a:off x="5386280" y="2382175"/>
              <a:ext cx="1368152" cy="731520"/>
            </a:xfrm>
            <a:prstGeom prst="rect">
              <a:avLst/>
            </a:prstGeom>
            <a:noFill/>
          </p:spPr>
          <p:txBody>
            <a:bodyPr rtlCol="0" wrap="square">
              <a:spAutoFit/>
            </a:bodyPr>
            <a:lstStyle/>
            <a:p>
              <a:r>
                <a:rPr altLang="en-US" lang="zh-CN" sz="1400">
                  <a:latin charset="-122" panose="020b0503020204020204" pitchFamily="34" typeface="微软雅黑"/>
                  <a:ea charset="-122" panose="020b0503020204020204" pitchFamily="34" typeface="微软雅黑"/>
                </a:rPr>
                <a:t>请输入文本内容信息请输入文本内容信息</a:t>
              </a:r>
            </a:p>
          </p:txBody>
        </p:sp>
        <p:sp>
          <p:nvSpPr>
            <p:cNvPr id="26" name="矩形 25"/>
            <p:cNvSpPr/>
            <p:nvPr/>
          </p:nvSpPr>
          <p:spPr>
            <a:xfrm>
              <a:off x="5500580" y="3216145"/>
              <a:ext cx="1000669" cy="72008"/>
            </a:xfrm>
            <a:prstGeom prst="rect">
              <a:avLst/>
            </a:prstGeom>
            <a:solidFill>
              <a:srgbClr val="00544A"/>
            </a:solidFill>
            <a:ln>
              <a:noFill/>
            </a:ln>
            <a:effectLst>
              <a:outerShdw algn="tr" blurRad="50800" dir="8100000" dist="38100" rotWithShape="0" sx="68000" sy="6800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bg1"/>
                </a:solidFill>
              </a:endParaRPr>
            </a:p>
          </p:txBody>
        </p:sp>
      </p:grpSp>
      <p:grpSp>
        <p:nvGrpSpPr>
          <p:cNvPr id="33" name="组合 32"/>
          <p:cNvGrpSpPr/>
          <p:nvPr/>
        </p:nvGrpSpPr>
        <p:grpSpPr>
          <a:xfrm>
            <a:off x="7317161" y="1826985"/>
            <a:ext cx="1368152" cy="905978"/>
            <a:chOff x="6809161" y="1826985"/>
            <a:chExt cx="1368152" cy="905978"/>
          </a:xfrm>
        </p:grpSpPr>
        <p:sp>
          <p:nvSpPr>
            <p:cNvPr id="27" name="矩形 26"/>
            <p:cNvSpPr/>
            <p:nvPr/>
          </p:nvSpPr>
          <p:spPr>
            <a:xfrm>
              <a:off x="6923461" y="2660955"/>
              <a:ext cx="1000669" cy="72008"/>
            </a:xfrm>
            <a:prstGeom prst="rect">
              <a:avLst/>
            </a:prstGeom>
            <a:solidFill>
              <a:srgbClr val="00544A"/>
            </a:solidFill>
            <a:ln>
              <a:noFill/>
            </a:ln>
            <a:effectLst>
              <a:outerShdw algn="tr" blurRad="50800" dir="8100000" dist="38100" rotWithShape="0" sx="68000" sy="6800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bg1"/>
                </a:solidFill>
              </a:endParaRPr>
            </a:p>
          </p:txBody>
        </p:sp>
        <p:sp>
          <p:nvSpPr>
            <p:cNvPr id="28" name="TextBox 27"/>
            <p:cNvSpPr txBox="1"/>
            <p:nvPr/>
          </p:nvSpPr>
          <p:spPr>
            <a:xfrm>
              <a:off x="6809160" y="1826985"/>
              <a:ext cx="1368152" cy="731520"/>
            </a:xfrm>
            <a:prstGeom prst="rect">
              <a:avLst/>
            </a:prstGeom>
            <a:noFill/>
          </p:spPr>
          <p:txBody>
            <a:bodyPr rtlCol="0" wrap="square">
              <a:spAutoFit/>
            </a:bodyPr>
            <a:lstStyle/>
            <a:p>
              <a:r>
                <a:rPr altLang="en-US" lang="zh-CN" sz="1400">
                  <a:latin charset="-122" panose="020b0503020204020204" pitchFamily="34" typeface="微软雅黑"/>
                  <a:ea charset="-122" panose="020b0503020204020204" pitchFamily="34" typeface="微软雅黑"/>
                </a:rPr>
                <a:t>请输入文本内容信息请输入文本内容信息</a:t>
              </a:r>
            </a:p>
          </p:txBody>
        </p:sp>
      </p:grpSp>
    </p:spTree>
    <p:extLst>
      <p:ext uri="{BB962C8B-B14F-4D97-AF65-F5344CB8AC3E}">
        <p14:creationId val="4146349515"/>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10" presetSubtype="0">
                                  <p:stCondLst>
                                    <p:cond delay="0"/>
                                  </p:stCondLst>
                                  <p:childTnLst>
                                    <p:set>
                                      <p:cBhvr>
                                        <p:cTn dur="1" fill="hold" id="6">
                                          <p:stCondLst>
                                            <p:cond delay="0"/>
                                          </p:stCondLst>
                                        </p:cTn>
                                        <p:tgtEl>
                                          <p:spTgt spid="8"/>
                                        </p:tgtEl>
                                        <p:attrNameLst>
                                          <p:attrName>style.visibility</p:attrName>
                                        </p:attrNameLst>
                                      </p:cBhvr>
                                      <p:to>
                                        <p:strVal val="visible"/>
                                      </p:to>
                                    </p:set>
                                    <p:animEffect filter="fade" transition="in">
                                      <p:cBhvr>
                                        <p:cTn dur="500" id="7"/>
                                        <p:tgtEl>
                                          <p:spTgt spid="8"/>
                                        </p:tgtEl>
                                      </p:cBhvr>
                                    </p:animEffect>
                                  </p:childTnLst>
                                </p:cTn>
                              </p:par>
                            </p:childTnLst>
                          </p:cTn>
                        </p:par>
                        <p:par>
                          <p:cTn fill="hold" id="8" nodeType="afterGroup">
                            <p:stCondLst>
                              <p:cond delay="500"/>
                            </p:stCondLst>
                            <p:childTnLst>
                              <p:par>
                                <p:cTn fill="hold" id="9" nodeType="afterEffect" presetClass="entr" presetID="22" presetSubtype="8">
                                  <p:stCondLst>
                                    <p:cond delay="0"/>
                                  </p:stCondLst>
                                  <p:childTnLst>
                                    <p:set>
                                      <p:cBhvr>
                                        <p:cTn dur="1" fill="hold" id="10">
                                          <p:stCondLst>
                                            <p:cond delay="0"/>
                                          </p:stCondLst>
                                        </p:cTn>
                                        <p:tgtEl>
                                          <p:spTgt spid="7"/>
                                        </p:tgtEl>
                                        <p:attrNameLst>
                                          <p:attrName>style.visibility</p:attrName>
                                        </p:attrNameLst>
                                      </p:cBhvr>
                                      <p:to>
                                        <p:strVal val="visible"/>
                                      </p:to>
                                    </p:set>
                                    <p:animEffect filter="wipe(left)" transition="in">
                                      <p:cBhvr>
                                        <p:cTn dur="500" id="11"/>
                                        <p:tgtEl>
                                          <p:spTgt spid="7"/>
                                        </p:tgtEl>
                                      </p:cBhvr>
                                    </p:animEffect>
                                  </p:childTnLst>
                                </p:cTn>
                              </p:par>
                            </p:childTnLst>
                          </p:cTn>
                        </p:par>
                        <p:par>
                          <p:cTn fill="hold" id="12" nodeType="afterGroup">
                            <p:stCondLst>
                              <p:cond delay="1000"/>
                            </p:stCondLst>
                            <p:childTnLst>
                              <p:par>
                                <p:cTn fill="hold" id="13" nodeType="afterEffect" presetClass="entr" presetID="2" presetSubtype="4">
                                  <p:stCondLst>
                                    <p:cond delay="0"/>
                                  </p:stCondLst>
                                  <p:childTnLst>
                                    <p:set>
                                      <p:cBhvr>
                                        <p:cTn dur="1" fill="hold" id="14">
                                          <p:stCondLst>
                                            <p:cond delay="0"/>
                                          </p:stCondLst>
                                        </p:cTn>
                                        <p:tgtEl>
                                          <p:spTgt spid="29"/>
                                        </p:tgtEl>
                                        <p:attrNameLst>
                                          <p:attrName>style.visibility</p:attrName>
                                        </p:attrNameLst>
                                      </p:cBhvr>
                                      <p:to>
                                        <p:strVal val="visible"/>
                                      </p:to>
                                    </p:set>
                                    <p:anim calcmode="lin" valueType="num">
                                      <p:cBhvr additive="base">
                                        <p:cTn dur="500" fill="hold" id="15"/>
                                        <p:tgtEl>
                                          <p:spTgt spid="29"/>
                                        </p:tgtEl>
                                        <p:attrNameLst>
                                          <p:attrName>ppt_x</p:attrName>
                                        </p:attrNameLst>
                                      </p:cBhvr>
                                      <p:tavLst>
                                        <p:tav tm="0">
                                          <p:val>
                                            <p:strVal val="#ppt_x"/>
                                          </p:val>
                                        </p:tav>
                                        <p:tav tm="100000">
                                          <p:val>
                                            <p:strVal val="#ppt_x"/>
                                          </p:val>
                                        </p:tav>
                                      </p:tavLst>
                                    </p:anim>
                                    <p:anim calcmode="lin" valueType="num">
                                      <p:cBhvr additive="base">
                                        <p:cTn dur="500" fill="hold" id="16"/>
                                        <p:tgtEl>
                                          <p:spTgt spid="29"/>
                                        </p:tgtEl>
                                        <p:attrNameLst>
                                          <p:attrName>ppt_y</p:attrName>
                                        </p:attrNameLst>
                                      </p:cBhvr>
                                      <p:tavLst>
                                        <p:tav tm="0">
                                          <p:val>
                                            <p:strVal val="1+#ppt_h/2"/>
                                          </p:val>
                                        </p:tav>
                                        <p:tav tm="100000">
                                          <p:val>
                                            <p:strVal val="#ppt_y"/>
                                          </p:val>
                                        </p:tav>
                                      </p:tavLst>
                                    </p:anim>
                                  </p:childTnLst>
                                </p:cTn>
                              </p:par>
                            </p:childTnLst>
                          </p:cTn>
                        </p:par>
                        <p:par>
                          <p:cTn fill="hold" id="17" nodeType="afterGroup">
                            <p:stCondLst>
                              <p:cond delay="1500"/>
                            </p:stCondLst>
                            <p:childTnLst>
                              <p:par>
                                <p:cTn fill="hold" id="18" nodeType="afterEffect" presetClass="entr" presetID="10" presetSubtype="0">
                                  <p:stCondLst>
                                    <p:cond delay="0"/>
                                  </p:stCondLst>
                                  <p:childTnLst>
                                    <p:set>
                                      <p:cBhvr>
                                        <p:cTn dur="1" fill="hold" id="19">
                                          <p:stCondLst>
                                            <p:cond delay="0"/>
                                          </p:stCondLst>
                                        </p:cTn>
                                        <p:tgtEl>
                                          <p:spTgt spid="9"/>
                                        </p:tgtEl>
                                        <p:attrNameLst>
                                          <p:attrName>style.visibility</p:attrName>
                                        </p:attrNameLst>
                                      </p:cBhvr>
                                      <p:to>
                                        <p:strVal val="visible"/>
                                      </p:to>
                                    </p:set>
                                    <p:animEffect filter="fade" transition="in">
                                      <p:cBhvr>
                                        <p:cTn dur="500" id="20"/>
                                        <p:tgtEl>
                                          <p:spTgt spid="9"/>
                                        </p:tgtEl>
                                      </p:cBhvr>
                                    </p:animEffect>
                                  </p:childTnLst>
                                </p:cTn>
                              </p:par>
                            </p:childTnLst>
                          </p:cTn>
                        </p:par>
                        <p:par>
                          <p:cTn fill="hold" id="21" nodeType="afterGroup">
                            <p:stCondLst>
                              <p:cond delay="2000"/>
                            </p:stCondLst>
                            <p:childTnLst>
                              <p:par>
                                <p:cTn fill="hold" id="22" nodeType="afterEffect" presetClass="entr" presetID="2" presetSubtype="4">
                                  <p:stCondLst>
                                    <p:cond delay="0"/>
                                  </p:stCondLst>
                                  <p:childTnLst>
                                    <p:set>
                                      <p:cBhvr>
                                        <p:cTn dur="1" fill="hold" id="23">
                                          <p:stCondLst>
                                            <p:cond delay="0"/>
                                          </p:stCondLst>
                                        </p:cTn>
                                        <p:tgtEl>
                                          <p:spTgt spid="30"/>
                                        </p:tgtEl>
                                        <p:attrNameLst>
                                          <p:attrName>style.visibility</p:attrName>
                                        </p:attrNameLst>
                                      </p:cBhvr>
                                      <p:to>
                                        <p:strVal val="visible"/>
                                      </p:to>
                                    </p:set>
                                    <p:anim calcmode="lin" valueType="num">
                                      <p:cBhvr additive="base">
                                        <p:cTn dur="500" fill="hold" id="24"/>
                                        <p:tgtEl>
                                          <p:spTgt spid="30"/>
                                        </p:tgtEl>
                                        <p:attrNameLst>
                                          <p:attrName>ppt_x</p:attrName>
                                        </p:attrNameLst>
                                      </p:cBhvr>
                                      <p:tavLst>
                                        <p:tav tm="0">
                                          <p:val>
                                            <p:strVal val="#ppt_x"/>
                                          </p:val>
                                        </p:tav>
                                        <p:tav tm="100000">
                                          <p:val>
                                            <p:strVal val="#ppt_x"/>
                                          </p:val>
                                        </p:tav>
                                      </p:tavLst>
                                    </p:anim>
                                    <p:anim calcmode="lin" valueType="num">
                                      <p:cBhvr additive="base">
                                        <p:cTn dur="500" fill="hold" id="25"/>
                                        <p:tgtEl>
                                          <p:spTgt spid="30"/>
                                        </p:tgtEl>
                                        <p:attrNameLst>
                                          <p:attrName>ppt_y</p:attrName>
                                        </p:attrNameLst>
                                      </p:cBhvr>
                                      <p:tavLst>
                                        <p:tav tm="0">
                                          <p:val>
                                            <p:strVal val="1+#ppt_h/2"/>
                                          </p:val>
                                        </p:tav>
                                        <p:tav tm="100000">
                                          <p:val>
                                            <p:strVal val="#ppt_y"/>
                                          </p:val>
                                        </p:tav>
                                      </p:tavLst>
                                    </p:anim>
                                  </p:childTnLst>
                                </p:cTn>
                              </p:par>
                            </p:childTnLst>
                          </p:cTn>
                        </p:par>
                        <p:par>
                          <p:cTn fill="hold" id="26" nodeType="afterGroup">
                            <p:stCondLst>
                              <p:cond delay="2500"/>
                            </p:stCondLst>
                            <p:childTnLst>
                              <p:par>
                                <p:cTn fill="hold" id="27" nodeType="afterEffect" presetClass="entr" presetID="10" presetSubtype="0">
                                  <p:stCondLst>
                                    <p:cond delay="0"/>
                                  </p:stCondLst>
                                  <p:childTnLst>
                                    <p:set>
                                      <p:cBhvr>
                                        <p:cTn dur="1" fill="hold" id="28">
                                          <p:stCondLst>
                                            <p:cond delay="0"/>
                                          </p:stCondLst>
                                        </p:cTn>
                                        <p:tgtEl>
                                          <p:spTgt spid="10"/>
                                        </p:tgtEl>
                                        <p:attrNameLst>
                                          <p:attrName>style.visibility</p:attrName>
                                        </p:attrNameLst>
                                      </p:cBhvr>
                                      <p:to>
                                        <p:strVal val="visible"/>
                                      </p:to>
                                    </p:set>
                                    <p:animEffect filter="fade" transition="in">
                                      <p:cBhvr>
                                        <p:cTn dur="500" id="29"/>
                                        <p:tgtEl>
                                          <p:spTgt spid="10"/>
                                        </p:tgtEl>
                                      </p:cBhvr>
                                    </p:animEffect>
                                  </p:childTnLst>
                                </p:cTn>
                              </p:par>
                            </p:childTnLst>
                          </p:cTn>
                        </p:par>
                        <p:par>
                          <p:cTn fill="hold" id="30" nodeType="afterGroup">
                            <p:stCondLst>
                              <p:cond delay="3000"/>
                            </p:stCondLst>
                            <p:childTnLst>
                              <p:par>
                                <p:cTn fill="hold" id="31" nodeType="afterEffect" presetClass="entr" presetID="2" presetSubtype="4">
                                  <p:stCondLst>
                                    <p:cond delay="0"/>
                                  </p:stCondLst>
                                  <p:childTnLst>
                                    <p:set>
                                      <p:cBhvr>
                                        <p:cTn dur="1" fill="hold" id="32">
                                          <p:stCondLst>
                                            <p:cond delay="0"/>
                                          </p:stCondLst>
                                        </p:cTn>
                                        <p:tgtEl>
                                          <p:spTgt spid="31"/>
                                        </p:tgtEl>
                                        <p:attrNameLst>
                                          <p:attrName>style.visibility</p:attrName>
                                        </p:attrNameLst>
                                      </p:cBhvr>
                                      <p:to>
                                        <p:strVal val="visible"/>
                                      </p:to>
                                    </p:set>
                                    <p:anim calcmode="lin" valueType="num">
                                      <p:cBhvr additive="base">
                                        <p:cTn dur="500" fill="hold" id="33"/>
                                        <p:tgtEl>
                                          <p:spTgt spid="31"/>
                                        </p:tgtEl>
                                        <p:attrNameLst>
                                          <p:attrName>ppt_x</p:attrName>
                                        </p:attrNameLst>
                                      </p:cBhvr>
                                      <p:tavLst>
                                        <p:tav tm="0">
                                          <p:val>
                                            <p:strVal val="#ppt_x"/>
                                          </p:val>
                                        </p:tav>
                                        <p:tav tm="100000">
                                          <p:val>
                                            <p:strVal val="#ppt_x"/>
                                          </p:val>
                                        </p:tav>
                                      </p:tavLst>
                                    </p:anim>
                                    <p:anim calcmode="lin" valueType="num">
                                      <p:cBhvr additive="base">
                                        <p:cTn dur="500" fill="hold" id="34"/>
                                        <p:tgtEl>
                                          <p:spTgt spid="31"/>
                                        </p:tgtEl>
                                        <p:attrNameLst>
                                          <p:attrName>ppt_y</p:attrName>
                                        </p:attrNameLst>
                                      </p:cBhvr>
                                      <p:tavLst>
                                        <p:tav tm="0">
                                          <p:val>
                                            <p:strVal val="1+#ppt_h/2"/>
                                          </p:val>
                                        </p:tav>
                                        <p:tav tm="100000">
                                          <p:val>
                                            <p:strVal val="#ppt_y"/>
                                          </p:val>
                                        </p:tav>
                                      </p:tavLst>
                                    </p:anim>
                                  </p:childTnLst>
                                </p:cTn>
                              </p:par>
                            </p:childTnLst>
                          </p:cTn>
                        </p:par>
                        <p:par>
                          <p:cTn fill="hold" id="35" nodeType="afterGroup">
                            <p:stCondLst>
                              <p:cond delay="3500"/>
                            </p:stCondLst>
                            <p:childTnLst>
                              <p:par>
                                <p:cTn fill="hold" id="36" nodeType="afterEffect" presetClass="entr" presetID="10" presetSubtype="0">
                                  <p:stCondLst>
                                    <p:cond delay="0"/>
                                  </p:stCondLst>
                                  <p:childTnLst>
                                    <p:set>
                                      <p:cBhvr>
                                        <p:cTn dur="1" fill="hold" id="37">
                                          <p:stCondLst>
                                            <p:cond delay="0"/>
                                          </p:stCondLst>
                                        </p:cTn>
                                        <p:tgtEl>
                                          <p:spTgt spid="11"/>
                                        </p:tgtEl>
                                        <p:attrNameLst>
                                          <p:attrName>style.visibility</p:attrName>
                                        </p:attrNameLst>
                                      </p:cBhvr>
                                      <p:to>
                                        <p:strVal val="visible"/>
                                      </p:to>
                                    </p:set>
                                    <p:animEffect filter="fade" transition="in">
                                      <p:cBhvr>
                                        <p:cTn dur="500" id="38"/>
                                        <p:tgtEl>
                                          <p:spTgt spid="11"/>
                                        </p:tgtEl>
                                      </p:cBhvr>
                                    </p:animEffect>
                                  </p:childTnLst>
                                </p:cTn>
                              </p:par>
                            </p:childTnLst>
                          </p:cTn>
                        </p:par>
                        <p:par>
                          <p:cTn fill="hold" id="39" nodeType="afterGroup">
                            <p:stCondLst>
                              <p:cond delay="4000"/>
                            </p:stCondLst>
                            <p:childTnLst>
                              <p:par>
                                <p:cTn fill="hold" id="40" nodeType="afterEffect" presetClass="entr" presetID="2" presetSubtype="4">
                                  <p:stCondLst>
                                    <p:cond delay="0"/>
                                  </p:stCondLst>
                                  <p:childTnLst>
                                    <p:set>
                                      <p:cBhvr>
                                        <p:cTn dur="1" fill="hold" id="41">
                                          <p:stCondLst>
                                            <p:cond delay="0"/>
                                          </p:stCondLst>
                                        </p:cTn>
                                        <p:tgtEl>
                                          <p:spTgt spid="32"/>
                                        </p:tgtEl>
                                        <p:attrNameLst>
                                          <p:attrName>style.visibility</p:attrName>
                                        </p:attrNameLst>
                                      </p:cBhvr>
                                      <p:to>
                                        <p:strVal val="visible"/>
                                      </p:to>
                                    </p:set>
                                    <p:anim calcmode="lin" valueType="num">
                                      <p:cBhvr additive="base">
                                        <p:cTn dur="500" fill="hold" id="42"/>
                                        <p:tgtEl>
                                          <p:spTgt spid="32"/>
                                        </p:tgtEl>
                                        <p:attrNameLst>
                                          <p:attrName>ppt_x</p:attrName>
                                        </p:attrNameLst>
                                      </p:cBhvr>
                                      <p:tavLst>
                                        <p:tav tm="0">
                                          <p:val>
                                            <p:strVal val="#ppt_x"/>
                                          </p:val>
                                        </p:tav>
                                        <p:tav tm="100000">
                                          <p:val>
                                            <p:strVal val="#ppt_x"/>
                                          </p:val>
                                        </p:tav>
                                      </p:tavLst>
                                    </p:anim>
                                    <p:anim calcmode="lin" valueType="num">
                                      <p:cBhvr additive="base">
                                        <p:cTn dur="500" fill="hold" id="43"/>
                                        <p:tgtEl>
                                          <p:spTgt spid="32"/>
                                        </p:tgtEl>
                                        <p:attrNameLst>
                                          <p:attrName>ppt_y</p:attrName>
                                        </p:attrNameLst>
                                      </p:cBhvr>
                                      <p:tavLst>
                                        <p:tav tm="0">
                                          <p:val>
                                            <p:strVal val="1+#ppt_h/2"/>
                                          </p:val>
                                        </p:tav>
                                        <p:tav tm="100000">
                                          <p:val>
                                            <p:strVal val="#ppt_y"/>
                                          </p:val>
                                        </p:tav>
                                      </p:tavLst>
                                    </p:anim>
                                  </p:childTnLst>
                                </p:cTn>
                              </p:par>
                            </p:childTnLst>
                          </p:cTn>
                        </p:par>
                        <p:par>
                          <p:cTn fill="hold" id="44" nodeType="afterGroup">
                            <p:stCondLst>
                              <p:cond delay="4500"/>
                            </p:stCondLst>
                            <p:childTnLst>
                              <p:par>
                                <p:cTn fill="hold" id="45" nodeType="afterEffect" presetClass="entr" presetID="10" presetSubtype="0">
                                  <p:stCondLst>
                                    <p:cond delay="0"/>
                                  </p:stCondLst>
                                  <p:childTnLst>
                                    <p:set>
                                      <p:cBhvr>
                                        <p:cTn dur="1" fill="hold" id="46">
                                          <p:stCondLst>
                                            <p:cond delay="0"/>
                                          </p:stCondLst>
                                        </p:cTn>
                                        <p:tgtEl>
                                          <p:spTgt spid="12"/>
                                        </p:tgtEl>
                                        <p:attrNameLst>
                                          <p:attrName>style.visibility</p:attrName>
                                        </p:attrNameLst>
                                      </p:cBhvr>
                                      <p:to>
                                        <p:strVal val="visible"/>
                                      </p:to>
                                    </p:set>
                                    <p:animEffect filter="fade" transition="in">
                                      <p:cBhvr>
                                        <p:cTn dur="500" id="47"/>
                                        <p:tgtEl>
                                          <p:spTgt spid="12"/>
                                        </p:tgtEl>
                                      </p:cBhvr>
                                    </p:animEffect>
                                  </p:childTnLst>
                                </p:cTn>
                              </p:par>
                            </p:childTnLst>
                          </p:cTn>
                        </p:par>
                        <p:par>
                          <p:cTn fill="hold" id="48" nodeType="afterGroup">
                            <p:stCondLst>
                              <p:cond delay="5000"/>
                            </p:stCondLst>
                            <p:childTnLst>
                              <p:par>
                                <p:cTn fill="hold" id="49" nodeType="afterEffect" presetClass="entr" presetID="2" presetSubtype="4">
                                  <p:stCondLst>
                                    <p:cond delay="0"/>
                                  </p:stCondLst>
                                  <p:childTnLst>
                                    <p:set>
                                      <p:cBhvr>
                                        <p:cTn dur="1" fill="hold" id="50">
                                          <p:stCondLst>
                                            <p:cond delay="0"/>
                                          </p:stCondLst>
                                        </p:cTn>
                                        <p:tgtEl>
                                          <p:spTgt spid="33"/>
                                        </p:tgtEl>
                                        <p:attrNameLst>
                                          <p:attrName>style.visibility</p:attrName>
                                        </p:attrNameLst>
                                      </p:cBhvr>
                                      <p:to>
                                        <p:strVal val="visible"/>
                                      </p:to>
                                    </p:set>
                                    <p:anim calcmode="lin" valueType="num">
                                      <p:cBhvr additive="base">
                                        <p:cTn dur="500" fill="hold" id="51"/>
                                        <p:tgtEl>
                                          <p:spTgt spid="33"/>
                                        </p:tgtEl>
                                        <p:attrNameLst>
                                          <p:attrName>ppt_x</p:attrName>
                                        </p:attrNameLst>
                                      </p:cBhvr>
                                      <p:tavLst>
                                        <p:tav tm="0">
                                          <p:val>
                                            <p:strVal val="#ppt_x"/>
                                          </p:val>
                                        </p:tav>
                                        <p:tav tm="100000">
                                          <p:val>
                                            <p:strVal val="#ppt_x"/>
                                          </p:val>
                                        </p:tav>
                                      </p:tavLst>
                                    </p:anim>
                                    <p:anim calcmode="lin" valueType="num">
                                      <p:cBhvr additive="base">
                                        <p:cTn dur="500" fill="hold" id="52"/>
                                        <p:tgtEl>
                                          <p:spTgt spid="33"/>
                                        </p:tgtEl>
                                        <p:attrNameLst>
                                          <p:attrName>ppt_y</p:attrName>
                                        </p:attrNameLst>
                                      </p:cBhvr>
                                      <p:tavLst>
                                        <p:tav tm="0">
                                          <p:val>
                                            <p:strVal val="1+#ppt_h/2"/>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timing>
</p:sld>
</file>

<file path=ppt/slides/slide13.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38" name="组合 37"/>
          <p:cNvGrpSpPr/>
          <p:nvPr/>
        </p:nvGrpSpPr>
        <p:grpSpPr>
          <a:xfrm>
            <a:off x="1479603" y="769268"/>
            <a:ext cx="7179823" cy="936104"/>
            <a:chOff x="971600" y="769268"/>
            <a:chExt cx="7179823" cy="936104"/>
          </a:xfrm>
        </p:grpSpPr>
        <p:grpSp>
          <p:nvGrpSpPr>
            <p:cNvPr id="2" name="组合 1"/>
            <p:cNvGrpSpPr/>
            <p:nvPr/>
          </p:nvGrpSpPr>
          <p:grpSpPr>
            <a:xfrm>
              <a:off x="971600" y="913284"/>
              <a:ext cx="7137412" cy="792088"/>
              <a:chOff x="971600" y="2060848"/>
              <a:chExt cx="7137412" cy="792088"/>
            </a:xfrm>
          </p:grpSpPr>
          <p:sp>
            <p:nvSpPr>
              <p:cNvPr id="3" name="矩形 2"/>
              <p:cNvSpPr/>
              <p:nvPr/>
            </p:nvSpPr>
            <p:spPr>
              <a:xfrm>
                <a:off x="1737399" y="2060848"/>
                <a:ext cx="6371613" cy="792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4" name="矩形 3"/>
              <p:cNvSpPr/>
              <p:nvPr/>
            </p:nvSpPr>
            <p:spPr>
              <a:xfrm>
                <a:off x="971600" y="2060848"/>
                <a:ext cx="792086" cy="79208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5" name="椭圆 4"/>
              <p:cNvSpPr/>
              <p:nvPr/>
            </p:nvSpPr>
            <p:spPr>
              <a:xfrm>
                <a:off x="1115615" y="2204864"/>
                <a:ext cx="504056" cy="5040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6" name="燕尾形 5"/>
              <p:cNvSpPr/>
              <p:nvPr/>
            </p:nvSpPr>
            <p:spPr>
              <a:xfrm>
                <a:off x="1304115" y="2348880"/>
                <a:ext cx="210816" cy="276029"/>
              </a:xfrm>
              <a:prstGeom prst="chevron">
                <a:avLst>
                  <a:gd fmla="val 60690" name="adj"/>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cxnSp>
            <p:nvCxnSpPr>
              <p:cNvPr id="7" name="直接连接符 6"/>
              <p:cNvCxnSpPr>
                <a:endCxn id="6" idx="1"/>
              </p:cNvCxnSpPr>
              <p:nvPr/>
            </p:nvCxnSpPr>
            <p:spPr>
              <a:xfrm>
                <a:off x="1220354" y="2486895"/>
                <a:ext cx="211705" cy="0"/>
              </a:xfrm>
              <a:prstGeom prst="line">
                <a:avLst/>
              </a:prstGeom>
              <a:ln w="57150">
                <a:solidFill>
                  <a:srgbClr val="00544A"/>
                </a:solidFill>
              </a:ln>
            </p:spPr>
            <p:style>
              <a:lnRef idx="1">
                <a:schemeClr val="accent1"/>
              </a:lnRef>
              <a:fillRef idx="0">
                <a:schemeClr val="accent1"/>
              </a:fillRef>
              <a:effectRef idx="0">
                <a:schemeClr val="accent1"/>
              </a:effectRef>
              <a:fontRef idx="minor">
                <a:schemeClr val="tx1"/>
              </a:fontRef>
            </p:style>
          </p:cxnSp>
        </p:grpSp>
        <p:sp>
          <p:nvSpPr>
            <p:cNvPr id="26" name="TextBox 25"/>
            <p:cNvSpPr txBox="1"/>
            <p:nvPr/>
          </p:nvSpPr>
          <p:spPr>
            <a:xfrm>
              <a:off x="1979712" y="769268"/>
              <a:ext cx="5688632" cy="914400"/>
            </a:xfrm>
            <a:prstGeom prst="rect">
              <a:avLst/>
            </a:prstGeom>
            <a:noFill/>
          </p:spPr>
          <p:txBody>
            <a:bodyPr rtlCol="0" wrap="square">
              <a:spAutoFit/>
            </a:bodyPr>
            <a:lstStyle/>
            <a:p>
              <a:pPr>
                <a:lnSpc>
                  <a:spcPct val="150000"/>
                </a:lnSpc>
              </a:pPr>
              <a:r>
                <a:rPr altLang="en-US" b="1" lang="zh-CN">
                  <a:solidFill>
                    <a:srgbClr val="00544A"/>
                  </a:solidFill>
                  <a:latin charset="-122" panose="020b0503020204020204" pitchFamily="34" typeface="微软雅黑"/>
                  <a:ea charset="-122" panose="020b0503020204020204" pitchFamily="34" typeface="微软雅黑"/>
                </a:rPr>
                <a:t>第一步</a:t>
              </a:r>
            </a:p>
            <a:p>
              <a:pPr>
                <a:lnSpc>
                  <a:spcPct val="150000"/>
                </a:lnSpc>
              </a:pPr>
              <a:r>
                <a:rPr altLang="en-US" b="1" lang="zh-CN">
                  <a:solidFill>
                    <a:srgbClr val="00544A"/>
                  </a:solidFill>
                  <a:latin charset="-122" panose="020b0503020204020204" pitchFamily="34" typeface="微软雅黑"/>
                  <a:ea charset="-122" panose="020b0503020204020204" pitchFamily="34" typeface="微软雅黑"/>
                </a:rPr>
                <a:t>您的内容打在这里，或通过复制您的文本后</a:t>
              </a:r>
            </a:p>
          </p:txBody>
        </p:sp>
        <p:sp>
          <p:nvSpPr>
            <p:cNvPr id="30" name="Freeform 129"/>
            <p:cNvSpPr>
              <a:spLocks noEditPoints="1"/>
            </p:cNvSpPr>
            <p:nvPr/>
          </p:nvSpPr>
          <p:spPr bwMode="auto">
            <a:xfrm>
              <a:off x="6876256" y="1129308"/>
              <a:ext cx="314325" cy="333375"/>
            </a:xfrm>
            <a:custGeom>
              <a:gdLst>
                <a:gd fmla="*/ 49 w 198" name="T0"/>
                <a:gd fmla="*/ 37 h 210" name="T1"/>
                <a:gd fmla="*/ 99 w 198" name="T2"/>
                <a:gd fmla="*/ 0 h 210" name="T3"/>
                <a:gd fmla="*/ 148 w 198" name="T4"/>
                <a:gd fmla="*/ 37 h 210" name="T5"/>
                <a:gd fmla="*/ 198 w 198" name="T6"/>
                <a:gd fmla="*/ 74 h 210" name="T7"/>
                <a:gd fmla="*/ 152 w 198" name="T8"/>
                <a:gd fmla="*/ 111 h 210" name="T9"/>
                <a:gd fmla="*/ 119 w 198" name="T10"/>
                <a:gd fmla="*/ 144 h 210" name="T11"/>
                <a:gd fmla="*/ 152 w 198" name="T12"/>
                <a:gd fmla="*/ 169 h 210" name="T13"/>
                <a:gd fmla="*/ 198 w 198" name="T14"/>
                <a:gd fmla="*/ 206 h 210" name="T15"/>
                <a:gd fmla="*/ 198 w 198" name="T16"/>
                <a:gd fmla="*/ 74 h 210" name="T17"/>
                <a:gd fmla="*/ 148 w 198" name="T18"/>
                <a:gd fmla="*/ 107 h 210" name="T19"/>
                <a:gd fmla="*/ 111 w 198" name="T20"/>
                <a:gd fmla="*/ 132 h 210" name="T21"/>
                <a:gd fmla="*/ 99 w 198" name="T22"/>
                <a:gd fmla="*/ 123 h 210" name="T23"/>
                <a:gd fmla="*/ 86 w 198" name="T24"/>
                <a:gd fmla="*/ 132 h 210" name="T25"/>
                <a:gd fmla="*/ 49 w 198" name="T26"/>
                <a:gd fmla="*/ 107 h 210" name="T27"/>
                <a:gd fmla="*/ 0 w 198" name="T28"/>
                <a:gd fmla="*/ 74 h 210" name="T29"/>
                <a:gd fmla="*/ 0 w 198" name="T30"/>
                <a:gd fmla="*/ 206 h 210" name="T31"/>
                <a:gd fmla="*/ 45 w 198" name="T32"/>
                <a:gd fmla="*/ 169 h 210" name="T33"/>
                <a:gd fmla="*/ 78 w 198" name="T34"/>
                <a:gd fmla="*/ 144 h 210" name="T35"/>
                <a:gd fmla="*/ 45 w 198" name="T36"/>
                <a:gd fmla="*/ 111 h 210" name="T37"/>
                <a:gd fmla="*/ 0 w 198" name="T38"/>
                <a:gd fmla="*/ 74 h 210" name="T39"/>
                <a:gd fmla="*/ 49 w 198" name="T40"/>
                <a:gd fmla="*/ 37 h 210" name="T41"/>
                <a:gd fmla="*/ 49 w 198" name="T42"/>
                <a:gd fmla="*/ 37 h 210" name="T43"/>
                <a:gd fmla="*/ 49 w 198" name="T44"/>
                <a:gd fmla="*/ 173 h 210" name="T45"/>
                <a:gd fmla="*/ 0 w 198" name="T46"/>
                <a:gd fmla="*/ 210 h 210" name="T47"/>
                <a:gd fmla="*/ 99 w 198" name="T48"/>
                <a:gd fmla="*/ 210 h 210" name="T49"/>
                <a:gd fmla="*/ 198 w 198" name="T50"/>
                <a:gd fmla="*/ 210 h 210" name="T51"/>
                <a:gd fmla="*/ 148 w 198" name="T52"/>
                <a:gd fmla="*/ 173 h 210" name="T53"/>
                <a:gd fmla="*/ 99 w 198" name="T54"/>
                <a:gd fmla="*/ 136 h 210" name="T55"/>
                <a:gd fmla="*/ 49 w 198" name="T56"/>
                <a:gd fmla="*/ 173 h 210" name="T57"/>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b="b" l="0" r="r" t="0"/>
              <a:pathLst>
                <a:path h="210" w="198">
                  <a:moveTo>
                    <a:pt x="49" y="37"/>
                  </a:moveTo>
                  <a:lnTo>
                    <a:pt x="99" y="0"/>
                  </a:lnTo>
                  <a:lnTo>
                    <a:pt x="148" y="37"/>
                  </a:lnTo>
                  <a:lnTo>
                    <a:pt x="198" y="74"/>
                  </a:lnTo>
                  <a:lnTo>
                    <a:pt x="152" y="111"/>
                  </a:lnTo>
                  <a:lnTo>
                    <a:pt x="119" y="144"/>
                  </a:lnTo>
                  <a:lnTo>
                    <a:pt x="152" y="169"/>
                  </a:lnTo>
                  <a:lnTo>
                    <a:pt x="198" y="206"/>
                  </a:lnTo>
                  <a:lnTo>
                    <a:pt x="198" y="74"/>
                  </a:lnTo>
                  <a:lnTo>
                    <a:pt x="148" y="107"/>
                  </a:lnTo>
                  <a:lnTo>
                    <a:pt x="111" y="132"/>
                  </a:lnTo>
                  <a:lnTo>
                    <a:pt x="99" y="123"/>
                  </a:lnTo>
                  <a:lnTo>
                    <a:pt x="86" y="132"/>
                  </a:lnTo>
                  <a:lnTo>
                    <a:pt x="49" y="107"/>
                  </a:lnTo>
                  <a:lnTo>
                    <a:pt x="0" y="74"/>
                  </a:lnTo>
                  <a:lnTo>
                    <a:pt x="0" y="206"/>
                  </a:lnTo>
                  <a:lnTo>
                    <a:pt x="45" y="169"/>
                  </a:lnTo>
                  <a:lnTo>
                    <a:pt x="78" y="144"/>
                  </a:lnTo>
                  <a:lnTo>
                    <a:pt x="45" y="111"/>
                  </a:lnTo>
                  <a:lnTo>
                    <a:pt x="0" y="74"/>
                  </a:lnTo>
                  <a:lnTo>
                    <a:pt x="49" y="37"/>
                  </a:lnTo>
                  <a:lnTo>
                    <a:pt x="49" y="37"/>
                  </a:lnTo>
                  <a:close/>
                  <a:moveTo>
                    <a:pt x="49" y="173"/>
                  </a:moveTo>
                  <a:lnTo>
                    <a:pt x="0" y="210"/>
                  </a:lnTo>
                  <a:lnTo>
                    <a:pt x="99" y="210"/>
                  </a:lnTo>
                  <a:lnTo>
                    <a:pt x="198" y="210"/>
                  </a:lnTo>
                  <a:lnTo>
                    <a:pt x="148" y="173"/>
                  </a:lnTo>
                  <a:lnTo>
                    <a:pt x="99" y="136"/>
                  </a:lnTo>
                  <a:lnTo>
                    <a:pt x="49" y="173"/>
                  </a:lnTo>
                  <a:close/>
                </a:path>
              </a:pathLst>
            </a:custGeom>
            <a:solidFill>
              <a:srgbClr val="00544A"/>
            </a:solidFill>
            <a:ln>
              <a:noFill/>
            </a:ln>
            <a:extLst/>
          </p:spPr>
          <p:txBody>
            <a:bodyPr anchor="t" anchorCtr="0" bIns="45720" compatLnSpc="1" lIns="91440" numCol="1" rIns="91440" tIns="45720" vert="horz" wrap="square">
              <a:prstTxWarp prst="textNoShape">
                <a:avLst/>
              </a:prstTxWarp>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endParaRPr altLang="en-US" lang="zh-CN">
                <a:solidFill>
                  <a:schemeClr val="bg1"/>
                </a:solidFill>
              </a:endParaRPr>
            </a:p>
          </p:txBody>
        </p:sp>
        <p:sp>
          <p:nvSpPr>
            <p:cNvPr id="34" name="TextBox 33"/>
            <p:cNvSpPr txBox="1"/>
            <p:nvPr/>
          </p:nvSpPr>
          <p:spPr>
            <a:xfrm>
              <a:off x="7524328" y="1057300"/>
              <a:ext cx="621030" cy="518160"/>
            </a:xfrm>
            <a:prstGeom prst="rect">
              <a:avLst/>
            </a:prstGeom>
            <a:noFill/>
          </p:spPr>
          <p:txBody>
            <a:bodyPr rtlCol="0" wrap="none">
              <a:spAutoFit/>
            </a:bodyPr>
            <a:lstStyle/>
            <a:p>
              <a:r>
                <a:rPr altLang="zh-CN" b="1" lang="en-US" sz="2800">
                  <a:solidFill>
                    <a:srgbClr val="00544A"/>
                  </a:solidFill>
                  <a:latin charset="-122" panose="020b0503020204020204" pitchFamily="34" typeface="微软雅黑"/>
                  <a:ea charset="-122" panose="020b0503020204020204" pitchFamily="34" typeface="微软雅黑"/>
                </a:rPr>
                <a:t>01</a:t>
              </a:r>
            </a:p>
          </p:txBody>
        </p:sp>
      </p:grpSp>
      <p:grpSp>
        <p:nvGrpSpPr>
          <p:cNvPr id="39" name="组合 38"/>
          <p:cNvGrpSpPr/>
          <p:nvPr/>
        </p:nvGrpSpPr>
        <p:grpSpPr>
          <a:xfrm>
            <a:off x="1479603" y="1978365"/>
            <a:ext cx="7179823" cy="855132"/>
            <a:chOff x="971600" y="1978365"/>
            <a:chExt cx="7179823" cy="855132"/>
          </a:xfrm>
        </p:grpSpPr>
        <p:grpSp>
          <p:nvGrpSpPr>
            <p:cNvPr id="8" name="组合 7"/>
            <p:cNvGrpSpPr/>
            <p:nvPr/>
          </p:nvGrpSpPr>
          <p:grpSpPr>
            <a:xfrm>
              <a:off x="971600" y="2041409"/>
              <a:ext cx="7137412" cy="792088"/>
              <a:chOff x="971600" y="2060848"/>
              <a:chExt cx="7137412" cy="792088"/>
            </a:xfrm>
          </p:grpSpPr>
          <p:sp>
            <p:nvSpPr>
              <p:cNvPr id="9" name="矩形 8"/>
              <p:cNvSpPr/>
              <p:nvPr/>
            </p:nvSpPr>
            <p:spPr>
              <a:xfrm>
                <a:off x="1737399" y="2060848"/>
                <a:ext cx="6371613" cy="792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0" name="矩形 9"/>
              <p:cNvSpPr/>
              <p:nvPr/>
            </p:nvSpPr>
            <p:spPr>
              <a:xfrm>
                <a:off x="971600" y="2060848"/>
                <a:ext cx="792086" cy="79208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1" name="椭圆 10"/>
              <p:cNvSpPr/>
              <p:nvPr/>
            </p:nvSpPr>
            <p:spPr>
              <a:xfrm>
                <a:off x="1115615" y="2204864"/>
                <a:ext cx="504056" cy="5040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2" name="燕尾形 11"/>
              <p:cNvSpPr/>
              <p:nvPr/>
            </p:nvSpPr>
            <p:spPr>
              <a:xfrm>
                <a:off x="1304115" y="2348880"/>
                <a:ext cx="210816" cy="276029"/>
              </a:xfrm>
              <a:prstGeom prst="chevron">
                <a:avLst>
                  <a:gd fmla="val 60690" name="adj"/>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cxnSp>
            <p:nvCxnSpPr>
              <p:cNvPr id="13" name="直接连接符 12"/>
              <p:cNvCxnSpPr>
                <a:endCxn id="12" idx="1"/>
              </p:cNvCxnSpPr>
              <p:nvPr/>
            </p:nvCxnSpPr>
            <p:spPr>
              <a:xfrm>
                <a:off x="1220354" y="2486895"/>
                <a:ext cx="211705" cy="0"/>
              </a:xfrm>
              <a:prstGeom prst="line">
                <a:avLst/>
              </a:prstGeom>
              <a:ln w="57150">
                <a:solidFill>
                  <a:srgbClr val="00544A"/>
                </a:solidFill>
              </a:ln>
            </p:spPr>
            <p:style>
              <a:lnRef idx="1">
                <a:schemeClr val="accent1"/>
              </a:lnRef>
              <a:fillRef idx="0">
                <a:schemeClr val="accent1"/>
              </a:fillRef>
              <a:effectRef idx="0">
                <a:schemeClr val="accent1"/>
              </a:effectRef>
              <a:fontRef idx="minor">
                <a:schemeClr val="tx1"/>
              </a:fontRef>
            </p:style>
          </p:cxnSp>
        </p:grpSp>
        <p:sp>
          <p:nvSpPr>
            <p:cNvPr id="29" name="Freeform 122"/>
            <p:cNvSpPr>
              <a:spLocks noEditPoints="1"/>
            </p:cNvSpPr>
            <p:nvPr/>
          </p:nvSpPr>
          <p:spPr bwMode="auto">
            <a:xfrm>
              <a:off x="6876256" y="2258127"/>
              <a:ext cx="268288" cy="346075"/>
            </a:xfrm>
            <a:custGeom>
              <a:gdLst>
                <a:gd fmla="*/ 33 w 41" name="T0"/>
                <a:gd fmla="*/ 0 h 53" name="T1"/>
                <a:gd fmla="*/ 41 w 41" name="T2"/>
                <a:gd fmla="*/ 45 h 53" name="T3"/>
                <a:gd fmla="*/ 8 w 41" name="T4"/>
                <a:gd fmla="*/ 53 h 53" name="T5"/>
                <a:gd fmla="*/ 0 w 41" name="T6"/>
                <a:gd fmla="*/ 9 h 53" name="T7"/>
                <a:gd fmla="*/ 5 w 41" name="T8"/>
                <a:gd fmla="*/ 6 h 53" name="T9"/>
                <a:gd fmla="*/ 36 w 41" name="T10"/>
                <a:gd fmla="*/ 19 h 53" name="T11"/>
                <a:gd fmla="*/ 5 w 41" name="T12"/>
                <a:gd fmla="*/ 6 h 53" name="T13"/>
                <a:gd fmla="*/ 30 w 41" name="T14"/>
                <a:gd fmla="*/ 48 h 53" name="T15"/>
                <a:gd fmla="*/ 36 w 41" name="T16"/>
                <a:gd fmla="*/ 43 h 53" name="T17"/>
                <a:gd fmla="*/ 22 w 41" name="T18"/>
                <a:gd fmla="*/ 43 h 53" name="T19"/>
                <a:gd fmla="*/ 28 w 41" name="T20"/>
                <a:gd fmla="*/ 48 h 53" name="T21"/>
                <a:gd fmla="*/ 22 w 41" name="T22"/>
                <a:gd fmla="*/ 43 h 53" name="T23"/>
                <a:gd fmla="*/ 13 w 41" name="T24"/>
                <a:gd fmla="*/ 48 h 53" name="T25"/>
                <a:gd fmla="*/ 19 w 41" name="T26"/>
                <a:gd fmla="*/ 43 h 53" name="T27"/>
                <a:gd fmla="*/ 5 w 41" name="T28"/>
                <a:gd fmla="*/ 43 h 53" name="T29"/>
                <a:gd fmla="*/ 11 w 41" name="T30"/>
                <a:gd fmla="*/ 48 h 53" name="T31"/>
                <a:gd fmla="*/ 5 w 41" name="T32"/>
                <a:gd fmla="*/ 43 h 53" name="T33"/>
                <a:gd fmla="*/ 30 w 41" name="T34"/>
                <a:gd fmla="*/ 41 h 53" name="T35"/>
                <a:gd fmla="*/ 36 w 41" name="T36"/>
                <a:gd fmla="*/ 36 h 53" name="T37"/>
                <a:gd fmla="*/ 22 w 41" name="T38"/>
                <a:gd fmla="*/ 36 h 53" name="T39"/>
                <a:gd fmla="*/ 28 w 41" name="T40"/>
                <a:gd fmla="*/ 41 h 53" name="T41"/>
                <a:gd fmla="*/ 22 w 41" name="T42"/>
                <a:gd fmla="*/ 36 h 53" name="T43"/>
                <a:gd fmla="*/ 13 w 41" name="T44"/>
                <a:gd fmla="*/ 41 h 53" name="T45"/>
                <a:gd fmla="*/ 19 w 41" name="T46"/>
                <a:gd fmla="*/ 36 h 53" name="T47"/>
                <a:gd fmla="*/ 5 w 41" name="T48"/>
                <a:gd fmla="*/ 36 h 53" name="T49"/>
                <a:gd fmla="*/ 11 w 41" name="T50"/>
                <a:gd fmla="*/ 41 h 53" name="T51"/>
                <a:gd fmla="*/ 5 w 41" name="T52"/>
                <a:gd fmla="*/ 36 h 53" name="T53"/>
                <a:gd fmla="*/ 30 w 41" name="T54"/>
                <a:gd fmla="*/ 34 h 53" name="T55"/>
                <a:gd fmla="*/ 36 w 41" name="T56"/>
                <a:gd fmla="*/ 29 h 53" name="T57"/>
                <a:gd fmla="*/ 22 w 41" name="T58"/>
                <a:gd fmla="*/ 29 h 53" name="T59"/>
                <a:gd fmla="*/ 28 w 41" name="T60"/>
                <a:gd fmla="*/ 34 h 53" name="T61"/>
                <a:gd fmla="*/ 22 w 41" name="T62"/>
                <a:gd fmla="*/ 29 h 53" name="T63"/>
                <a:gd fmla="*/ 13 w 41" name="T64"/>
                <a:gd fmla="*/ 34 h 53" name="T65"/>
                <a:gd fmla="*/ 19 w 41" name="T66"/>
                <a:gd fmla="*/ 29 h 53" name="T67"/>
                <a:gd fmla="*/ 5 w 41" name="T68"/>
                <a:gd fmla="*/ 29 h 53" name="T69"/>
                <a:gd fmla="*/ 11 w 41" name="T70"/>
                <a:gd fmla="*/ 34 h 53" name="T71"/>
                <a:gd fmla="*/ 5 w 41" name="T72"/>
                <a:gd fmla="*/ 29 h 53" name="T73"/>
                <a:gd fmla="*/ 30 w 41" name="T74"/>
                <a:gd fmla="*/ 27 h 53" name="T75"/>
                <a:gd fmla="*/ 36 w 41" name="T76"/>
                <a:gd fmla="*/ 22 h 53" name="T77"/>
                <a:gd fmla="*/ 22 w 41" name="T78"/>
                <a:gd fmla="*/ 22 h 53" name="T79"/>
                <a:gd fmla="*/ 28 w 41" name="T80"/>
                <a:gd fmla="*/ 27 h 53" name="T81"/>
                <a:gd fmla="*/ 22 w 41" name="T82"/>
                <a:gd fmla="*/ 22 h 53" name="T83"/>
                <a:gd fmla="*/ 13 w 41" name="T84"/>
                <a:gd fmla="*/ 27 h 53" name="T85"/>
                <a:gd fmla="*/ 19 w 41" name="T86"/>
                <a:gd fmla="*/ 22 h 53" name="T87"/>
                <a:gd fmla="*/ 5 w 41" name="T88"/>
                <a:gd fmla="*/ 22 h 53" name="T89"/>
                <a:gd fmla="*/ 11 w 41" name="T90"/>
                <a:gd fmla="*/ 27 h 53" name="T91"/>
                <a:gd fmla="*/ 5 w 41" name="T92"/>
                <a:gd fmla="*/ 22 h 53" name="T9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b="b" l="0" r="r" t="0"/>
              <a:pathLst>
                <a:path h="52" w="41">
                  <a:moveTo>
                    <a:pt x="8" y="0"/>
                  </a:moveTo>
                  <a:cubicBezTo>
                    <a:pt x="33" y="0"/>
                    <a:pt x="33" y="0"/>
                    <a:pt x="33" y="0"/>
                  </a:cubicBezTo>
                  <a:cubicBezTo>
                    <a:pt x="37" y="0"/>
                    <a:pt x="41" y="4"/>
                    <a:pt x="41" y="9"/>
                  </a:cubicBezTo>
                  <a:cubicBezTo>
                    <a:pt x="41" y="45"/>
                    <a:pt x="41" y="45"/>
                    <a:pt x="41" y="45"/>
                  </a:cubicBezTo>
                  <a:cubicBezTo>
                    <a:pt x="41" y="49"/>
                    <a:pt x="37" y="53"/>
                    <a:pt x="33" y="53"/>
                  </a:cubicBezTo>
                  <a:cubicBezTo>
                    <a:pt x="8" y="53"/>
                    <a:pt x="8" y="53"/>
                    <a:pt x="8" y="53"/>
                  </a:cubicBezTo>
                  <a:cubicBezTo>
                    <a:pt x="4" y="53"/>
                    <a:pt x="0" y="49"/>
                    <a:pt x="0" y="45"/>
                  </a:cubicBezTo>
                  <a:cubicBezTo>
                    <a:pt x="0" y="9"/>
                    <a:pt x="0" y="9"/>
                    <a:pt x="0" y="9"/>
                  </a:cubicBezTo>
                  <a:cubicBezTo>
                    <a:pt x="0" y="4"/>
                    <a:pt x="4" y="0"/>
                    <a:pt x="8" y="0"/>
                  </a:cubicBezTo>
                  <a:close/>
                  <a:moveTo>
                    <a:pt x="5" y="6"/>
                  </a:moveTo>
                  <a:cubicBezTo>
                    <a:pt x="5" y="19"/>
                    <a:pt x="5" y="19"/>
                    <a:pt x="5" y="19"/>
                  </a:cubicBezTo>
                  <a:cubicBezTo>
                    <a:pt x="36" y="19"/>
                    <a:pt x="36" y="19"/>
                    <a:pt x="36" y="19"/>
                  </a:cubicBezTo>
                  <a:cubicBezTo>
                    <a:pt x="36" y="6"/>
                    <a:pt x="36" y="6"/>
                    <a:pt x="36" y="6"/>
                  </a:cubicBezTo>
                  <a:cubicBezTo>
                    <a:pt x="5" y="6"/>
                    <a:pt x="5" y="6"/>
                    <a:pt x="5" y="6"/>
                  </a:cubicBezTo>
                  <a:close/>
                  <a:moveTo>
                    <a:pt x="30" y="43"/>
                  </a:moveTo>
                  <a:cubicBezTo>
                    <a:pt x="30" y="48"/>
                    <a:pt x="30" y="48"/>
                    <a:pt x="30" y="48"/>
                  </a:cubicBezTo>
                  <a:cubicBezTo>
                    <a:pt x="36" y="48"/>
                    <a:pt x="36" y="48"/>
                    <a:pt x="36" y="48"/>
                  </a:cubicBezTo>
                  <a:cubicBezTo>
                    <a:pt x="36" y="43"/>
                    <a:pt x="36" y="43"/>
                    <a:pt x="36" y="43"/>
                  </a:cubicBezTo>
                  <a:cubicBezTo>
                    <a:pt x="30" y="43"/>
                    <a:pt x="30" y="43"/>
                    <a:pt x="30" y="43"/>
                  </a:cubicBezTo>
                  <a:close/>
                  <a:moveTo>
                    <a:pt x="22" y="43"/>
                  </a:moveTo>
                  <a:cubicBezTo>
                    <a:pt x="22" y="48"/>
                    <a:pt x="22" y="48"/>
                    <a:pt x="22" y="48"/>
                  </a:cubicBezTo>
                  <a:cubicBezTo>
                    <a:pt x="28" y="48"/>
                    <a:pt x="28" y="48"/>
                    <a:pt x="28" y="48"/>
                  </a:cubicBezTo>
                  <a:cubicBezTo>
                    <a:pt x="28" y="43"/>
                    <a:pt x="28" y="43"/>
                    <a:pt x="28" y="43"/>
                  </a:cubicBezTo>
                  <a:cubicBezTo>
                    <a:pt x="22" y="43"/>
                    <a:pt x="22" y="43"/>
                    <a:pt x="22" y="43"/>
                  </a:cubicBezTo>
                  <a:close/>
                  <a:moveTo>
                    <a:pt x="13" y="43"/>
                  </a:moveTo>
                  <a:cubicBezTo>
                    <a:pt x="13" y="48"/>
                    <a:pt x="13" y="48"/>
                    <a:pt x="13" y="48"/>
                  </a:cubicBezTo>
                  <a:cubicBezTo>
                    <a:pt x="19" y="48"/>
                    <a:pt x="19" y="48"/>
                    <a:pt x="19" y="48"/>
                  </a:cubicBezTo>
                  <a:cubicBezTo>
                    <a:pt x="19" y="43"/>
                    <a:pt x="19" y="43"/>
                    <a:pt x="19" y="43"/>
                  </a:cubicBezTo>
                  <a:cubicBezTo>
                    <a:pt x="13" y="43"/>
                    <a:pt x="13" y="43"/>
                    <a:pt x="13" y="43"/>
                  </a:cubicBezTo>
                  <a:close/>
                  <a:moveTo>
                    <a:pt x="5" y="43"/>
                  </a:moveTo>
                  <a:cubicBezTo>
                    <a:pt x="5" y="48"/>
                    <a:pt x="5" y="48"/>
                    <a:pt x="5" y="48"/>
                  </a:cubicBezTo>
                  <a:cubicBezTo>
                    <a:pt x="11" y="48"/>
                    <a:pt x="11" y="48"/>
                    <a:pt x="11" y="48"/>
                  </a:cubicBezTo>
                  <a:cubicBezTo>
                    <a:pt x="11" y="43"/>
                    <a:pt x="11" y="43"/>
                    <a:pt x="11" y="43"/>
                  </a:cubicBezTo>
                  <a:cubicBezTo>
                    <a:pt x="5" y="43"/>
                    <a:pt x="5" y="43"/>
                    <a:pt x="5" y="43"/>
                  </a:cubicBezTo>
                  <a:close/>
                  <a:moveTo>
                    <a:pt x="30" y="36"/>
                  </a:moveTo>
                  <a:cubicBezTo>
                    <a:pt x="30" y="41"/>
                    <a:pt x="30" y="41"/>
                    <a:pt x="30" y="41"/>
                  </a:cubicBezTo>
                  <a:cubicBezTo>
                    <a:pt x="36" y="41"/>
                    <a:pt x="36" y="41"/>
                    <a:pt x="36" y="41"/>
                  </a:cubicBezTo>
                  <a:cubicBezTo>
                    <a:pt x="36" y="36"/>
                    <a:pt x="36" y="36"/>
                    <a:pt x="36" y="36"/>
                  </a:cubicBezTo>
                  <a:cubicBezTo>
                    <a:pt x="30" y="36"/>
                    <a:pt x="30" y="36"/>
                    <a:pt x="30" y="36"/>
                  </a:cubicBezTo>
                  <a:close/>
                  <a:moveTo>
                    <a:pt x="22" y="36"/>
                  </a:moveTo>
                  <a:cubicBezTo>
                    <a:pt x="22" y="41"/>
                    <a:pt x="22" y="41"/>
                    <a:pt x="22" y="41"/>
                  </a:cubicBezTo>
                  <a:cubicBezTo>
                    <a:pt x="28" y="41"/>
                    <a:pt x="28" y="41"/>
                    <a:pt x="28" y="41"/>
                  </a:cubicBezTo>
                  <a:cubicBezTo>
                    <a:pt x="28" y="36"/>
                    <a:pt x="28" y="36"/>
                    <a:pt x="28" y="36"/>
                  </a:cubicBezTo>
                  <a:cubicBezTo>
                    <a:pt x="22" y="36"/>
                    <a:pt x="22" y="36"/>
                    <a:pt x="22" y="36"/>
                  </a:cubicBezTo>
                  <a:close/>
                  <a:moveTo>
                    <a:pt x="13" y="36"/>
                  </a:moveTo>
                  <a:cubicBezTo>
                    <a:pt x="13" y="41"/>
                    <a:pt x="13" y="41"/>
                    <a:pt x="13" y="41"/>
                  </a:cubicBezTo>
                  <a:cubicBezTo>
                    <a:pt x="19" y="41"/>
                    <a:pt x="19" y="41"/>
                    <a:pt x="19" y="41"/>
                  </a:cubicBezTo>
                  <a:cubicBezTo>
                    <a:pt x="19" y="36"/>
                    <a:pt x="19" y="36"/>
                    <a:pt x="19" y="36"/>
                  </a:cubicBezTo>
                  <a:cubicBezTo>
                    <a:pt x="13" y="36"/>
                    <a:pt x="13" y="36"/>
                    <a:pt x="13" y="36"/>
                  </a:cubicBezTo>
                  <a:close/>
                  <a:moveTo>
                    <a:pt x="5" y="36"/>
                  </a:moveTo>
                  <a:cubicBezTo>
                    <a:pt x="5" y="41"/>
                    <a:pt x="5" y="41"/>
                    <a:pt x="5" y="41"/>
                  </a:cubicBezTo>
                  <a:cubicBezTo>
                    <a:pt x="11" y="41"/>
                    <a:pt x="11" y="41"/>
                    <a:pt x="11" y="41"/>
                  </a:cubicBezTo>
                  <a:cubicBezTo>
                    <a:pt x="11" y="36"/>
                    <a:pt x="11" y="36"/>
                    <a:pt x="11" y="36"/>
                  </a:cubicBezTo>
                  <a:cubicBezTo>
                    <a:pt x="5" y="36"/>
                    <a:pt x="5" y="36"/>
                    <a:pt x="5" y="36"/>
                  </a:cubicBezTo>
                  <a:close/>
                  <a:moveTo>
                    <a:pt x="30" y="29"/>
                  </a:moveTo>
                  <a:cubicBezTo>
                    <a:pt x="30" y="34"/>
                    <a:pt x="30" y="34"/>
                    <a:pt x="30" y="34"/>
                  </a:cubicBezTo>
                  <a:cubicBezTo>
                    <a:pt x="36" y="34"/>
                    <a:pt x="36" y="34"/>
                    <a:pt x="36" y="34"/>
                  </a:cubicBezTo>
                  <a:cubicBezTo>
                    <a:pt x="36" y="29"/>
                    <a:pt x="36" y="29"/>
                    <a:pt x="36" y="29"/>
                  </a:cubicBezTo>
                  <a:cubicBezTo>
                    <a:pt x="30" y="29"/>
                    <a:pt x="30" y="29"/>
                    <a:pt x="30" y="29"/>
                  </a:cubicBezTo>
                  <a:close/>
                  <a:moveTo>
                    <a:pt x="22" y="29"/>
                  </a:moveTo>
                  <a:cubicBezTo>
                    <a:pt x="22" y="34"/>
                    <a:pt x="22" y="34"/>
                    <a:pt x="22" y="34"/>
                  </a:cubicBezTo>
                  <a:cubicBezTo>
                    <a:pt x="28" y="34"/>
                    <a:pt x="28" y="34"/>
                    <a:pt x="28" y="34"/>
                  </a:cubicBezTo>
                  <a:cubicBezTo>
                    <a:pt x="28" y="29"/>
                    <a:pt x="28" y="29"/>
                    <a:pt x="28" y="29"/>
                  </a:cubicBezTo>
                  <a:cubicBezTo>
                    <a:pt x="22" y="29"/>
                    <a:pt x="22" y="29"/>
                    <a:pt x="22" y="29"/>
                  </a:cubicBezTo>
                  <a:close/>
                  <a:moveTo>
                    <a:pt x="13" y="29"/>
                  </a:moveTo>
                  <a:cubicBezTo>
                    <a:pt x="13" y="34"/>
                    <a:pt x="13" y="34"/>
                    <a:pt x="13" y="34"/>
                  </a:cubicBezTo>
                  <a:cubicBezTo>
                    <a:pt x="19" y="34"/>
                    <a:pt x="19" y="34"/>
                    <a:pt x="19" y="34"/>
                  </a:cubicBezTo>
                  <a:cubicBezTo>
                    <a:pt x="19" y="29"/>
                    <a:pt x="19" y="29"/>
                    <a:pt x="19" y="29"/>
                  </a:cubicBezTo>
                  <a:cubicBezTo>
                    <a:pt x="13" y="29"/>
                    <a:pt x="13" y="29"/>
                    <a:pt x="13" y="29"/>
                  </a:cubicBezTo>
                  <a:close/>
                  <a:moveTo>
                    <a:pt x="5" y="29"/>
                  </a:moveTo>
                  <a:cubicBezTo>
                    <a:pt x="5" y="34"/>
                    <a:pt x="5" y="34"/>
                    <a:pt x="5" y="34"/>
                  </a:cubicBezTo>
                  <a:cubicBezTo>
                    <a:pt x="11" y="34"/>
                    <a:pt x="11" y="34"/>
                    <a:pt x="11" y="34"/>
                  </a:cubicBezTo>
                  <a:cubicBezTo>
                    <a:pt x="11" y="29"/>
                    <a:pt x="11" y="29"/>
                    <a:pt x="11" y="29"/>
                  </a:cubicBezTo>
                  <a:cubicBezTo>
                    <a:pt x="5" y="29"/>
                    <a:pt x="5" y="29"/>
                    <a:pt x="5" y="29"/>
                  </a:cubicBezTo>
                  <a:close/>
                  <a:moveTo>
                    <a:pt x="30" y="22"/>
                  </a:moveTo>
                  <a:cubicBezTo>
                    <a:pt x="30" y="27"/>
                    <a:pt x="30" y="27"/>
                    <a:pt x="30" y="27"/>
                  </a:cubicBezTo>
                  <a:cubicBezTo>
                    <a:pt x="36" y="27"/>
                    <a:pt x="36" y="27"/>
                    <a:pt x="36" y="27"/>
                  </a:cubicBezTo>
                  <a:cubicBezTo>
                    <a:pt x="36" y="22"/>
                    <a:pt x="36" y="22"/>
                    <a:pt x="36" y="22"/>
                  </a:cubicBezTo>
                  <a:cubicBezTo>
                    <a:pt x="30" y="22"/>
                    <a:pt x="30" y="22"/>
                    <a:pt x="30" y="22"/>
                  </a:cubicBezTo>
                  <a:close/>
                  <a:moveTo>
                    <a:pt x="22" y="22"/>
                  </a:moveTo>
                  <a:cubicBezTo>
                    <a:pt x="22" y="27"/>
                    <a:pt x="22" y="27"/>
                    <a:pt x="22" y="27"/>
                  </a:cubicBezTo>
                  <a:cubicBezTo>
                    <a:pt x="28" y="27"/>
                    <a:pt x="28" y="27"/>
                    <a:pt x="28" y="27"/>
                  </a:cubicBezTo>
                  <a:cubicBezTo>
                    <a:pt x="28" y="22"/>
                    <a:pt x="28" y="22"/>
                    <a:pt x="28" y="22"/>
                  </a:cubicBezTo>
                  <a:cubicBezTo>
                    <a:pt x="22" y="22"/>
                    <a:pt x="22" y="22"/>
                    <a:pt x="22" y="22"/>
                  </a:cubicBezTo>
                  <a:close/>
                  <a:moveTo>
                    <a:pt x="13" y="22"/>
                  </a:moveTo>
                  <a:cubicBezTo>
                    <a:pt x="13" y="27"/>
                    <a:pt x="13" y="27"/>
                    <a:pt x="13" y="27"/>
                  </a:cubicBezTo>
                  <a:cubicBezTo>
                    <a:pt x="19" y="27"/>
                    <a:pt x="19" y="27"/>
                    <a:pt x="19" y="27"/>
                  </a:cubicBezTo>
                  <a:cubicBezTo>
                    <a:pt x="19" y="22"/>
                    <a:pt x="19" y="22"/>
                    <a:pt x="19" y="22"/>
                  </a:cubicBezTo>
                  <a:cubicBezTo>
                    <a:pt x="13" y="22"/>
                    <a:pt x="13" y="22"/>
                    <a:pt x="13" y="22"/>
                  </a:cubicBezTo>
                  <a:close/>
                  <a:moveTo>
                    <a:pt x="5" y="22"/>
                  </a:moveTo>
                  <a:cubicBezTo>
                    <a:pt x="5" y="27"/>
                    <a:pt x="5" y="27"/>
                    <a:pt x="5" y="27"/>
                  </a:cubicBezTo>
                  <a:cubicBezTo>
                    <a:pt x="11" y="27"/>
                    <a:pt x="11" y="27"/>
                    <a:pt x="11" y="27"/>
                  </a:cubicBezTo>
                  <a:cubicBezTo>
                    <a:pt x="11" y="22"/>
                    <a:pt x="11" y="22"/>
                    <a:pt x="11" y="22"/>
                  </a:cubicBezTo>
                  <a:lnTo>
                    <a:pt x="5" y="22"/>
                  </a:lnTo>
                  <a:close/>
                </a:path>
              </a:pathLst>
            </a:custGeom>
            <a:solidFill>
              <a:srgbClr val="00544A"/>
            </a:solidFill>
            <a:ln>
              <a:noFill/>
            </a:ln>
            <a:extLst/>
          </p:spPr>
          <p:txBody>
            <a:bodyPr anchor="t" anchorCtr="0" bIns="45720" compatLnSpc="1" lIns="91440" numCol="1" rIns="91440" tIns="45720" vert="horz" wrap="square">
              <a:prstTxWarp prst="textNoShape">
                <a:avLst/>
              </a:prstTxWarp>
            </a:bodyPr>
            <a:lstStyle/>
            <a:p>
              <a:endParaRPr altLang="en-US" lang="zh-CN">
                <a:solidFill>
                  <a:schemeClr val="bg1"/>
                </a:solidFill>
              </a:endParaRPr>
            </a:p>
          </p:txBody>
        </p:sp>
        <p:sp>
          <p:nvSpPr>
            <p:cNvPr id="31" name="TextBox 30"/>
            <p:cNvSpPr txBox="1"/>
            <p:nvPr/>
          </p:nvSpPr>
          <p:spPr>
            <a:xfrm>
              <a:off x="1979712" y="1978365"/>
              <a:ext cx="4771607" cy="914400"/>
            </a:xfrm>
            <a:prstGeom prst="rect">
              <a:avLst/>
            </a:prstGeom>
            <a:noFill/>
          </p:spPr>
          <p:txBody>
            <a:bodyPr rtlCol="0" wrap="square">
              <a:spAutoFit/>
            </a:bodyPr>
            <a:lstStyle/>
            <a:p>
              <a:pPr>
                <a:lnSpc>
                  <a:spcPct val="150000"/>
                </a:lnSpc>
              </a:pPr>
              <a:r>
                <a:rPr altLang="en-US" b="1" lang="zh-CN">
                  <a:solidFill>
                    <a:srgbClr val="00544A"/>
                  </a:solidFill>
                  <a:latin charset="-122" panose="020b0503020204020204" pitchFamily="34" typeface="微软雅黑"/>
                  <a:ea charset="-122" panose="020b0503020204020204" pitchFamily="34" typeface="微软雅黑"/>
                </a:rPr>
                <a:t>第二步</a:t>
              </a:r>
            </a:p>
            <a:p>
              <a:pPr>
                <a:lnSpc>
                  <a:spcPct val="150000"/>
                </a:lnSpc>
              </a:pPr>
              <a:r>
                <a:rPr altLang="en-US" b="1" lang="zh-CN">
                  <a:solidFill>
                    <a:srgbClr val="00544A"/>
                  </a:solidFill>
                  <a:latin charset="-122" panose="020b0503020204020204" pitchFamily="34" typeface="微软雅黑"/>
                  <a:ea charset="-122" panose="020b0503020204020204" pitchFamily="34" typeface="微软雅黑"/>
                </a:rPr>
                <a:t>您的内容打在这里，或通过复制您的文本后</a:t>
              </a:r>
            </a:p>
          </p:txBody>
        </p:sp>
        <p:sp>
          <p:nvSpPr>
            <p:cNvPr id="35" name="TextBox 34"/>
            <p:cNvSpPr txBox="1"/>
            <p:nvPr/>
          </p:nvSpPr>
          <p:spPr>
            <a:xfrm>
              <a:off x="7524328" y="2258127"/>
              <a:ext cx="621030" cy="518160"/>
            </a:xfrm>
            <a:prstGeom prst="rect">
              <a:avLst/>
            </a:prstGeom>
            <a:noFill/>
          </p:spPr>
          <p:txBody>
            <a:bodyPr rtlCol="0" wrap="none">
              <a:spAutoFit/>
            </a:bodyPr>
            <a:lstStyle/>
            <a:p>
              <a:r>
                <a:rPr altLang="zh-CN" b="1" lang="en-US" sz="2800">
                  <a:solidFill>
                    <a:srgbClr val="00544A"/>
                  </a:solidFill>
                  <a:latin charset="-122" panose="020b0503020204020204" pitchFamily="34" typeface="微软雅黑"/>
                  <a:ea charset="-122" panose="020b0503020204020204" pitchFamily="34" typeface="微软雅黑"/>
                </a:rPr>
                <a:t>02</a:t>
              </a:r>
            </a:p>
          </p:txBody>
        </p:sp>
      </p:grpSp>
      <p:grpSp>
        <p:nvGrpSpPr>
          <p:cNvPr id="40" name="组合 39"/>
          <p:cNvGrpSpPr/>
          <p:nvPr/>
        </p:nvGrpSpPr>
        <p:grpSpPr>
          <a:xfrm>
            <a:off x="1479603" y="3094958"/>
            <a:ext cx="7179823" cy="866664"/>
            <a:chOff x="971600" y="3094958"/>
            <a:chExt cx="7179823" cy="866664"/>
          </a:xfrm>
        </p:grpSpPr>
        <p:grpSp>
          <p:nvGrpSpPr>
            <p:cNvPr id="14" name="组合 13"/>
            <p:cNvGrpSpPr/>
            <p:nvPr/>
          </p:nvGrpSpPr>
          <p:grpSpPr>
            <a:xfrm>
              <a:off x="971600" y="3169534"/>
              <a:ext cx="7137412" cy="792088"/>
              <a:chOff x="971600" y="2060848"/>
              <a:chExt cx="7137412" cy="792088"/>
            </a:xfrm>
          </p:grpSpPr>
          <p:sp>
            <p:nvSpPr>
              <p:cNvPr id="15" name="矩形 14"/>
              <p:cNvSpPr/>
              <p:nvPr/>
            </p:nvSpPr>
            <p:spPr>
              <a:xfrm>
                <a:off x="1737399" y="2060848"/>
                <a:ext cx="6371613" cy="792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6" name="矩形 15"/>
              <p:cNvSpPr/>
              <p:nvPr/>
            </p:nvSpPr>
            <p:spPr>
              <a:xfrm>
                <a:off x="971600" y="2060848"/>
                <a:ext cx="792086" cy="79208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7" name="椭圆 16"/>
              <p:cNvSpPr/>
              <p:nvPr/>
            </p:nvSpPr>
            <p:spPr>
              <a:xfrm>
                <a:off x="1115615" y="2204864"/>
                <a:ext cx="504056" cy="5040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8" name="燕尾形 17"/>
              <p:cNvSpPr/>
              <p:nvPr/>
            </p:nvSpPr>
            <p:spPr>
              <a:xfrm>
                <a:off x="1304115" y="2348880"/>
                <a:ext cx="210816" cy="276029"/>
              </a:xfrm>
              <a:prstGeom prst="chevron">
                <a:avLst>
                  <a:gd fmla="val 60690" name="adj"/>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cxnSp>
            <p:nvCxnSpPr>
              <p:cNvPr id="19" name="直接连接符 18"/>
              <p:cNvCxnSpPr>
                <a:endCxn id="18" idx="1"/>
              </p:cNvCxnSpPr>
              <p:nvPr/>
            </p:nvCxnSpPr>
            <p:spPr>
              <a:xfrm>
                <a:off x="1220354" y="2486895"/>
                <a:ext cx="211705" cy="0"/>
              </a:xfrm>
              <a:prstGeom prst="line">
                <a:avLst/>
              </a:prstGeom>
              <a:ln w="57150">
                <a:solidFill>
                  <a:srgbClr val="00544A"/>
                </a:solidFill>
              </a:ln>
            </p:spPr>
            <p:style>
              <a:lnRef idx="1">
                <a:schemeClr val="accent1"/>
              </a:lnRef>
              <a:fillRef idx="0">
                <a:schemeClr val="accent1"/>
              </a:fillRef>
              <a:effectRef idx="0">
                <a:schemeClr val="accent1"/>
              </a:effectRef>
              <a:fontRef idx="minor">
                <a:schemeClr val="tx1"/>
              </a:fontRef>
            </p:style>
          </p:cxnSp>
        </p:grpSp>
        <p:sp>
          <p:nvSpPr>
            <p:cNvPr id="28" name="Freeform 114"/>
            <p:cNvSpPr>
              <a:spLocks noEditPoints="1"/>
            </p:cNvSpPr>
            <p:nvPr/>
          </p:nvSpPr>
          <p:spPr bwMode="auto">
            <a:xfrm>
              <a:off x="6876256" y="3466008"/>
              <a:ext cx="255588" cy="255588"/>
            </a:xfrm>
            <a:custGeom>
              <a:gdLst>
                <a:gd fmla="*/ 18 w 39" name="T0"/>
                <a:gd fmla="*/ 21 h 39" name="T1"/>
                <a:gd fmla="*/ 9 w 39" name="T2"/>
                <a:gd fmla="*/ 4 h 39" name="T3"/>
                <a:gd fmla="*/ 0 w 39" name="T4"/>
                <a:gd fmla="*/ 21 h 39" name="T5"/>
                <a:gd fmla="*/ 18 w 39" name="T6"/>
                <a:gd fmla="*/ 39 h 39" name="T7"/>
                <a:gd fmla="*/ 31 w 39" name="T8"/>
                <a:gd fmla="*/ 34 h 39" name="T9"/>
                <a:gd fmla="*/ 18 w 39" name="T10"/>
                <a:gd fmla="*/ 21 h 39" name="T11"/>
                <a:gd fmla="*/ 11 w 39" name="T12"/>
                <a:gd fmla="*/ 2 h 39" name="T13"/>
                <a:gd fmla="*/ 20 w 39" name="T14"/>
                <a:gd fmla="*/ 0 h 39" name="T15"/>
                <a:gd fmla="*/ 22 w 39" name="T16"/>
                <a:gd fmla="*/ 0 h 39" name="T17"/>
                <a:gd fmla="*/ 20 w 39" name="T18"/>
                <a:gd fmla="*/ 19 h 39" name="T19"/>
                <a:gd fmla="*/ 11 w 39" name="T20"/>
                <a:gd fmla="*/ 2 h 39" name="T21"/>
                <a:gd fmla="*/ 27 w 39" name="T22"/>
                <a:gd fmla="*/ 2 h 39" name="T23"/>
                <a:gd fmla="*/ 28 w 39" name="T24"/>
                <a:gd fmla="*/ 2 h 39" name="T25"/>
                <a:gd fmla="*/ 37 w 39" name="T26"/>
                <a:gd fmla="*/ 9 h 39" name="T27"/>
                <a:gd fmla="*/ 21 w 39" name="T28"/>
                <a:gd fmla="*/ 19 h 39" name="T29"/>
                <a:gd fmla="*/ 27 w 39" name="T30"/>
                <a:gd fmla="*/ 2 h 39" name="T31"/>
                <a:gd fmla="*/ 39 w 39" name="T32"/>
                <a:gd fmla="*/ 16 h 39" name="T33"/>
                <a:gd fmla="*/ 39 w 39" name="T34"/>
                <a:gd fmla="*/ 21 h 39" name="T35"/>
                <a:gd fmla="*/ 33 w 39" name="T36"/>
                <a:gd fmla="*/ 35 h 39" name="T37"/>
                <a:gd fmla="*/ 21 w 39" name="T38"/>
                <a:gd fmla="*/ 21 h 39" name="T39"/>
                <a:gd fmla="*/ 39 w 39" name="T40"/>
                <a:gd fmla="*/ 16 h 39" name="T4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b="b" l="0" r="r" t="0"/>
              <a:pathLst>
                <a:path h="39" w="39">
                  <a:moveTo>
                    <a:pt x="18" y="21"/>
                  </a:moveTo>
                  <a:cubicBezTo>
                    <a:pt x="9" y="4"/>
                    <a:pt x="9" y="4"/>
                    <a:pt x="9" y="4"/>
                  </a:cubicBezTo>
                  <a:cubicBezTo>
                    <a:pt x="3" y="7"/>
                    <a:pt x="0" y="14"/>
                    <a:pt x="0" y="21"/>
                  </a:cubicBezTo>
                  <a:cubicBezTo>
                    <a:pt x="0" y="31"/>
                    <a:pt x="8" y="39"/>
                    <a:pt x="18" y="39"/>
                  </a:cubicBezTo>
                  <a:cubicBezTo>
                    <a:pt x="23" y="39"/>
                    <a:pt x="27" y="37"/>
                    <a:pt x="31" y="34"/>
                  </a:cubicBezTo>
                  <a:cubicBezTo>
                    <a:pt x="18" y="21"/>
                    <a:pt x="18" y="21"/>
                    <a:pt x="18" y="21"/>
                  </a:cubicBezTo>
                  <a:close/>
                  <a:moveTo>
                    <a:pt x="11" y="2"/>
                  </a:moveTo>
                  <a:cubicBezTo>
                    <a:pt x="14" y="1"/>
                    <a:pt x="17" y="0"/>
                    <a:pt x="20" y="0"/>
                  </a:cubicBezTo>
                  <a:cubicBezTo>
                    <a:pt x="21" y="0"/>
                    <a:pt x="21" y="0"/>
                    <a:pt x="22" y="0"/>
                  </a:cubicBezTo>
                  <a:cubicBezTo>
                    <a:pt x="20" y="19"/>
                    <a:pt x="20" y="19"/>
                    <a:pt x="20" y="19"/>
                  </a:cubicBezTo>
                  <a:cubicBezTo>
                    <a:pt x="11" y="2"/>
                    <a:pt x="11" y="2"/>
                    <a:pt x="11" y="2"/>
                  </a:cubicBezTo>
                  <a:close/>
                  <a:moveTo>
                    <a:pt x="27" y="2"/>
                  </a:moveTo>
                  <a:cubicBezTo>
                    <a:pt x="28" y="2"/>
                    <a:pt x="28" y="2"/>
                    <a:pt x="28" y="2"/>
                  </a:cubicBezTo>
                  <a:cubicBezTo>
                    <a:pt x="32" y="3"/>
                    <a:pt x="35" y="6"/>
                    <a:pt x="37" y="9"/>
                  </a:cubicBezTo>
                  <a:cubicBezTo>
                    <a:pt x="21" y="19"/>
                    <a:pt x="21" y="19"/>
                    <a:pt x="21" y="19"/>
                  </a:cubicBezTo>
                  <a:cubicBezTo>
                    <a:pt x="27" y="2"/>
                    <a:pt x="27" y="2"/>
                    <a:pt x="27" y="2"/>
                  </a:cubicBezTo>
                  <a:close/>
                  <a:moveTo>
                    <a:pt x="39" y="16"/>
                  </a:moveTo>
                  <a:cubicBezTo>
                    <a:pt x="39" y="17"/>
                    <a:pt x="39" y="19"/>
                    <a:pt x="39" y="21"/>
                  </a:cubicBezTo>
                  <a:cubicBezTo>
                    <a:pt x="39" y="26"/>
                    <a:pt x="37" y="31"/>
                    <a:pt x="33" y="35"/>
                  </a:cubicBezTo>
                  <a:cubicBezTo>
                    <a:pt x="21" y="21"/>
                    <a:pt x="21" y="21"/>
                    <a:pt x="21" y="21"/>
                  </a:cubicBezTo>
                  <a:lnTo>
                    <a:pt x="39" y="16"/>
                  </a:lnTo>
                  <a:close/>
                </a:path>
              </a:pathLst>
            </a:custGeom>
            <a:solidFill>
              <a:srgbClr val="00544A"/>
            </a:solidFill>
            <a:ln>
              <a:noFill/>
            </a:ln>
            <a:extLst/>
          </p:spPr>
          <p:txBody>
            <a:bodyPr anchor="t" anchorCtr="0" bIns="45720" compatLnSpc="1" lIns="91440" numCol="1" rIns="91440" tIns="45720" vert="horz" wrap="square">
              <a:prstTxWarp prst="textNoShape">
                <a:avLst/>
              </a:prstTxWarp>
            </a:bodyPr>
            <a:lstStyle/>
            <a:p>
              <a:endParaRPr altLang="en-US" lang="zh-CN">
                <a:solidFill>
                  <a:schemeClr val="bg1"/>
                </a:solidFill>
              </a:endParaRPr>
            </a:p>
          </p:txBody>
        </p:sp>
        <p:sp>
          <p:nvSpPr>
            <p:cNvPr id="32" name="TextBox 31"/>
            <p:cNvSpPr txBox="1"/>
            <p:nvPr/>
          </p:nvSpPr>
          <p:spPr>
            <a:xfrm>
              <a:off x="1979712" y="3094958"/>
              <a:ext cx="4896544" cy="914400"/>
            </a:xfrm>
            <a:prstGeom prst="rect">
              <a:avLst/>
            </a:prstGeom>
            <a:noFill/>
          </p:spPr>
          <p:txBody>
            <a:bodyPr rtlCol="0" wrap="square">
              <a:spAutoFit/>
            </a:bodyPr>
            <a:lstStyle/>
            <a:p>
              <a:pPr>
                <a:lnSpc>
                  <a:spcPct val="150000"/>
                </a:lnSpc>
              </a:pPr>
              <a:r>
                <a:rPr altLang="en-US" b="1" lang="zh-CN">
                  <a:solidFill>
                    <a:srgbClr val="00544A"/>
                  </a:solidFill>
                  <a:latin charset="-122" panose="020b0503020204020204" pitchFamily="34" typeface="微软雅黑"/>
                  <a:ea charset="-122" panose="020b0503020204020204" pitchFamily="34" typeface="微软雅黑"/>
                </a:rPr>
                <a:t>第三步</a:t>
              </a:r>
            </a:p>
            <a:p>
              <a:pPr>
                <a:lnSpc>
                  <a:spcPct val="150000"/>
                </a:lnSpc>
              </a:pPr>
              <a:r>
                <a:rPr altLang="en-US" b="1" lang="zh-CN">
                  <a:solidFill>
                    <a:srgbClr val="00544A"/>
                  </a:solidFill>
                  <a:latin charset="-122" panose="020b0503020204020204" pitchFamily="34" typeface="微软雅黑"/>
                  <a:ea charset="-122" panose="020b0503020204020204" pitchFamily="34" typeface="微软雅黑"/>
                </a:rPr>
                <a:t>您的内容打在这里，或通过复制您的文本后</a:t>
              </a:r>
            </a:p>
          </p:txBody>
        </p:sp>
        <p:sp>
          <p:nvSpPr>
            <p:cNvPr id="36" name="TextBox 35"/>
            <p:cNvSpPr txBox="1"/>
            <p:nvPr/>
          </p:nvSpPr>
          <p:spPr>
            <a:xfrm>
              <a:off x="7524328" y="3333971"/>
              <a:ext cx="621030" cy="518160"/>
            </a:xfrm>
            <a:prstGeom prst="rect">
              <a:avLst/>
            </a:prstGeom>
            <a:noFill/>
          </p:spPr>
          <p:txBody>
            <a:bodyPr rtlCol="0" wrap="none">
              <a:spAutoFit/>
            </a:bodyPr>
            <a:lstStyle/>
            <a:p>
              <a:r>
                <a:rPr altLang="zh-CN" b="1" lang="en-US" sz="2800">
                  <a:solidFill>
                    <a:srgbClr val="00544A"/>
                  </a:solidFill>
                  <a:latin charset="-122" panose="020b0503020204020204" pitchFamily="34" typeface="微软雅黑"/>
                  <a:ea charset="-122" panose="020b0503020204020204" pitchFamily="34" typeface="微软雅黑"/>
                </a:rPr>
                <a:t>03</a:t>
              </a:r>
            </a:p>
          </p:txBody>
        </p:sp>
      </p:grpSp>
      <p:grpSp>
        <p:nvGrpSpPr>
          <p:cNvPr id="41" name="组合 40"/>
          <p:cNvGrpSpPr/>
          <p:nvPr/>
        </p:nvGrpSpPr>
        <p:grpSpPr>
          <a:xfrm>
            <a:off x="1479603" y="4223084"/>
            <a:ext cx="7179823" cy="866664"/>
            <a:chOff x="971600" y="4223084"/>
            <a:chExt cx="7179823" cy="866664"/>
          </a:xfrm>
        </p:grpSpPr>
        <p:grpSp>
          <p:nvGrpSpPr>
            <p:cNvPr id="20" name="组合 19"/>
            <p:cNvGrpSpPr/>
            <p:nvPr/>
          </p:nvGrpSpPr>
          <p:grpSpPr>
            <a:xfrm>
              <a:off x="971600" y="4297660"/>
              <a:ext cx="7137412" cy="792088"/>
              <a:chOff x="971600" y="2060848"/>
              <a:chExt cx="7137412" cy="792088"/>
            </a:xfrm>
          </p:grpSpPr>
          <p:sp>
            <p:nvSpPr>
              <p:cNvPr id="21" name="矩形 20"/>
              <p:cNvSpPr/>
              <p:nvPr/>
            </p:nvSpPr>
            <p:spPr>
              <a:xfrm>
                <a:off x="1737399" y="2060848"/>
                <a:ext cx="6371613" cy="792088"/>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2" name="矩形 21"/>
              <p:cNvSpPr/>
              <p:nvPr/>
            </p:nvSpPr>
            <p:spPr>
              <a:xfrm>
                <a:off x="971600" y="2060848"/>
                <a:ext cx="792086" cy="792088"/>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3" name="椭圆 22"/>
              <p:cNvSpPr/>
              <p:nvPr/>
            </p:nvSpPr>
            <p:spPr>
              <a:xfrm>
                <a:off x="1115615" y="2204864"/>
                <a:ext cx="504056" cy="5040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4" name="燕尾形 23"/>
              <p:cNvSpPr/>
              <p:nvPr/>
            </p:nvSpPr>
            <p:spPr>
              <a:xfrm>
                <a:off x="1304115" y="2348880"/>
                <a:ext cx="210816" cy="276029"/>
              </a:xfrm>
              <a:prstGeom prst="chevron">
                <a:avLst>
                  <a:gd fmla="val 60690" name="adj"/>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cxnSp>
            <p:nvCxnSpPr>
              <p:cNvPr id="25" name="直接连接符 24"/>
              <p:cNvCxnSpPr>
                <a:endCxn id="24" idx="1"/>
              </p:cNvCxnSpPr>
              <p:nvPr/>
            </p:nvCxnSpPr>
            <p:spPr>
              <a:xfrm>
                <a:off x="1220354" y="2486895"/>
                <a:ext cx="211705" cy="0"/>
              </a:xfrm>
              <a:prstGeom prst="line">
                <a:avLst/>
              </a:prstGeom>
              <a:ln w="57150">
                <a:solidFill>
                  <a:srgbClr val="00544A"/>
                </a:solidFill>
              </a:ln>
            </p:spPr>
            <p:style>
              <a:lnRef idx="1">
                <a:schemeClr val="accent1"/>
              </a:lnRef>
              <a:fillRef idx="0">
                <a:schemeClr val="accent1"/>
              </a:fillRef>
              <a:effectRef idx="0">
                <a:schemeClr val="accent1"/>
              </a:effectRef>
              <a:fontRef idx="minor">
                <a:schemeClr val="tx1"/>
              </a:fontRef>
            </p:style>
          </p:cxnSp>
        </p:grpSp>
        <p:sp>
          <p:nvSpPr>
            <p:cNvPr id="27" name="Freeform 27"/>
            <p:cNvSpPr>
              <a:spLocks noEditPoints="1"/>
            </p:cNvSpPr>
            <p:nvPr/>
          </p:nvSpPr>
          <p:spPr bwMode="auto">
            <a:xfrm>
              <a:off x="6876256" y="4645124"/>
              <a:ext cx="261938" cy="228600"/>
            </a:xfrm>
            <a:custGeom>
              <a:gdLst>
                <a:gd fmla="*/ 62 w 165" name="T0"/>
                <a:gd fmla="*/ 53 h 144" name="T1"/>
                <a:gd fmla="*/ 87 w 165" name="T2"/>
                <a:gd fmla="*/ 62 h 144" name="T3"/>
                <a:gd fmla="*/ 111 w 165" name="T4"/>
                <a:gd fmla="*/ 33 h 144" name="T5"/>
                <a:gd fmla="*/ 116 w 165" name="T6"/>
                <a:gd fmla="*/ 29 h 144" name="T7"/>
                <a:gd fmla="*/ 132 w 165" name="T8"/>
                <a:gd fmla="*/ 41 h 144" name="T9"/>
                <a:gd fmla="*/ 132 w 165" name="T10"/>
                <a:gd fmla="*/ 20 h 144" name="T11"/>
                <a:gd fmla="*/ 132 w 165" name="T12"/>
                <a:gd fmla="*/ 0 h 144" name="T13"/>
                <a:gd fmla="*/ 111 w 165" name="T14"/>
                <a:gd fmla="*/ 4 h 144" name="T15"/>
                <a:gd fmla="*/ 91 w 165" name="T16"/>
                <a:gd fmla="*/ 8 h 144" name="T17"/>
                <a:gd fmla="*/ 107 w 165" name="T18"/>
                <a:gd fmla="*/ 25 h 144" name="T19"/>
                <a:gd fmla="*/ 83 w 165" name="T20"/>
                <a:gd fmla="*/ 49 h 144" name="T21"/>
                <a:gd fmla="*/ 58 w 165" name="T22"/>
                <a:gd fmla="*/ 41 h 144" name="T23"/>
                <a:gd fmla="*/ 41 w 165" name="T24"/>
                <a:gd fmla="*/ 70 h 144" name="T25"/>
                <a:gd fmla="*/ 17 w 165" name="T26"/>
                <a:gd fmla="*/ 62 h 144" name="T27"/>
                <a:gd fmla="*/ 4 w 165" name="T28"/>
                <a:gd fmla="*/ 99 h 144" name="T29"/>
                <a:gd fmla="*/ 0 w 165" name="T30"/>
                <a:gd fmla="*/ 107 h 144" name="T31"/>
                <a:gd fmla="*/ 8 w 165" name="T32"/>
                <a:gd fmla="*/ 111 h 144" name="T33"/>
                <a:gd fmla="*/ 21 w 165" name="T34"/>
                <a:gd fmla="*/ 74 h 144" name="T35"/>
                <a:gd fmla="*/ 45 w 165" name="T36"/>
                <a:gd fmla="*/ 82 h 144" name="T37"/>
                <a:gd fmla="*/ 62 w 165" name="T38"/>
                <a:gd fmla="*/ 53 h 144" name="T39"/>
                <a:gd fmla="*/ 62 w 165" name="T40"/>
                <a:gd fmla="*/ 53 h 144" name="T41"/>
                <a:gd fmla="*/ 50 w 165" name="T42"/>
                <a:gd fmla="*/ 144 h 144" name="T43"/>
                <a:gd fmla="*/ 50 w 165" name="T44"/>
                <a:gd fmla="*/ 111 h 144" name="T45"/>
                <a:gd fmla="*/ 29 w 165" name="T46"/>
                <a:gd fmla="*/ 111 h 144" name="T47"/>
                <a:gd fmla="*/ 29 w 165" name="T48"/>
                <a:gd fmla="*/ 144 h 144" name="T49"/>
                <a:gd fmla="*/ 50 w 165" name="T50"/>
                <a:gd fmla="*/ 144 h 144" name="T51"/>
                <a:gd fmla="*/ 50 w 165" name="T52"/>
                <a:gd fmla="*/ 144 h 144" name="T53"/>
                <a:gd fmla="*/ 78 w 165" name="T54"/>
                <a:gd fmla="*/ 144 h 144" name="T55"/>
                <a:gd fmla="*/ 58 w 165" name="T56"/>
                <a:gd fmla="*/ 144 h 144" name="T57"/>
                <a:gd fmla="*/ 58 w 165" name="T58"/>
                <a:gd fmla="*/ 99 h 144" name="T59"/>
                <a:gd fmla="*/ 78 w 165" name="T60"/>
                <a:gd fmla="*/ 99 h 144" name="T61"/>
                <a:gd fmla="*/ 78 w 165" name="T62"/>
                <a:gd fmla="*/ 144 h 144" name="T63"/>
                <a:gd fmla="*/ 78 w 165" name="T64"/>
                <a:gd fmla="*/ 144 h 144" name="T65"/>
                <a:gd fmla="*/ 107 w 165" name="T66"/>
                <a:gd fmla="*/ 144 h 144" name="T67"/>
                <a:gd fmla="*/ 87 w 165" name="T68"/>
                <a:gd fmla="*/ 144 h 144" name="T69"/>
                <a:gd fmla="*/ 87 w 165" name="T70"/>
                <a:gd fmla="*/ 82 h 144" name="T71"/>
                <a:gd fmla="*/ 107 w 165" name="T72"/>
                <a:gd fmla="*/ 82 h 144" name="T73"/>
                <a:gd fmla="*/ 107 w 165" name="T74"/>
                <a:gd fmla="*/ 144 h 144" name="T75"/>
                <a:gd fmla="*/ 107 w 165" name="T76"/>
                <a:gd fmla="*/ 144 h 144" name="T77"/>
                <a:gd fmla="*/ 136 w 165" name="T78"/>
                <a:gd fmla="*/ 144 h 144" name="T79"/>
                <a:gd fmla="*/ 116 w 165" name="T80"/>
                <a:gd fmla="*/ 144 h 144" name="T81"/>
                <a:gd fmla="*/ 116 w 165" name="T82"/>
                <a:gd fmla="*/ 66 h 144" name="T83"/>
                <a:gd fmla="*/ 136 w 165" name="T84"/>
                <a:gd fmla="*/ 66 h 144" name="T85"/>
                <a:gd fmla="*/ 136 w 165" name="T86"/>
                <a:gd fmla="*/ 144 h 144" name="T87"/>
                <a:gd fmla="*/ 136 w 165" name="T88"/>
                <a:gd fmla="*/ 144 h 144" name="T89"/>
                <a:gd fmla="*/ 144 w 165" name="T90"/>
                <a:gd fmla="*/ 45 h 144" name="T91"/>
                <a:gd fmla="*/ 144 w 165" name="T92"/>
                <a:gd fmla="*/ 144 h 144" name="T93"/>
                <a:gd fmla="*/ 165 w 165" name="T94"/>
                <a:gd fmla="*/ 144 h 144" name="T95"/>
                <a:gd fmla="*/ 165 w 165" name="T96"/>
                <a:gd fmla="*/ 45 h 144" name="T97"/>
                <a:gd fmla="*/ 144 w 165" name="T98"/>
                <a:gd fmla="*/ 45 h 144" name="T9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b="b" l="0" r="r" t="0"/>
              <a:pathLst>
                <a:path h="144" w="165">
                  <a:moveTo>
                    <a:pt x="62" y="53"/>
                  </a:moveTo>
                  <a:lnTo>
                    <a:pt x="87" y="62"/>
                  </a:lnTo>
                  <a:lnTo>
                    <a:pt x="111" y="33"/>
                  </a:lnTo>
                  <a:lnTo>
                    <a:pt x="116" y="29"/>
                  </a:lnTo>
                  <a:lnTo>
                    <a:pt x="132" y="41"/>
                  </a:lnTo>
                  <a:lnTo>
                    <a:pt x="132" y="20"/>
                  </a:lnTo>
                  <a:lnTo>
                    <a:pt x="132" y="0"/>
                  </a:lnTo>
                  <a:lnTo>
                    <a:pt x="111" y="4"/>
                  </a:lnTo>
                  <a:lnTo>
                    <a:pt x="91" y="8"/>
                  </a:lnTo>
                  <a:lnTo>
                    <a:pt x="107" y="25"/>
                  </a:lnTo>
                  <a:lnTo>
                    <a:pt x="83" y="49"/>
                  </a:lnTo>
                  <a:lnTo>
                    <a:pt x="58" y="41"/>
                  </a:lnTo>
                  <a:lnTo>
                    <a:pt x="41" y="70"/>
                  </a:lnTo>
                  <a:lnTo>
                    <a:pt x="17" y="62"/>
                  </a:lnTo>
                  <a:lnTo>
                    <a:pt x="4" y="99"/>
                  </a:lnTo>
                  <a:lnTo>
                    <a:pt x="0" y="107"/>
                  </a:lnTo>
                  <a:lnTo>
                    <a:pt x="8" y="111"/>
                  </a:lnTo>
                  <a:lnTo>
                    <a:pt x="21" y="74"/>
                  </a:lnTo>
                  <a:lnTo>
                    <a:pt x="45" y="82"/>
                  </a:lnTo>
                  <a:lnTo>
                    <a:pt x="62" y="53"/>
                  </a:lnTo>
                  <a:lnTo>
                    <a:pt x="62" y="53"/>
                  </a:lnTo>
                  <a:close/>
                  <a:moveTo>
                    <a:pt x="50" y="144"/>
                  </a:moveTo>
                  <a:lnTo>
                    <a:pt x="50" y="111"/>
                  </a:lnTo>
                  <a:lnTo>
                    <a:pt x="29" y="111"/>
                  </a:lnTo>
                  <a:lnTo>
                    <a:pt x="29" y="144"/>
                  </a:lnTo>
                  <a:lnTo>
                    <a:pt x="50" y="144"/>
                  </a:lnTo>
                  <a:lnTo>
                    <a:pt x="50" y="144"/>
                  </a:lnTo>
                  <a:close/>
                  <a:moveTo>
                    <a:pt x="78" y="144"/>
                  </a:moveTo>
                  <a:lnTo>
                    <a:pt x="58" y="144"/>
                  </a:lnTo>
                  <a:lnTo>
                    <a:pt x="58" y="99"/>
                  </a:lnTo>
                  <a:lnTo>
                    <a:pt x="78" y="99"/>
                  </a:lnTo>
                  <a:lnTo>
                    <a:pt x="78" y="144"/>
                  </a:lnTo>
                  <a:lnTo>
                    <a:pt x="78" y="144"/>
                  </a:lnTo>
                  <a:close/>
                  <a:moveTo>
                    <a:pt x="107" y="144"/>
                  </a:moveTo>
                  <a:lnTo>
                    <a:pt x="87" y="144"/>
                  </a:lnTo>
                  <a:lnTo>
                    <a:pt x="87" y="82"/>
                  </a:lnTo>
                  <a:lnTo>
                    <a:pt x="107" y="82"/>
                  </a:lnTo>
                  <a:lnTo>
                    <a:pt x="107" y="144"/>
                  </a:lnTo>
                  <a:lnTo>
                    <a:pt x="107" y="144"/>
                  </a:lnTo>
                  <a:close/>
                  <a:moveTo>
                    <a:pt x="136" y="144"/>
                  </a:moveTo>
                  <a:lnTo>
                    <a:pt x="116" y="144"/>
                  </a:lnTo>
                  <a:lnTo>
                    <a:pt x="116" y="66"/>
                  </a:lnTo>
                  <a:lnTo>
                    <a:pt x="136" y="66"/>
                  </a:lnTo>
                  <a:lnTo>
                    <a:pt x="136" y="144"/>
                  </a:lnTo>
                  <a:lnTo>
                    <a:pt x="136" y="144"/>
                  </a:lnTo>
                  <a:close/>
                  <a:moveTo>
                    <a:pt x="144" y="45"/>
                  </a:moveTo>
                  <a:lnTo>
                    <a:pt x="144" y="144"/>
                  </a:lnTo>
                  <a:lnTo>
                    <a:pt x="165" y="144"/>
                  </a:lnTo>
                  <a:lnTo>
                    <a:pt x="165" y="45"/>
                  </a:lnTo>
                  <a:lnTo>
                    <a:pt x="144" y="45"/>
                  </a:lnTo>
                  <a:close/>
                </a:path>
              </a:pathLst>
            </a:custGeom>
            <a:solidFill>
              <a:srgbClr val="00544A"/>
            </a:solidFill>
            <a:ln>
              <a:noFill/>
            </a:ln>
            <a:extLst/>
          </p:spPr>
          <p:txBody>
            <a:bodyPr anchor="t" anchorCtr="0" bIns="45720" compatLnSpc="1" lIns="91440" numCol="1" rIns="91440" tIns="45720" vert="horz" wrap="square">
              <a:prstTxWarp prst="textNoShape">
                <a:avLst/>
              </a:prstTxWarp>
            </a:bodyPr>
            <a:lstStyle/>
            <a:p>
              <a:endParaRPr altLang="en-US" lang="zh-CN">
                <a:solidFill>
                  <a:schemeClr val="bg1"/>
                </a:solidFill>
              </a:endParaRPr>
            </a:p>
          </p:txBody>
        </p:sp>
        <p:sp>
          <p:nvSpPr>
            <p:cNvPr id="33" name="TextBox 32"/>
            <p:cNvSpPr txBox="1"/>
            <p:nvPr/>
          </p:nvSpPr>
          <p:spPr>
            <a:xfrm>
              <a:off x="1979711" y="4223084"/>
              <a:ext cx="4771607" cy="914400"/>
            </a:xfrm>
            <a:prstGeom prst="rect">
              <a:avLst/>
            </a:prstGeom>
            <a:noFill/>
          </p:spPr>
          <p:txBody>
            <a:bodyPr rtlCol="0" wrap="square">
              <a:spAutoFit/>
            </a:bodyPr>
            <a:lstStyle/>
            <a:p>
              <a:pPr>
                <a:lnSpc>
                  <a:spcPct val="150000"/>
                </a:lnSpc>
              </a:pPr>
              <a:r>
                <a:rPr altLang="en-US" b="1" lang="zh-CN">
                  <a:solidFill>
                    <a:srgbClr val="00544A"/>
                  </a:solidFill>
                  <a:latin charset="-122" panose="020b0503020204020204" pitchFamily="34" typeface="微软雅黑"/>
                  <a:ea charset="-122" panose="020b0503020204020204" pitchFamily="34" typeface="微软雅黑"/>
                </a:rPr>
                <a:t>第一步</a:t>
              </a:r>
            </a:p>
            <a:p>
              <a:pPr>
                <a:lnSpc>
                  <a:spcPct val="150000"/>
                </a:lnSpc>
              </a:pPr>
              <a:r>
                <a:rPr altLang="en-US" b="1" lang="zh-CN">
                  <a:solidFill>
                    <a:srgbClr val="00544A"/>
                  </a:solidFill>
                  <a:latin charset="-122" panose="020b0503020204020204" pitchFamily="34" typeface="微软雅黑"/>
                  <a:ea charset="-122" panose="020b0503020204020204" pitchFamily="34" typeface="微软雅黑"/>
                </a:rPr>
                <a:t>您的内容打在这里，或通过复制您的文本后</a:t>
              </a:r>
            </a:p>
          </p:txBody>
        </p:sp>
        <p:sp>
          <p:nvSpPr>
            <p:cNvPr id="37" name="TextBox 36"/>
            <p:cNvSpPr txBox="1"/>
            <p:nvPr/>
          </p:nvSpPr>
          <p:spPr>
            <a:xfrm>
              <a:off x="7524328" y="4462097"/>
              <a:ext cx="621030" cy="518160"/>
            </a:xfrm>
            <a:prstGeom prst="rect">
              <a:avLst/>
            </a:prstGeom>
            <a:noFill/>
          </p:spPr>
          <p:txBody>
            <a:bodyPr rtlCol="0" wrap="none">
              <a:spAutoFit/>
            </a:bodyPr>
            <a:lstStyle/>
            <a:p>
              <a:r>
                <a:rPr altLang="zh-CN" b="1" lang="en-US" sz="2800">
                  <a:solidFill>
                    <a:srgbClr val="00544A"/>
                  </a:solidFill>
                  <a:latin charset="-122" panose="020b0503020204020204" pitchFamily="34" typeface="微软雅黑"/>
                  <a:ea charset="-122" panose="020b0503020204020204" pitchFamily="34" typeface="微软雅黑"/>
                </a:rPr>
                <a:t>04</a:t>
              </a:r>
            </a:p>
          </p:txBody>
        </p:sp>
      </p:grpSp>
    </p:spTree>
    <p:extLst>
      <p:ext uri="{BB962C8B-B14F-4D97-AF65-F5344CB8AC3E}">
        <p14:creationId val="341511612"/>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10" presetSubtype="0">
                                  <p:stCondLst>
                                    <p:cond delay="0"/>
                                  </p:stCondLst>
                                  <p:childTnLst>
                                    <p:set>
                                      <p:cBhvr>
                                        <p:cTn dur="1" fill="hold" id="6">
                                          <p:stCondLst>
                                            <p:cond delay="0"/>
                                          </p:stCondLst>
                                        </p:cTn>
                                        <p:tgtEl>
                                          <p:spTgt spid="38"/>
                                        </p:tgtEl>
                                        <p:attrNameLst>
                                          <p:attrName>style.visibility</p:attrName>
                                        </p:attrNameLst>
                                      </p:cBhvr>
                                      <p:to>
                                        <p:strVal val="visible"/>
                                      </p:to>
                                    </p:set>
                                    <p:animEffect filter="fade" transition="in">
                                      <p:cBhvr>
                                        <p:cTn dur="750" id="7"/>
                                        <p:tgtEl>
                                          <p:spTgt spid="38"/>
                                        </p:tgtEl>
                                      </p:cBhvr>
                                    </p:animEffect>
                                  </p:childTnLst>
                                </p:cTn>
                              </p:par>
                            </p:childTnLst>
                          </p:cTn>
                        </p:par>
                        <p:par>
                          <p:cTn fill="hold" id="8" nodeType="afterGroup">
                            <p:stCondLst>
                              <p:cond delay="750"/>
                            </p:stCondLst>
                            <p:childTnLst>
                              <p:par>
                                <p:cTn fill="hold" id="9" nodeType="afterEffect" presetClass="entr" presetID="10" presetSubtype="0">
                                  <p:stCondLst>
                                    <p:cond delay="0"/>
                                  </p:stCondLst>
                                  <p:childTnLst>
                                    <p:set>
                                      <p:cBhvr>
                                        <p:cTn dur="1" fill="hold" id="10">
                                          <p:stCondLst>
                                            <p:cond delay="0"/>
                                          </p:stCondLst>
                                        </p:cTn>
                                        <p:tgtEl>
                                          <p:spTgt spid="39"/>
                                        </p:tgtEl>
                                        <p:attrNameLst>
                                          <p:attrName>style.visibility</p:attrName>
                                        </p:attrNameLst>
                                      </p:cBhvr>
                                      <p:to>
                                        <p:strVal val="visible"/>
                                      </p:to>
                                    </p:set>
                                    <p:animEffect filter="fade" transition="in">
                                      <p:cBhvr>
                                        <p:cTn dur="750" id="11"/>
                                        <p:tgtEl>
                                          <p:spTgt spid="39"/>
                                        </p:tgtEl>
                                      </p:cBhvr>
                                    </p:animEffect>
                                  </p:childTnLst>
                                </p:cTn>
                              </p:par>
                            </p:childTnLst>
                          </p:cTn>
                        </p:par>
                        <p:par>
                          <p:cTn fill="hold" id="12" nodeType="afterGroup">
                            <p:stCondLst>
                              <p:cond delay="1500"/>
                            </p:stCondLst>
                            <p:childTnLst>
                              <p:par>
                                <p:cTn fill="hold" id="13" nodeType="afterEffect" presetClass="entr" presetID="10" presetSubtype="0">
                                  <p:stCondLst>
                                    <p:cond delay="0"/>
                                  </p:stCondLst>
                                  <p:childTnLst>
                                    <p:set>
                                      <p:cBhvr>
                                        <p:cTn dur="1" fill="hold" id="14">
                                          <p:stCondLst>
                                            <p:cond delay="0"/>
                                          </p:stCondLst>
                                        </p:cTn>
                                        <p:tgtEl>
                                          <p:spTgt spid="40"/>
                                        </p:tgtEl>
                                        <p:attrNameLst>
                                          <p:attrName>style.visibility</p:attrName>
                                        </p:attrNameLst>
                                      </p:cBhvr>
                                      <p:to>
                                        <p:strVal val="visible"/>
                                      </p:to>
                                    </p:set>
                                    <p:animEffect filter="fade" transition="in">
                                      <p:cBhvr>
                                        <p:cTn dur="750" id="15"/>
                                        <p:tgtEl>
                                          <p:spTgt spid="40"/>
                                        </p:tgtEl>
                                      </p:cBhvr>
                                    </p:animEffect>
                                  </p:childTnLst>
                                </p:cTn>
                              </p:par>
                            </p:childTnLst>
                          </p:cTn>
                        </p:par>
                        <p:par>
                          <p:cTn fill="hold" id="16" nodeType="afterGroup">
                            <p:stCondLst>
                              <p:cond delay="2250"/>
                            </p:stCondLst>
                            <p:childTnLst>
                              <p:par>
                                <p:cTn fill="hold" id="17" nodeType="afterEffect" presetClass="entr" presetID="10" presetSubtype="0">
                                  <p:stCondLst>
                                    <p:cond delay="0"/>
                                  </p:stCondLst>
                                  <p:childTnLst>
                                    <p:set>
                                      <p:cBhvr>
                                        <p:cTn dur="1" fill="hold" id="18">
                                          <p:stCondLst>
                                            <p:cond delay="0"/>
                                          </p:stCondLst>
                                        </p:cTn>
                                        <p:tgtEl>
                                          <p:spTgt spid="41"/>
                                        </p:tgtEl>
                                        <p:attrNameLst>
                                          <p:attrName>style.visibility</p:attrName>
                                        </p:attrNameLst>
                                      </p:cBhvr>
                                      <p:to>
                                        <p:strVal val="visible"/>
                                      </p:to>
                                    </p:set>
                                    <p:animEffect filter="fade" transition="in">
                                      <p:cBhvr>
                                        <p:cTn dur="750" id="19"/>
                                        <p:tgtEl>
                                          <p:spTgt spid="41"/>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timing>
</p:sld>
</file>

<file path=ppt/slides/slide14.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sp>
        <p:nvSpPr>
          <p:cNvPr id="2" name="矩形 2"/>
          <p:cNvSpPr/>
          <p:nvPr/>
        </p:nvSpPr>
        <p:spPr>
          <a:xfrm>
            <a:off x="1305689" y="2137420"/>
            <a:ext cx="7411452" cy="828092"/>
          </a:xfrm>
          <a:custGeom>
            <a:gdLst>
              <a:gd fmla="*/ 0 w 7411452" name="connsiteX0"/>
              <a:gd fmla="*/ 0 h 504056" name="connsiteY0"/>
              <a:gd fmla="*/ 7099546 w 7411452" name="connsiteX1"/>
              <a:gd fmla="*/ 0 h 504056" name="connsiteY1"/>
              <a:gd fmla="*/ 7411452 w 7411452" name="connsiteX2"/>
              <a:gd fmla="*/ 246318 h 504056" name="connsiteY2"/>
              <a:gd fmla="*/ 7099546 w 7411452" name="connsiteX3"/>
              <a:gd fmla="*/ 504056 h 504056" name="connsiteY3"/>
              <a:gd fmla="*/ 0 w 7411452" name="connsiteX4"/>
              <a:gd fmla="*/ 504056 h 504056" name="connsiteY4"/>
              <a:gd fmla="*/ 0 w 7411452" name="connsiteX5"/>
              <a:gd fmla="*/ 0 h 504056" name="connsiteY5"/>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b="b" l="l" r="r" t="t"/>
            <a:pathLst>
              <a:path h="504056" w="7411452">
                <a:moveTo>
                  <a:pt x="0" y="0"/>
                </a:moveTo>
                <a:lnTo>
                  <a:pt x="7099546" y="0"/>
                </a:lnTo>
                <a:lnTo>
                  <a:pt x="7411452" y="246318"/>
                </a:lnTo>
                <a:lnTo>
                  <a:pt x="7099546" y="504056"/>
                </a:lnTo>
                <a:lnTo>
                  <a:pt x="0" y="504056"/>
                </a:lnTo>
                <a:lnTo>
                  <a:pt x="0" y="0"/>
                </a:lnTo>
                <a:close/>
              </a:path>
            </a:pathLst>
          </a:custGeom>
          <a:solidFill>
            <a:srgbClr val="018E7B"/>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nvGrpSpPr>
          <p:cNvPr id="3" name="组合 2"/>
          <p:cNvGrpSpPr/>
          <p:nvPr/>
        </p:nvGrpSpPr>
        <p:grpSpPr>
          <a:xfrm>
            <a:off x="1975616" y="1417340"/>
            <a:ext cx="1826141" cy="2180922"/>
            <a:chOff x="1467613" y="1593478"/>
            <a:chExt cx="1826141" cy="2180922"/>
          </a:xfrm>
        </p:grpSpPr>
        <p:sp>
          <p:nvSpPr>
            <p:cNvPr id="4" name="椭圆 3"/>
            <p:cNvSpPr/>
            <p:nvPr/>
          </p:nvSpPr>
          <p:spPr>
            <a:xfrm>
              <a:off x="1792113" y="2141640"/>
              <a:ext cx="1152128" cy="1152128"/>
            </a:xfrm>
            <a:prstGeom prst="ellipse">
              <a:avLst/>
            </a:prstGeom>
            <a:solidFill>
              <a:srgbClr val="00544A"/>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2800">
                  <a:latin charset="-122" pitchFamily="65" typeface="方正超粗黑简体"/>
                  <a:ea charset="-122" pitchFamily="65" typeface="方正超粗黑简体"/>
                </a:rPr>
                <a:t>1</a:t>
              </a:r>
            </a:p>
          </p:txBody>
        </p:sp>
        <p:sp>
          <p:nvSpPr>
            <p:cNvPr id="5" name="TextBox 4"/>
            <p:cNvSpPr txBox="1"/>
            <p:nvPr/>
          </p:nvSpPr>
          <p:spPr>
            <a:xfrm>
              <a:off x="2009428" y="1593478"/>
              <a:ext cx="748030" cy="365760"/>
            </a:xfrm>
            <a:prstGeom prst="rect">
              <a:avLst/>
            </a:prstGeom>
            <a:noFill/>
          </p:spPr>
          <p:txBody>
            <a:bodyPr rtlCol="0" wrap="none">
              <a:spAutoFit/>
            </a:bodyPr>
            <a:lstStyle/>
            <a:p>
              <a:r>
                <a:rPr altLang="zh-CN" b="1" lang="en-US">
                  <a:latin charset="-122" panose="020b0503020204020204" pitchFamily="34" typeface="微软雅黑"/>
                  <a:ea charset="-122" panose="020b0503020204020204" pitchFamily="34" typeface="微软雅黑"/>
                </a:rPr>
                <a:t>2012</a:t>
              </a:r>
            </a:p>
          </p:txBody>
        </p:sp>
        <p:sp>
          <p:nvSpPr>
            <p:cNvPr id="7" name="矩形 6"/>
            <p:cNvSpPr/>
            <p:nvPr/>
          </p:nvSpPr>
          <p:spPr>
            <a:xfrm>
              <a:off x="1476443" y="3435846"/>
              <a:ext cx="1808480" cy="335280"/>
            </a:xfrm>
            <a:prstGeom prst="rect">
              <a:avLst/>
            </a:prstGeom>
          </p:spPr>
          <p:txBody>
            <a:bodyPr wrap="none">
              <a:spAutoFit/>
            </a:bodyPr>
            <a:lstStyle/>
            <a:p>
              <a:pPr algn="just"/>
              <a:r>
                <a:rPr altLang="en-US" b="1" kern="0" lang="zh-CN" sz="1600">
                  <a:latin charset="-122" panose="020b0503020204020204" pitchFamily="34" typeface="微软雅黑"/>
                  <a:ea charset="-122" panose="020b0503020204020204" pitchFamily="34" typeface="微软雅黑"/>
                </a:rPr>
                <a:t>单击此处添加文字</a:t>
              </a:r>
            </a:p>
          </p:txBody>
        </p:sp>
      </p:grpSp>
      <p:grpSp>
        <p:nvGrpSpPr>
          <p:cNvPr id="9" name="组合 8"/>
          <p:cNvGrpSpPr/>
          <p:nvPr/>
        </p:nvGrpSpPr>
        <p:grpSpPr>
          <a:xfrm>
            <a:off x="4045716" y="1417340"/>
            <a:ext cx="1826141" cy="2180922"/>
            <a:chOff x="3537713" y="1593478"/>
            <a:chExt cx="1826141" cy="2180922"/>
          </a:xfrm>
        </p:grpSpPr>
        <p:sp>
          <p:nvSpPr>
            <p:cNvPr id="10" name="椭圆 9"/>
            <p:cNvSpPr/>
            <p:nvPr/>
          </p:nvSpPr>
          <p:spPr>
            <a:xfrm>
              <a:off x="3850221" y="2141640"/>
              <a:ext cx="1152128" cy="1152128"/>
            </a:xfrm>
            <a:prstGeom prst="ellipse">
              <a:avLst/>
            </a:prstGeom>
            <a:solidFill>
              <a:srgbClr val="00544A"/>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2800">
                  <a:latin charset="-122" pitchFamily="65" typeface="方正超粗黑简体"/>
                  <a:ea charset="-122" pitchFamily="65" typeface="方正超粗黑简体"/>
                </a:rPr>
                <a:t>2</a:t>
              </a:r>
            </a:p>
          </p:txBody>
        </p:sp>
        <p:sp>
          <p:nvSpPr>
            <p:cNvPr id="11" name="TextBox 10"/>
            <p:cNvSpPr txBox="1"/>
            <p:nvPr/>
          </p:nvSpPr>
          <p:spPr>
            <a:xfrm>
              <a:off x="4028729" y="1593478"/>
              <a:ext cx="748030" cy="365760"/>
            </a:xfrm>
            <a:prstGeom prst="rect">
              <a:avLst/>
            </a:prstGeom>
            <a:noFill/>
          </p:spPr>
          <p:txBody>
            <a:bodyPr rtlCol="0" wrap="none">
              <a:spAutoFit/>
            </a:bodyPr>
            <a:lstStyle/>
            <a:p>
              <a:r>
                <a:rPr altLang="zh-CN" b="1" lang="en-US">
                  <a:latin charset="-122" panose="020b0503020204020204" pitchFamily="34" typeface="微软雅黑"/>
                  <a:ea charset="-122" panose="020b0503020204020204" pitchFamily="34" typeface="微软雅黑"/>
                </a:rPr>
                <a:t>2013</a:t>
              </a:r>
            </a:p>
          </p:txBody>
        </p:sp>
        <p:sp>
          <p:nvSpPr>
            <p:cNvPr id="13" name="矩形 12"/>
            <p:cNvSpPr/>
            <p:nvPr/>
          </p:nvSpPr>
          <p:spPr>
            <a:xfrm>
              <a:off x="3546543" y="3435846"/>
              <a:ext cx="1808480" cy="335280"/>
            </a:xfrm>
            <a:prstGeom prst="rect">
              <a:avLst/>
            </a:prstGeom>
          </p:spPr>
          <p:txBody>
            <a:bodyPr wrap="none">
              <a:spAutoFit/>
            </a:bodyPr>
            <a:lstStyle/>
            <a:p>
              <a:pPr algn="just"/>
              <a:r>
                <a:rPr altLang="en-US" b="1" kern="0" lang="zh-CN" sz="1600">
                  <a:latin charset="-122" panose="020b0503020204020204" pitchFamily="34" typeface="微软雅黑"/>
                  <a:ea charset="-122" panose="020b0503020204020204" pitchFamily="34" typeface="微软雅黑"/>
                </a:rPr>
                <a:t>单击此处添加文字</a:t>
              </a:r>
            </a:p>
          </p:txBody>
        </p:sp>
      </p:grpSp>
      <p:grpSp>
        <p:nvGrpSpPr>
          <p:cNvPr id="15" name="组合 14"/>
          <p:cNvGrpSpPr/>
          <p:nvPr/>
        </p:nvGrpSpPr>
        <p:grpSpPr>
          <a:xfrm>
            <a:off x="6065016" y="1417340"/>
            <a:ext cx="1826141" cy="2180922"/>
            <a:chOff x="5557013" y="1593478"/>
            <a:chExt cx="1826141" cy="2180922"/>
          </a:xfrm>
        </p:grpSpPr>
        <p:sp>
          <p:nvSpPr>
            <p:cNvPr id="16" name="椭圆 15"/>
            <p:cNvSpPr/>
            <p:nvPr/>
          </p:nvSpPr>
          <p:spPr>
            <a:xfrm>
              <a:off x="5908329" y="2141640"/>
              <a:ext cx="1152128" cy="1152128"/>
            </a:xfrm>
            <a:prstGeom prst="ellipse">
              <a:avLst/>
            </a:prstGeom>
            <a:solidFill>
              <a:srgbClr val="00544A"/>
            </a:solidFill>
            <a:ln w="76200">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2800">
                  <a:latin charset="-122" pitchFamily="65" typeface="方正超粗黑简体"/>
                  <a:ea charset="-122" pitchFamily="65" typeface="方正超粗黑简体"/>
                </a:rPr>
                <a:t>3</a:t>
              </a:r>
            </a:p>
          </p:txBody>
        </p:sp>
        <p:sp>
          <p:nvSpPr>
            <p:cNvPr id="17" name="TextBox 16"/>
            <p:cNvSpPr txBox="1"/>
            <p:nvPr/>
          </p:nvSpPr>
          <p:spPr>
            <a:xfrm>
              <a:off x="6078791" y="1593478"/>
              <a:ext cx="748030" cy="365760"/>
            </a:xfrm>
            <a:prstGeom prst="rect">
              <a:avLst/>
            </a:prstGeom>
            <a:noFill/>
          </p:spPr>
          <p:txBody>
            <a:bodyPr rtlCol="0" wrap="none">
              <a:spAutoFit/>
            </a:bodyPr>
            <a:lstStyle/>
            <a:p>
              <a:r>
                <a:rPr altLang="zh-CN" b="1" lang="en-US">
                  <a:latin charset="-122" panose="020b0503020204020204" pitchFamily="34" typeface="微软雅黑"/>
                  <a:ea charset="-122" panose="020b0503020204020204" pitchFamily="34" typeface="微软雅黑"/>
                </a:rPr>
                <a:t>2014</a:t>
              </a:r>
            </a:p>
          </p:txBody>
        </p:sp>
        <p:sp>
          <p:nvSpPr>
            <p:cNvPr id="19" name="矩形 18"/>
            <p:cNvSpPr/>
            <p:nvPr/>
          </p:nvSpPr>
          <p:spPr>
            <a:xfrm>
              <a:off x="5565844" y="3435846"/>
              <a:ext cx="1808480" cy="335280"/>
            </a:xfrm>
            <a:prstGeom prst="rect">
              <a:avLst/>
            </a:prstGeom>
          </p:spPr>
          <p:txBody>
            <a:bodyPr wrap="none">
              <a:spAutoFit/>
            </a:bodyPr>
            <a:lstStyle/>
            <a:p>
              <a:pPr algn="just"/>
              <a:r>
                <a:rPr altLang="en-US" b="1" kern="0" lang="zh-CN" sz="1600">
                  <a:latin charset="-122" panose="020b0503020204020204" pitchFamily="34" typeface="微软雅黑"/>
                  <a:ea charset="-122" panose="020b0503020204020204" pitchFamily="34" typeface="微软雅黑"/>
                </a:rPr>
                <a:t>单击此处添加文字</a:t>
              </a:r>
            </a:p>
          </p:txBody>
        </p:sp>
      </p:grpSp>
    </p:spTree>
    <p:extLst>
      <p:ext uri="{BB962C8B-B14F-4D97-AF65-F5344CB8AC3E}">
        <p14:creationId val="900875205"/>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grpId="0" id="5" nodeType="withEffect" presetClass="entr" presetID="2" presetSubtype="8">
                                  <p:stCondLst>
                                    <p:cond delay="0"/>
                                  </p:stCondLst>
                                  <p:childTnLst>
                                    <p:set>
                                      <p:cBhvr>
                                        <p:cTn dur="1" fill="hold" id="6">
                                          <p:stCondLst>
                                            <p:cond delay="0"/>
                                          </p:stCondLst>
                                        </p:cTn>
                                        <p:tgtEl>
                                          <p:spTgt spid="2"/>
                                        </p:tgtEl>
                                        <p:attrNameLst>
                                          <p:attrName>style.visibility</p:attrName>
                                        </p:attrNameLst>
                                      </p:cBhvr>
                                      <p:to>
                                        <p:strVal val="visible"/>
                                      </p:to>
                                    </p:set>
                                    <p:anim calcmode="lin" valueType="num">
                                      <p:cBhvr additive="base">
                                        <p:cTn dur="500" fill="hold" id="7"/>
                                        <p:tgtEl>
                                          <p:spTgt spid="2"/>
                                        </p:tgtEl>
                                        <p:attrNameLst>
                                          <p:attrName>ppt_x</p:attrName>
                                        </p:attrNameLst>
                                      </p:cBhvr>
                                      <p:tavLst>
                                        <p:tav tm="0">
                                          <p:val>
                                            <p:strVal val="0-#ppt_w/2"/>
                                          </p:val>
                                        </p:tav>
                                        <p:tav tm="100000">
                                          <p:val>
                                            <p:strVal val="#ppt_x"/>
                                          </p:val>
                                        </p:tav>
                                      </p:tavLst>
                                    </p:anim>
                                    <p:anim calcmode="lin" valueType="num">
                                      <p:cBhvr additive="base">
                                        <p:cTn dur="500" fill="hold" id="8"/>
                                        <p:tgtEl>
                                          <p:spTgt spid="2"/>
                                        </p:tgtEl>
                                        <p:attrNameLst>
                                          <p:attrName>ppt_y</p:attrName>
                                        </p:attrNameLst>
                                      </p:cBhvr>
                                      <p:tavLst>
                                        <p:tav tm="0">
                                          <p:val>
                                            <p:strVal val="#ppt_y"/>
                                          </p:val>
                                        </p:tav>
                                        <p:tav tm="100000">
                                          <p:val>
                                            <p:strVal val="#ppt_y"/>
                                          </p:val>
                                        </p:tav>
                                      </p:tavLst>
                                    </p:anim>
                                  </p:childTnLst>
                                </p:cTn>
                              </p:par>
                              <p:par>
                                <p:cTn fill="hold" id="9" nodeType="withEffect" presetClass="entr" presetID="45" presetSubtype="0">
                                  <p:stCondLst>
                                    <p:cond delay="500"/>
                                  </p:stCondLst>
                                  <p:childTnLst>
                                    <p:set>
                                      <p:cBhvr>
                                        <p:cTn dur="1" fill="hold" id="10">
                                          <p:stCondLst>
                                            <p:cond delay="0"/>
                                          </p:stCondLst>
                                        </p:cTn>
                                        <p:tgtEl>
                                          <p:spTgt spid="15"/>
                                        </p:tgtEl>
                                        <p:attrNameLst>
                                          <p:attrName>style.visibility</p:attrName>
                                        </p:attrNameLst>
                                      </p:cBhvr>
                                      <p:to>
                                        <p:strVal val="visible"/>
                                      </p:to>
                                    </p:set>
                                    <p:animEffect filter="fade" transition="in">
                                      <p:cBhvr>
                                        <p:cTn dur="2000" id="11"/>
                                        <p:tgtEl>
                                          <p:spTgt spid="15"/>
                                        </p:tgtEl>
                                      </p:cBhvr>
                                    </p:animEffect>
                                    <p:anim calcmode="lin" valueType="num">
                                      <p:cBhvr>
                                        <p:cTn dur="2000" fill="hold" id="12"/>
                                        <p:tgtEl>
                                          <p:spTgt spid="15"/>
                                        </p:tgtEl>
                                        <p:attrNameLst>
                                          <p:attrName>ppt_w</p:attrName>
                                        </p:attrNameLst>
                                      </p:cBhvr>
                                      <p:tavLst>
                                        <p:tav fmla="#ppt_w*sin(2.5*pi*$)" tm="0">
                                          <p:val>
                                            <p:fltVal val="0"/>
                                          </p:val>
                                        </p:tav>
                                        <p:tav tm="100000">
                                          <p:val>
                                            <p:fltVal val="1"/>
                                          </p:val>
                                        </p:tav>
                                      </p:tavLst>
                                    </p:anim>
                                    <p:anim calcmode="lin" valueType="num">
                                      <p:cBhvr>
                                        <p:cTn dur="2000" fill="hold" id="13"/>
                                        <p:tgtEl>
                                          <p:spTgt spid="15"/>
                                        </p:tgtEl>
                                        <p:attrNameLst>
                                          <p:attrName>ppt_h</p:attrName>
                                        </p:attrNameLst>
                                      </p:cBhvr>
                                      <p:tavLst>
                                        <p:tav tm="0">
                                          <p:val>
                                            <p:strVal val="#ppt_h"/>
                                          </p:val>
                                        </p:tav>
                                        <p:tav tm="100000">
                                          <p:val>
                                            <p:strVal val="#ppt_h"/>
                                          </p:val>
                                        </p:tav>
                                      </p:tavLst>
                                    </p:anim>
                                  </p:childTnLst>
                                </p:cTn>
                              </p:par>
                              <p:par>
                                <p:cTn fill="hold" id="14" nodeType="withEffect" presetClass="entr" presetID="45" presetSubtype="0">
                                  <p:stCondLst>
                                    <p:cond delay="700"/>
                                  </p:stCondLst>
                                  <p:childTnLst>
                                    <p:set>
                                      <p:cBhvr>
                                        <p:cTn dur="1" fill="hold" id="15">
                                          <p:stCondLst>
                                            <p:cond delay="0"/>
                                          </p:stCondLst>
                                        </p:cTn>
                                        <p:tgtEl>
                                          <p:spTgt spid="9"/>
                                        </p:tgtEl>
                                        <p:attrNameLst>
                                          <p:attrName>style.visibility</p:attrName>
                                        </p:attrNameLst>
                                      </p:cBhvr>
                                      <p:to>
                                        <p:strVal val="visible"/>
                                      </p:to>
                                    </p:set>
                                    <p:animEffect filter="fade" transition="in">
                                      <p:cBhvr>
                                        <p:cTn dur="2000" id="16"/>
                                        <p:tgtEl>
                                          <p:spTgt spid="9"/>
                                        </p:tgtEl>
                                      </p:cBhvr>
                                    </p:animEffect>
                                    <p:anim calcmode="lin" valueType="num">
                                      <p:cBhvr>
                                        <p:cTn dur="2000" fill="hold" id="17"/>
                                        <p:tgtEl>
                                          <p:spTgt spid="9"/>
                                        </p:tgtEl>
                                        <p:attrNameLst>
                                          <p:attrName>ppt_w</p:attrName>
                                        </p:attrNameLst>
                                      </p:cBhvr>
                                      <p:tavLst>
                                        <p:tav fmla="#ppt_w*sin(2.5*pi*$)" tm="0">
                                          <p:val>
                                            <p:fltVal val="0"/>
                                          </p:val>
                                        </p:tav>
                                        <p:tav tm="100000">
                                          <p:val>
                                            <p:fltVal val="1"/>
                                          </p:val>
                                        </p:tav>
                                      </p:tavLst>
                                    </p:anim>
                                    <p:anim calcmode="lin" valueType="num">
                                      <p:cBhvr>
                                        <p:cTn dur="2000" fill="hold" id="18"/>
                                        <p:tgtEl>
                                          <p:spTgt spid="9"/>
                                        </p:tgtEl>
                                        <p:attrNameLst>
                                          <p:attrName>ppt_h</p:attrName>
                                        </p:attrNameLst>
                                      </p:cBhvr>
                                      <p:tavLst>
                                        <p:tav tm="0">
                                          <p:val>
                                            <p:strVal val="#ppt_h"/>
                                          </p:val>
                                        </p:tav>
                                        <p:tav tm="100000">
                                          <p:val>
                                            <p:strVal val="#ppt_h"/>
                                          </p:val>
                                        </p:tav>
                                      </p:tavLst>
                                    </p:anim>
                                  </p:childTnLst>
                                </p:cTn>
                              </p:par>
                              <p:par>
                                <p:cTn fill="hold" id="19" nodeType="withEffect" presetClass="entr" presetID="45" presetSubtype="0">
                                  <p:stCondLst>
                                    <p:cond delay="900"/>
                                  </p:stCondLst>
                                  <p:childTnLst>
                                    <p:set>
                                      <p:cBhvr>
                                        <p:cTn dur="1" fill="hold" id="20">
                                          <p:stCondLst>
                                            <p:cond delay="0"/>
                                          </p:stCondLst>
                                        </p:cTn>
                                        <p:tgtEl>
                                          <p:spTgt spid="3"/>
                                        </p:tgtEl>
                                        <p:attrNameLst>
                                          <p:attrName>style.visibility</p:attrName>
                                        </p:attrNameLst>
                                      </p:cBhvr>
                                      <p:to>
                                        <p:strVal val="visible"/>
                                      </p:to>
                                    </p:set>
                                    <p:animEffect filter="fade" transition="in">
                                      <p:cBhvr>
                                        <p:cTn dur="2000" id="21"/>
                                        <p:tgtEl>
                                          <p:spTgt spid="3"/>
                                        </p:tgtEl>
                                      </p:cBhvr>
                                    </p:animEffect>
                                    <p:anim calcmode="lin" valueType="num">
                                      <p:cBhvr>
                                        <p:cTn dur="2000" fill="hold" id="22"/>
                                        <p:tgtEl>
                                          <p:spTgt spid="3"/>
                                        </p:tgtEl>
                                        <p:attrNameLst>
                                          <p:attrName>ppt_w</p:attrName>
                                        </p:attrNameLst>
                                      </p:cBhvr>
                                      <p:tavLst>
                                        <p:tav fmla="#ppt_w*sin(2.5*pi*$)" tm="0">
                                          <p:val>
                                            <p:fltVal val="0"/>
                                          </p:val>
                                        </p:tav>
                                        <p:tav tm="100000">
                                          <p:val>
                                            <p:fltVal val="1"/>
                                          </p:val>
                                        </p:tav>
                                      </p:tavLst>
                                    </p:anim>
                                    <p:anim calcmode="lin" valueType="num">
                                      <p:cBhvr>
                                        <p:cTn dur="2000" fill="hold" id="23"/>
                                        <p:tgtEl>
                                          <p:spTgt spid="3"/>
                                        </p:tgtEl>
                                        <p:attrNameLst>
                                          <p:attrName>ppt_h</p:attrName>
                                        </p:attrNameLst>
                                      </p:cBhvr>
                                      <p:tavLst>
                                        <p:tav tm="0">
                                          <p:val>
                                            <p:strVal val="#ppt_h"/>
                                          </p:val>
                                        </p:tav>
                                        <p:tav tm="100000">
                                          <p:val>
                                            <p:strVal val="#ppt_h"/>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
    </p:bldLst>
  </p:timing>
</p:sld>
</file>

<file path=ppt/slides/slide15.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3" name="组合 2"/>
          <p:cNvGrpSpPr/>
          <p:nvPr/>
        </p:nvGrpSpPr>
        <p:grpSpPr>
          <a:xfrm>
            <a:off x="7175794" y="2188023"/>
            <a:ext cx="1249908" cy="1249908"/>
            <a:chOff x="2279030" y="1747292"/>
            <a:chExt cx="1249908" cy="1249908"/>
          </a:xfrm>
        </p:grpSpPr>
        <p:sp>
          <p:nvSpPr>
            <p:cNvPr id="30" name="椭圆 29"/>
            <p:cNvSpPr/>
            <p:nvPr/>
          </p:nvSpPr>
          <p:spPr>
            <a:xfrm>
              <a:off x="2279030" y="1747292"/>
              <a:ext cx="1249908" cy="1249908"/>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31" name="矩形 30"/>
            <p:cNvSpPr/>
            <p:nvPr/>
          </p:nvSpPr>
          <p:spPr>
            <a:xfrm>
              <a:off x="2279030" y="2141414"/>
              <a:ext cx="1249907" cy="640080"/>
            </a:xfrm>
            <a:prstGeom prst="rect">
              <a:avLst/>
            </a:prstGeom>
          </p:spPr>
          <p:txBody>
            <a:bodyPr wrap="square">
              <a:spAutoFit/>
            </a:bodyPr>
            <a:lstStyle/>
            <a:p>
              <a:pPr algn="ctr"/>
              <a:r>
                <a:rPr altLang="en-US" kern="0" lang="zh-CN">
                  <a:solidFill>
                    <a:schemeClr val="bg1"/>
                  </a:solidFill>
                  <a:latin charset="-122" panose="020b0503020204020204" pitchFamily="34" typeface="微软雅黑"/>
                  <a:ea charset="-122" panose="020b0503020204020204" pitchFamily="34" typeface="微软雅黑"/>
                </a:rPr>
                <a:t>单击添加文字</a:t>
              </a:r>
            </a:p>
          </p:txBody>
        </p:sp>
      </p:grpSp>
      <p:grpSp>
        <p:nvGrpSpPr>
          <p:cNvPr id="4" name="组合 3"/>
          <p:cNvGrpSpPr/>
          <p:nvPr/>
        </p:nvGrpSpPr>
        <p:grpSpPr>
          <a:xfrm>
            <a:off x="5797643" y="1489348"/>
            <a:ext cx="897632" cy="897632"/>
            <a:chOff x="3979168" y="1034430"/>
            <a:chExt cx="897632" cy="897632"/>
          </a:xfrm>
        </p:grpSpPr>
        <p:sp>
          <p:nvSpPr>
            <p:cNvPr id="28" name="椭圆 27"/>
            <p:cNvSpPr/>
            <p:nvPr/>
          </p:nvSpPr>
          <p:spPr>
            <a:xfrm>
              <a:off x="3979168" y="1034430"/>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pic>
          <p:nvPicPr>
            <p:cNvPr descr="F:\工作夹\PPT设计\PPT模板\PPT模板2013\s1025\8.png" id="29" name="Picture 3"/>
            <p:cNvPicPr>
              <a:picLocks noChangeArrowheads="1" noChangeAspect="1"/>
            </p:cNvPicPr>
            <p:nvPr/>
          </p:nvPicPr>
          <p:blipFill>
            <a:blip r:embed="rId3">
              <a:biLevel thresh="25000"/>
              <a:extLst>
                <a:ext uri="{28A0092B-C50C-407E-A947-70E740481C1C}">
                  <a14:useLocalDpi val="0"/>
                </a:ext>
              </a:extLst>
            </a:blip>
            <a:stretch>
              <a:fillRect/>
            </a:stretch>
          </p:blipFill>
          <p:spPr bwMode="auto">
            <a:xfrm>
              <a:off x="4216274" y="1244642"/>
              <a:ext cx="423420" cy="477208"/>
            </a:xfrm>
            <a:prstGeom prst="rect">
              <a:avLst/>
            </a:prstGeom>
            <a:noFill/>
            <a:extLst>
              <a:ext uri="{909E8E84-426E-40DD-AFC4-6F175D3DCCD1}">
                <a14:hiddenFill>
                  <a:solidFill>
                    <a:srgbClr val="FFFFFF"/>
                  </a:solidFill>
                </a14:hiddenFill>
              </a:ext>
            </a:extLst>
          </p:spPr>
        </p:pic>
      </p:grpSp>
      <p:grpSp>
        <p:nvGrpSpPr>
          <p:cNvPr id="5" name="组合 4"/>
          <p:cNvGrpSpPr/>
          <p:nvPr/>
        </p:nvGrpSpPr>
        <p:grpSpPr>
          <a:xfrm>
            <a:off x="4051594" y="2188023"/>
            <a:ext cx="1249908" cy="1249908"/>
            <a:chOff x="2279030" y="1747292"/>
            <a:chExt cx="1249908" cy="1249908"/>
          </a:xfrm>
        </p:grpSpPr>
        <p:sp>
          <p:nvSpPr>
            <p:cNvPr id="26" name="椭圆 25"/>
            <p:cNvSpPr/>
            <p:nvPr/>
          </p:nvSpPr>
          <p:spPr>
            <a:xfrm>
              <a:off x="2279030" y="1747292"/>
              <a:ext cx="1249908" cy="1249908"/>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7" name="矩形 26"/>
            <p:cNvSpPr/>
            <p:nvPr/>
          </p:nvSpPr>
          <p:spPr>
            <a:xfrm>
              <a:off x="2279030" y="2141414"/>
              <a:ext cx="1249907" cy="640080"/>
            </a:xfrm>
            <a:prstGeom prst="rect">
              <a:avLst/>
            </a:prstGeom>
          </p:spPr>
          <p:txBody>
            <a:bodyPr wrap="square">
              <a:spAutoFit/>
            </a:bodyPr>
            <a:lstStyle/>
            <a:p>
              <a:pPr algn="ctr"/>
              <a:r>
                <a:rPr altLang="en-US" kern="0" lang="zh-CN">
                  <a:solidFill>
                    <a:schemeClr val="bg1"/>
                  </a:solidFill>
                  <a:latin charset="-122" panose="020b0503020204020204" pitchFamily="34" typeface="微软雅黑"/>
                  <a:ea charset="-122" panose="020b0503020204020204" pitchFamily="34" typeface="微软雅黑"/>
                </a:rPr>
                <a:t>单击添加文字</a:t>
              </a:r>
            </a:p>
          </p:txBody>
        </p:sp>
      </p:grpSp>
      <p:grpSp>
        <p:nvGrpSpPr>
          <p:cNvPr id="42" name="组合 41"/>
          <p:cNvGrpSpPr/>
          <p:nvPr/>
        </p:nvGrpSpPr>
        <p:grpSpPr>
          <a:xfrm>
            <a:off x="3542805" y="3809873"/>
            <a:ext cx="897633" cy="897632"/>
            <a:chOff x="3034802" y="3809873"/>
            <a:chExt cx="897633" cy="897632"/>
          </a:xfrm>
        </p:grpSpPr>
        <p:sp>
          <p:nvSpPr>
            <p:cNvPr id="24" name="椭圆 23"/>
            <p:cNvSpPr/>
            <p:nvPr/>
          </p:nvSpPr>
          <p:spPr>
            <a:xfrm>
              <a:off x="3034802" y="3809873"/>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5" name="矩形 24"/>
            <p:cNvSpPr/>
            <p:nvPr/>
          </p:nvSpPr>
          <p:spPr>
            <a:xfrm>
              <a:off x="3034803" y="3977056"/>
              <a:ext cx="897632" cy="579120"/>
            </a:xfrm>
            <a:prstGeom prst="rect">
              <a:avLst/>
            </a:prstGeom>
          </p:spPr>
          <p:txBody>
            <a:bodyPr wrap="square">
              <a:spAutoFit/>
            </a:bodyPr>
            <a:lstStyle/>
            <a:p>
              <a:pPr algn="ctr"/>
              <a:r>
                <a:rPr altLang="en-US" kern="0" lang="zh-CN" sz="1600">
                  <a:solidFill>
                    <a:schemeClr val="bg1"/>
                  </a:solidFill>
                  <a:latin charset="-122" panose="020b0503020204020204" pitchFamily="34" typeface="微软雅黑"/>
                  <a:ea charset="-122" panose="020b0503020204020204" pitchFamily="34" typeface="微软雅黑"/>
                </a:rPr>
                <a:t>单击添加文字</a:t>
              </a:r>
            </a:p>
          </p:txBody>
        </p:sp>
      </p:grpSp>
      <p:grpSp>
        <p:nvGrpSpPr>
          <p:cNvPr id="43" name="组合 42"/>
          <p:cNvGrpSpPr/>
          <p:nvPr/>
        </p:nvGrpSpPr>
        <p:grpSpPr>
          <a:xfrm>
            <a:off x="5100672" y="3809873"/>
            <a:ext cx="897633" cy="897632"/>
            <a:chOff x="4592669" y="3809873"/>
            <a:chExt cx="897633" cy="897632"/>
          </a:xfrm>
        </p:grpSpPr>
        <p:sp>
          <p:nvSpPr>
            <p:cNvPr id="22" name="椭圆 21"/>
            <p:cNvSpPr/>
            <p:nvPr/>
          </p:nvSpPr>
          <p:spPr>
            <a:xfrm>
              <a:off x="4592669" y="3809873"/>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3" name="矩形 22"/>
            <p:cNvSpPr/>
            <p:nvPr/>
          </p:nvSpPr>
          <p:spPr>
            <a:xfrm>
              <a:off x="4592670" y="3977056"/>
              <a:ext cx="897632" cy="579120"/>
            </a:xfrm>
            <a:prstGeom prst="rect">
              <a:avLst/>
            </a:prstGeom>
          </p:spPr>
          <p:txBody>
            <a:bodyPr wrap="square">
              <a:spAutoFit/>
            </a:bodyPr>
            <a:lstStyle/>
            <a:p>
              <a:pPr algn="ctr"/>
              <a:r>
                <a:rPr altLang="en-US" kern="0" lang="zh-CN" sz="1600">
                  <a:solidFill>
                    <a:schemeClr val="bg1"/>
                  </a:solidFill>
                  <a:latin charset="-122" panose="020b0503020204020204" pitchFamily="34" typeface="微软雅黑"/>
                  <a:ea charset="-122" panose="020b0503020204020204" pitchFamily="34" typeface="微软雅黑"/>
                </a:rPr>
                <a:t>单击添加文字</a:t>
              </a:r>
            </a:p>
          </p:txBody>
        </p:sp>
      </p:grpSp>
      <p:grpSp>
        <p:nvGrpSpPr>
          <p:cNvPr id="44" name="组合 43"/>
          <p:cNvGrpSpPr/>
          <p:nvPr/>
        </p:nvGrpSpPr>
        <p:grpSpPr>
          <a:xfrm>
            <a:off x="6658539" y="3809873"/>
            <a:ext cx="897633" cy="897632"/>
            <a:chOff x="6150536" y="3809873"/>
            <a:chExt cx="897633" cy="897632"/>
          </a:xfrm>
        </p:grpSpPr>
        <p:sp>
          <p:nvSpPr>
            <p:cNvPr id="20" name="椭圆 19"/>
            <p:cNvSpPr/>
            <p:nvPr/>
          </p:nvSpPr>
          <p:spPr>
            <a:xfrm>
              <a:off x="6150536" y="3809873"/>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1" name="矩形 20"/>
            <p:cNvSpPr/>
            <p:nvPr/>
          </p:nvSpPr>
          <p:spPr>
            <a:xfrm>
              <a:off x="6150538" y="3977056"/>
              <a:ext cx="897632" cy="579120"/>
            </a:xfrm>
            <a:prstGeom prst="rect">
              <a:avLst/>
            </a:prstGeom>
          </p:spPr>
          <p:txBody>
            <a:bodyPr wrap="square">
              <a:spAutoFit/>
            </a:bodyPr>
            <a:lstStyle/>
            <a:p>
              <a:pPr algn="ctr"/>
              <a:r>
                <a:rPr altLang="en-US" kern="0" lang="zh-CN" sz="1600">
                  <a:solidFill>
                    <a:schemeClr val="bg1"/>
                  </a:solidFill>
                  <a:latin charset="-122" panose="020b0503020204020204" pitchFamily="34" typeface="微软雅黑"/>
                  <a:ea charset="-122" panose="020b0503020204020204" pitchFamily="34" typeface="微软雅黑"/>
                </a:rPr>
                <a:t>单击添加文字</a:t>
              </a:r>
            </a:p>
          </p:txBody>
        </p:sp>
      </p:grpSp>
      <p:grpSp>
        <p:nvGrpSpPr>
          <p:cNvPr id="45" name="组合 44"/>
          <p:cNvGrpSpPr/>
          <p:nvPr/>
        </p:nvGrpSpPr>
        <p:grpSpPr>
          <a:xfrm>
            <a:off x="8216405" y="3809873"/>
            <a:ext cx="897633" cy="897632"/>
            <a:chOff x="7708402" y="3809873"/>
            <a:chExt cx="897633" cy="897632"/>
          </a:xfrm>
        </p:grpSpPr>
        <p:sp>
          <p:nvSpPr>
            <p:cNvPr id="18" name="椭圆 17"/>
            <p:cNvSpPr/>
            <p:nvPr/>
          </p:nvSpPr>
          <p:spPr>
            <a:xfrm>
              <a:off x="7708402" y="3809873"/>
              <a:ext cx="897632" cy="897632"/>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9" name="矩形 18"/>
            <p:cNvSpPr/>
            <p:nvPr/>
          </p:nvSpPr>
          <p:spPr>
            <a:xfrm>
              <a:off x="7708402" y="3977056"/>
              <a:ext cx="897632" cy="579120"/>
            </a:xfrm>
            <a:prstGeom prst="rect">
              <a:avLst/>
            </a:prstGeom>
          </p:spPr>
          <p:txBody>
            <a:bodyPr wrap="square">
              <a:spAutoFit/>
            </a:bodyPr>
            <a:lstStyle/>
            <a:p>
              <a:pPr algn="ctr"/>
              <a:r>
                <a:rPr altLang="en-US" kern="0" lang="zh-CN" sz="1600">
                  <a:solidFill>
                    <a:schemeClr val="bg1"/>
                  </a:solidFill>
                  <a:latin charset="-122" panose="020b0503020204020204" pitchFamily="34" typeface="微软雅黑"/>
                  <a:ea charset="-122" panose="020b0503020204020204" pitchFamily="34" typeface="微软雅黑"/>
                </a:rPr>
                <a:t>单击添加文字</a:t>
              </a:r>
            </a:p>
          </p:txBody>
        </p:sp>
      </p:grpSp>
      <p:sp>
        <p:nvSpPr>
          <p:cNvPr id="10" name="任意多边形 9"/>
          <p:cNvSpPr/>
          <p:nvPr/>
        </p:nvSpPr>
        <p:spPr>
          <a:xfrm>
            <a:off x="6686768" y="1959968"/>
            <a:ext cx="1104900" cy="477812"/>
          </a:xfrm>
          <a:custGeom>
            <a:gdLst>
              <a:gd fmla="*/ 0 w 1104900" name="connsiteX0"/>
              <a:gd fmla="*/ 0 h 698500" name="connsiteY0"/>
              <a:gd fmla="*/ 1104900 w 1104900" name="connsiteX1"/>
              <a:gd fmla="*/ 0 h 698500" name="connsiteY1"/>
              <a:gd fmla="*/ 1104900 w 1104900" name="connsiteX2"/>
              <a:gd fmla="*/ 698500 h 698500" name="connsiteY2"/>
            </a:gdLst>
            <a:cxnLst>
              <a:cxn ang="0">
                <a:pos x="connsiteX0" y="connsiteY0"/>
              </a:cxn>
              <a:cxn ang="0">
                <a:pos x="connsiteX1" y="connsiteY1"/>
              </a:cxn>
              <a:cxn ang="0">
                <a:pos x="connsiteX2" y="connsiteY2"/>
              </a:cxn>
            </a:cxnLst>
            <a:rect b="b" l="l" r="r" t="t"/>
            <a:pathLst>
              <a:path h="698500" w="11049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1" name="任意多边形 10"/>
          <p:cNvSpPr/>
          <p:nvPr/>
        </p:nvSpPr>
        <p:spPr>
          <a:xfrm flipH="1">
            <a:off x="4686518" y="1959968"/>
            <a:ext cx="1104900" cy="477812"/>
          </a:xfrm>
          <a:custGeom>
            <a:gdLst>
              <a:gd fmla="*/ 0 w 1104900" name="connsiteX0"/>
              <a:gd fmla="*/ 0 h 698500" name="connsiteY0"/>
              <a:gd fmla="*/ 1104900 w 1104900" name="connsiteX1"/>
              <a:gd fmla="*/ 0 h 698500" name="connsiteY1"/>
              <a:gd fmla="*/ 1104900 w 1104900" name="connsiteX2"/>
              <a:gd fmla="*/ 698500 h 698500" name="connsiteY2"/>
            </a:gdLst>
            <a:cxnLst>
              <a:cxn ang="0">
                <a:pos x="connsiteX0" y="connsiteY0"/>
              </a:cxn>
              <a:cxn ang="0">
                <a:pos x="connsiteX1" y="connsiteY1"/>
              </a:cxn>
              <a:cxn ang="0">
                <a:pos x="connsiteX2" y="connsiteY2"/>
              </a:cxn>
            </a:cxnLst>
            <a:rect b="b" l="l" r="r" t="t"/>
            <a:pathLst>
              <a:path h="698500" w="1104900">
                <a:moveTo>
                  <a:pt x="0" y="0"/>
                </a:moveTo>
                <a:lnTo>
                  <a:pt x="1104900" y="0"/>
                </a:lnTo>
                <a:lnTo>
                  <a:pt x="1104900" y="698500"/>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nvGrpSpPr>
          <p:cNvPr id="12" name="组合 11"/>
          <p:cNvGrpSpPr/>
          <p:nvPr/>
        </p:nvGrpSpPr>
        <p:grpSpPr>
          <a:xfrm>
            <a:off x="3952096" y="3337996"/>
            <a:ext cx="1590805" cy="485809"/>
            <a:chOff x="2129425" y="2821062"/>
            <a:chExt cx="1590805" cy="485809"/>
          </a:xfrm>
        </p:grpSpPr>
        <p:sp>
          <p:nvSpPr>
            <p:cNvPr id="16" name="任意多边形 15"/>
            <p:cNvSpPr/>
            <p:nvPr/>
          </p:nvSpPr>
          <p:spPr>
            <a:xfrm>
              <a:off x="2129425" y="3006247"/>
              <a:ext cx="1590805" cy="300624"/>
            </a:xfrm>
            <a:custGeom>
              <a:gdLst>
                <a:gd fmla="*/ 0 w 1590805" name="connsiteX0"/>
                <a:gd fmla="*/ 275572 h 300624" name="connsiteY0"/>
                <a:gd fmla="*/ 0 w 1590805" name="connsiteX1"/>
                <a:gd fmla="*/ 0 h 300624" name="connsiteY1"/>
                <a:gd fmla="*/ 1590805 w 1590805" name="connsiteX2"/>
                <a:gd fmla="*/ 0 h 300624" name="connsiteY2"/>
                <a:gd fmla="*/ 1590805 w 1590805" name="connsiteX3"/>
                <a:gd fmla="*/ 300624 h 300624" name="connsiteY3"/>
              </a:gdLst>
              <a:cxnLst>
                <a:cxn ang="0">
                  <a:pos x="connsiteX0" y="connsiteY0"/>
                </a:cxn>
                <a:cxn ang="0">
                  <a:pos x="connsiteX1" y="connsiteY1"/>
                </a:cxn>
                <a:cxn ang="0">
                  <a:pos x="connsiteX2" y="connsiteY2"/>
                </a:cxn>
                <a:cxn ang="0">
                  <a:pos x="connsiteX3" y="connsiteY3"/>
                </a:cxn>
              </a:cxnLst>
              <a:rect b="b" l="l" r="r" t="t"/>
              <a:pathLst>
                <a:path h="300624" w="1590805">
                  <a:moveTo>
                    <a:pt x="0" y="275572"/>
                  </a:moveTo>
                  <a:lnTo>
                    <a:pt x="0" y="0"/>
                  </a:lnTo>
                  <a:lnTo>
                    <a:pt x="1590805" y="0"/>
                  </a:lnTo>
                  <a:lnTo>
                    <a:pt x="1590805" y="300624"/>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cxnSp>
          <p:nvCxnSpPr>
            <p:cNvPr id="17" name="直接连接符 16"/>
            <p:cNvCxnSpPr/>
            <p:nvPr/>
          </p:nvCxnSpPr>
          <p:spPr>
            <a:xfrm flipH="1" flipV="1">
              <a:off x="2863850" y="2821062"/>
              <a:ext cx="0" cy="185185"/>
            </a:xfrm>
            <a:prstGeom prst="line">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cxnSp>
      </p:grpSp>
      <p:grpSp>
        <p:nvGrpSpPr>
          <p:cNvPr id="13" name="组合 12"/>
          <p:cNvGrpSpPr/>
          <p:nvPr/>
        </p:nvGrpSpPr>
        <p:grpSpPr>
          <a:xfrm>
            <a:off x="7071077" y="3337996"/>
            <a:ext cx="1590805" cy="485809"/>
            <a:chOff x="5248406" y="2821062"/>
            <a:chExt cx="1590805" cy="485809"/>
          </a:xfrm>
        </p:grpSpPr>
        <p:sp>
          <p:nvSpPr>
            <p:cNvPr id="14" name="任意多边形 13"/>
            <p:cNvSpPr/>
            <p:nvPr/>
          </p:nvSpPr>
          <p:spPr>
            <a:xfrm>
              <a:off x="5248406" y="3006247"/>
              <a:ext cx="1590805" cy="300624"/>
            </a:xfrm>
            <a:custGeom>
              <a:gdLst>
                <a:gd fmla="*/ 0 w 1590805" name="connsiteX0"/>
                <a:gd fmla="*/ 275572 h 300624" name="connsiteY0"/>
                <a:gd fmla="*/ 0 w 1590805" name="connsiteX1"/>
                <a:gd fmla="*/ 0 h 300624" name="connsiteY1"/>
                <a:gd fmla="*/ 1590805 w 1590805" name="connsiteX2"/>
                <a:gd fmla="*/ 0 h 300624" name="connsiteY2"/>
                <a:gd fmla="*/ 1590805 w 1590805" name="connsiteX3"/>
                <a:gd fmla="*/ 300624 h 300624" name="connsiteY3"/>
              </a:gdLst>
              <a:cxnLst>
                <a:cxn ang="0">
                  <a:pos x="connsiteX0" y="connsiteY0"/>
                </a:cxn>
                <a:cxn ang="0">
                  <a:pos x="connsiteX1" y="connsiteY1"/>
                </a:cxn>
                <a:cxn ang="0">
                  <a:pos x="connsiteX2" y="connsiteY2"/>
                </a:cxn>
                <a:cxn ang="0">
                  <a:pos x="connsiteX3" y="connsiteY3"/>
                </a:cxn>
              </a:cxnLst>
              <a:rect b="b" l="l" r="r" t="t"/>
              <a:pathLst>
                <a:path h="300624" w="1590805">
                  <a:moveTo>
                    <a:pt x="0" y="275572"/>
                  </a:moveTo>
                  <a:lnTo>
                    <a:pt x="0" y="0"/>
                  </a:lnTo>
                  <a:lnTo>
                    <a:pt x="1590805" y="0"/>
                  </a:lnTo>
                  <a:lnTo>
                    <a:pt x="1590805" y="300624"/>
                  </a:lnTo>
                </a:path>
              </a:pathLst>
            </a:cu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cxnSp>
          <p:nvCxnSpPr>
            <p:cNvPr id="15" name="直接连接符 14"/>
            <p:cNvCxnSpPr/>
            <p:nvPr/>
          </p:nvCxnSpPr>
          <p:spPr>
            <a:xfrm flipH="1" flipV="1">
              <a:off x="6018530" y="2821062"/>
              <a:ext cx="0" cy="185185"/>
            </a:xfrm>
            <a:prstGeom prst="line">
              <a:avLst/>
            </a:prstGeom>
            <a:no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cxnSp>
      </p:grpSp>
      <p:grpSp>
        <p:nvGrpSpPr>
          <p:cNvPr id="32" name="组合 31"/>
          <p:cNvGrpSpPr/>
          <p:nvPr/>
        </p:nvGrpSpPr>
        <p:grpSpPr>
          <a:xfrm>
            <a:off x="1191568" y="2718536"/>
            <a:ext cx="2071530" cy="388658"/>
            <a:chOff x="263908" y="2319952"/>
            <a:chExt cx="2071530" cy="388658"/>
          </a:xfrm>
        </p:grpSpPr>
        <p:grpSp>
          <p:nvGrpSpPr>
            <p:cNvPr id="33" name="组合 32"/>
            <p:cNvGrpSpPr/>
            <p:nvPr/>
          </p:nvGrpSpPr>
          <p:grpSpPr>
            <a:xfrm>
              <a:off x="263908" y="2319952"/>
              <a:ext cx="1354088" cy="379706"/>
              <a:chOff x="263908" y="2319952"/>
              <a:chExt cx="1354088" cy="379706"/>
            </a:xfrm>
          </p:grpSpPr>
          <p:sp>
            <p:nvSpPr>
              <p:cNvPr id="35" name="矩形 34"/>
              <p:cNvSpPr/>
              <p:nvPr/>
            </p:nvSpPr>
            <p:spPr>
              <a:xfrm flipV="1">
                <a:off x="714874" y="2481943"/>
                <a:ext cx="903122" cy="205376"/>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pic>
            <p:nvPicPr>
              <p:cNvPr descr="F:\工作夹\PPT设计\PPT模板\PPT模板2013\s1025\8.png" id="36" name="Picture 3"/>
              <p:cNvPicPr>
                <a:picLocks noChangeArrowheads="1" noChangeAspect="1"/>
              </p:cNvPicPr>
              <p:nvPr/>
            </p:nvPicPr>
            <p:blipFill>
              <a:blip r:embed="rId3">
                <a:extLst>
                  <a:ext uri="{28A0092B-C50C-407E-A947-70E740481C1C}">
                    <a14:useLocalDpi val="0"/>
                  </a:ext>
                </a:extLst>
              </a:blip>
              <a:stretch>
                <a:fillRect/>
              </a:stretch>
            </p:blipFill>
            <p:spPr bwMode="auto">
              <a:xfrm>
                <a:off x="263908" y="2319952"/>
                <a:ext cx="336908" cy="379706"/>
              </a:xfrm>
              <a:prstGeom prst="rect">
                <a:avLst/>
              </a:prstGeom>
              <a:noFill/>
              <a:extLst>
                <a:ext uri="{909E8E84-426E-40DD-AFC4-6F175D3DCCD1}">
                  <a14:hiddenFill>
                    <a:solidFill>
                      <a:srgbClr val="FFFFFF"/>
                    </a:solidFill>
                  </a14:hiddenFill>
                </a:ext>
              </a:extLst>
            </p:spPr>
          </p:pic>
        </p:grpSp>
        <p:sp>
          <p:nvSpPr>
            <p:cNvPr id="34" name="TextBox 33"/>
            <p:cNvSpPr txBox="1"/>
            <p:nvPr/>
          </p:nvSpPr>
          <p:spPr>
            <a:xfrm>
              <a:off x="1709781" y="2370056"/>
              <a:ext cx="622618" cy="335280"/>
            </a:xfrm>
            <a:prstGeom prst="rect">
              <a:avLst/>
            </a:prstGeom>
            <a:noFill/>
          </p:spPr>
          <p:txBody>
            <a:bodyPr rtlCol="0" wrap="none">
              <a:spAutoFit/>
            </a:bodyPr>
            <a:lstStyle/>
            <a:p>
              <a:pPr algn="just"/>
              <a:r>
                <a:rPr altLang="zh-CN" b="1" kern="0" lang="en-US" sz="1600">
                  <a:latin charset="-122" panose="020b0503020204020204" pitchFamily="34" typeface="微软雅黑"/>
                  <a:ea charset="-122" panose="020b0503020204020204" pitchFamily="34" typeface="微软雅黑"/>
                </a:rPr>
                <a:t>80%</a:t>
              </a:r>
            </a:p>
          </p:txBody>
        </p:sp>
      </p:grpSp>
      <p:grpSp>
        <p:nvGrpSpPr>
          <p:cNvPr id="37" name="组合 36"/>
          <p:cNvGrpSpPr/>
          <p:nvPr/>
        </p:nvGrpSpPr>
        <p:grpSpPr>
          <a:xfrm>
            <a:off x="1209722" y="3291159"/>
            <a:ext cx="2053376" cy="392237"/>
            <a:chOff x="282062" y="3042883"/>
            <a:chExt cx="2053376" cy="392237"/>
          </a:xfrm>
        </p:grpSpPr>
        <p:grpSp>
          <p:nvGrpSpPr>
            <p:cNvPr id="38" name="组合 37"/>
            <p:cNvGrpSpPr/>
            <p:nvPr/>
          </p:nvGrpSpPr>
          <p:grpSpPr>
            <a:xfrm>
              <a:off x="282062" y="3042883"/>
              <a:ext cx="1335934" cy="379706"/>
              <a:chOff x="282062" y="2319952"/>
              <a:chExt cx="1335934" cy="379706"/>
            </a:xfrm>
          </p:grpSpPr>
          <p:sp>
            <p:nvSpPr>
              <p:cNvPr id="40" name="矩形 39"/>
              <p:cNvSpPr/>
              <p:nvPr/>
            </p:nvSpPr>
            <p:spPr>
              <a:xfrm flipV="1">
                <a:off x="714874" y="2481943"/>
                <a:ext cx="903122" cy="205376"/>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pic>
            <p:nvPicPr>
              <p:cNvPr id="41" name="Picture 3"/>
              <p:cNvPicPr>
                <a:picLocks noChangeArrowheads="1" noChangeAspect="1"/>
              </p:cNvPicPr>
              <p:nvPr/>
            </p:nvPicPr>
            <p:blipFill>
              <a:blip r:embed="rId4">
                <a:extLst>
                  <a:ext uri="{28A0092B-C50C-407E-A947-70E740481C1C}">
                    <a14:useLocalDpi val="0"/>
                  </a:ext>
                </a:extLst>
              </a:blip>
              <a:stretch>
                <a:fillRect/>
              </a:stretch>
            </p:blipFill>
            <p:spPr bwMode="auto">
              <a:xfrm>
                <a:off x="282062" y="2319952"/>
                <a:ext cx="300600" cy="379706"/>
              </a:xfrm>
              <a:prstGeom prst="rect">
                <a:avLst/>
              </a:prstGeom>
              <a:solidFill>
                <a:srgbClr val="FFFFFF"/>
              </a:solidFill>
              <a:extLst/>
            </p:spPr>
          </p:pic>
        </p:grpSp>
        <p:sp>
          <p:nvSpPr>
            <p:cNvPr id="39" name="TextBox 38"/>
            <p:cNvSpPr txBox="1"/>
            <p:nvPr/>
          </p:nvSpPr>
          <p:spPr>
            <a:xfrm>
              <a:off x="1709781" y="3096566"/>
              <a:ext cx="622618" cy="335280"/>
            </a:xfrm>
            <a:prstGeom prst="rect">
              <a:avLst/>
            </a:prstGeom>
            <a:noFill/>
          </p:spPr>
          <p:txBody>
            <a:bodyPr rtlCol="0" wrap="none">
              <a:spAutoFit/>
            </a:bodyPr>
            <a:lstStyle/>
            <a:p>
              <a:pPr algn="just"/>
              <a:r>
                <a:rPr altLang="zh-CN" b="1" kern="0" lang="en-US" sz="1600">
                  <a:latin charset="-122" panose="020b0503020204020204" pitchFamily="34" typeface="微软雅黑"/>
                  <a:ea charset="-122" panose="020b0503020204020204" pitchFamily="34" typeface="微软雅黑"/>
                </a:rPr>
                <a:t>30%</a:t>
              </a:r>
            </a:p>
          </p:txBody>
        </p:sp>
      </p:grpSp>
    </p:spTree>
    <p:extLst>
      <p:ext uri="{BB962C8B-B14F-4D97-AF65-F5344CB8AC3E}">
        <p14:creationId val="2680253228"/>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 presetSubtype="8">
                                  <p:stCondLst>
                                    <p:cond delay="0"/>
                                  </p:stCondLst>
                                  <p:childTnLst>
                                    <p:set>
                                      <p:cBhvr>
                                        <p:cTn dur="1" fill="hold" id="6">
                                          <p:stCondLst>
                                            <p:cond delay="0"/>
                                          </p:stCondLst>
                                        </p:cTn>
                                        <p:tgtEl>
                                          <p:spTgt spid="32"/>
                                        </p:tgtEl>
                                        <p:attrNameLst>
                                          <p:attrName>style.visibility</p:attrName>
                                        </p:attrNameLst>
                                      </p:cBhvr>
                                      <p:to>
                                        <p:strVal val="visible"/>
                                      </p:to>
                                    </p:set>
                                    <p:anim calcmode="lin" valueType="num">
                                      <p:cBhvr additive="base">
                                        <p:cTn dur="500" fill="hold" id="7"/>
                                        <p:tgtEl>
                                          <p:spTgt spid="32"/>
                                        </p:tgtEl>
                                        <p:attrNameLst>
                                          <p:attrName>ppt_x</p:attrName>
                                        </p:attrNameLst>
                                      </p:cBhvr>
                                      <p:tavLst>
                                        <p:tav tm="0">
                                          <p:val>
                                            <p:strVal val="0-#ppt_w/2"/>
                                          </p:val>
                                        </p:tav>
                                        <p:tav tm="100000">
                                          <p:val>
                                            <p:strVal val="#ppt_x"/>
                                          </p:val>
                                        </p:tav>
                                      </p:tavLst>
                                    </p:anim>
                                    <p:anim calcmode="lin" valueType="num">
                                      <p:cBhvr additive="base">
                                        <p:cTn dur="500" fill="hold" id="8"/>
                                        <p:tgtEl>
                                          <p:spTgt spid="32"/>
                                        </p:tgtEl>
                                        <p:attrNameLst>
                                          <p:attrName>ppt_y</p:attrName>
                                        </p:attrNameLst>
                                      </p:cBhvr>
                                      <p:tavLst>
                                        <p:tav tm="0">
                                          <p:val>
                                            <p:strVal val="#ppt_y"/>
                                          </p:val>
                                        </p:tav>
                                        <p:tav tm="100000">
                                          <p:val>
                                            <p:strVal val="#ppt_y"/>
                                          </p:val>
                                        </p:tav>
                                      </p:tavLst>
                                    </p:anim>
                                  </p:childTnLst>
                                </p:cTn>
                              </p:par>
                            </p:childTnLst>
                          </p:cTn>
                        </p:par>
                        <p:par>
                          <p:cTn fill="hold" id="9" nodeType="afterGroup">
                            <p:stCondLst>
                              <p:cond delay="500"/>
                            </p:stCondLst>
                            <p:childTnLst>
                              <p:par>
                                <p:cTn fill="hold" id="10" nodeType="afterEffect" presetClass="entr" presetID="2" presetSubtype="8">
                                  <p:stCondLst>
                                    <p:cond delay="0"/>
                                  </p:stCondLst>
                                  <p:childTnLst>
                                    <p:set>
                                      <p:cBhvr>
                                        <p:cTn dur="1" fill="hold" id="11">
                                          <p:stCondLst>
                                            <p:cond delay="0"/>
                                          </p:stCondLst>
                                        </p:cTn>
                                        <p:tgtEl>
                                          <p:spTgt spid="37"/>
                                        </p:tgtEl>
                                        <p:attrNameLst>
                                          <p:attrName>style.visibility</p:attrName>
                                        </p:attrNameLst>
                                      </p:cBhvr>
                                      <p:to>
                                        <p:strVal val="visible"/>
                                      </p:to>
                                    </p:set>
                                    <p:anim calcmode="lin" valueType="num">
                                      <p:cBhvr additive="base">
                                        <p:cTn dur="500" fill="hold" id="12"/>
                                        <p:tgtEl>
                                          <p:spTgt spid="37"/>
                                        </p:tgtEl>
                                        <p:attrNameLst>
                                          <p:attrName>ppt_x</p:attrName>
                                        </p:attrNameLst>
                                      </p:cBhvr>
                                      <p:tavLst>
                                        <p:tav tm="0">
                                          <p:val>
                                            <p:strVal val="0-#ppt_w/2"/>
                                          </p:val>
                                        </p:tav>
                                        <p:tav tm="100000">
                                          <p:val>
                                            <p:strVal val="#ppt_x"/>
                                          </p:val>
                                        </p:tav>
                                      </p:tavLst>
                                    </p:anim>
                                    <p:anim calcmode="lin" valueType="num">
                                      <p:cBhvr additive="base">
                                        <p:cTn dur="500" fill="hold" id="13"/>
                                        <p:tgtEl>
                                          <p:spTgt spid="37"/>
                                        </p:tgtEl>
                                        <p:attrNameLst>
                                          <p:attrName>ppt_y</p:attrName>
                                        </p:attrNameLst>
                                      </p:cBhvr>
                                      <p:tavLst>
                                        <p:tav tm="0">
                                          <p:val>
                                            <p:strVal val="#ppt_y"/>
                                          </p:val>
                                        </p:tav>
                                        <p:tav tm="100000">
                                          <p:val>
                                            <p:strVal val="#ppt_y"/>
                                          </p:val>
                                        </p:tav>
                                      </p:tavLst>
                                    </p:anim>
                                  </p:childTnLst>
                                </p:cTn>
                              </p:par>
                            </p:childTnLst>
                          </p:cTn>
                        </p:par>
                        <p:par>
                          <p:cTn fill="hold" id="14" nodeType="afterGroup">
                            <p:stCondLst>
                              <p:cond delay="1000"/>
                            </p:stCondLst>
                            <p:childTnLst>
                              <p:par>
                                <p:cTn fill="hold" id="15" nodeType="afterEffect" presetClass="entr" presetID="53" presetSubtype="0">
                                  <p:stCondLst>
                                    <p:cond delay="0"/>
                                  </p:stCondLst>
                                  <p:childTnLst>
                                    <p:set>
                                      <p:cBhvr>
                                        <p:cTn dur="1" fill="hold" id="16">
                                          <p:stCondLst>
                                            <p:cond delay="0"/>
                                          </p:stCondLst>
                                        </p:cTn>
                                        <p:tgtEl>
                                          <p:spTgt spid="4"/>
                                        </p:tgtEl>
                                        <p:attrNameLst>
                                          <p:attrName>style.visibility</p:attrName>
                                        </p:attrNameLst>
                                      </p:cBhvr>
                                      <p:to>
                                        <p:strVal val="visible"/>
                                      </p:to>
                                    </p:set>
                                    <p:anim calcmode="lin" valueType="num">
                                      <p:cBhvr>
                                        <p:cTn dur="500" fill="hold" id="17"/>
                                        <p:tgtEl>
                                          <p:spTgt spid="4"/>
                                        </p:tgtEl>
                                        <p:attrNameLst>
                                          <p:attrName>ppt_w</p:attrName>
                                        </p:attrNameLst>
                                      </p:cBhvr>
                                      <p:tavLst>
                                        <p:tav tm="0">
                                          <p:val>
                                            <p:fltVal val="0"/>
                                          </p:val>
                                        </p:tav>
                                        <p:tav tm="100000">
                                          <p:val>
                                            <p:strVal val="#ppt_w"/>
                                          </p:val>
                                        </p:tav>
                                      </p:tavLst>
                                    </p:anim>
                                    <p:anim calcmode="lin" valueType="num">
                                      <p:cBhvr>
                                        <p:cTn dur="500" fill="hold" id="18"/>
                                        <p:tgtEl>
                                          <p:spTgt spid="4"/>
                                        </p:tgtEl>
                                        <p:attrNameLst>
                                          <p:attrName>ppt_h</p:attrName>
                                        </p:attrNameLst>
                                      </p:cBhvr>
                                      <p:tavLst>
                                        <p:tav tm="0">
                                          <p:val>
                                            <p:fltVal val="0"/>
                                          </p:val>
                                        </p:tav>
                                        <p:tav tm="100000">
                                          <p:val>
                                            <p:strVal val="#ppt_h"/>
                                          </p:val>
                                        </p:tav>
                                      </p:tavLst>
                                    </p:anim>
                                    <p:animEffect filter="fade" transition="in">
                                      <p:cBhvr>
                                        <p:cTn dur="500" id="19"/>
                                        <p:tgtEl>
                                          <p:spTgt spid="4"/>
                                        </p:tgtEl>
                                      </p:cBhvr>
                                    </p:animEffect>
                                  </p:childTnLst>
                                </p:cTn>
                              </p:par>
                            </p:childTnLst>
                          </p:cTn>
                        </p:par>
                        <p:par>
                          <p:cTn fill="hold" id="20" nodeType="afterGroup">
                            <p:stCondLst>
                              <p:cond delay="1500"/>
                            </p:stCondLst>
                            <p:childTnLst>
                              <p:par>
                                <p:cTn fill="hold" grpId="0" id="21" nodeType="afterEffect" presetClass="entr" presetID="22" presetSubtype="8">
                                  <p:stCondLst>
                                    <p:cond delay="0"/>
                                  </p:stCondLst>
                                  <p:childTnLst>
                                    <p:set>
                                      <p:cBhvr>
                                        <p:cTn dur="1" fill="hold" id="22">
                                          <p:stCondLst>
                                            <p:cond delay="0"/>
                                          </p:stCondLst>
                                        </p:cTn>
                                        <p:tgtEl>
                                          <p:spTgt spid="10"/>
                                        </p:tgtEl>
                                        <p:attrNameLst>
                                          <p:attrName>style.visibility</p:attrName>
                                        </p:attrNameLst>
                                      </p:cBhvr>
                                      <p:to>
                                        <p:strVal val="visible"/>
                                      </p:to>
                                    </p:set>
                                    <p:animEffect filter="wipe(left)" transition="in">
                                      <p:cBhvr>
                                        <p:cTn dur="500" id="23"/>
                                        <p:tgtEl>
                                          <p:spTgt spid="10"/>
                                        </p:tgtEl>
                                      </p:cBhvr>
                                    </p:animEffect>
                                  </p:childTnLst>
                                </p:cTn>
                              </p:par>
                              <p:par>
                                <p:cTn fill="hold" grpId="0" id="24" nodeType="withEffect" presetClass="entr" presetID="22" presetSubtype="2">
                                  <p:stCondLst>
                                    <p:cond delay="0"/>
                                  </p:stCondLst>
                                  <p:childTnLst>
                                    <p:set>
                                      <p:cBhvr>
                                        <p:cTn dur="1" fill="hold" id="25">
                                          <p:stCondLst>
                                            <p:cond delay="0"/>
                                          </p:stCondLst>
                                        </p:cTn>
                                        <p:tgtEl>
                                          <p:spTgt spid="11"/>
                                        </p:tgtEl>
                                        <p:attrNameLst>
                                          <p:attrName>style.visibility</p:attrName>
                                        </p:attrNameLst>
                                      </p:cBhvr>
                                      <p:to>
                                        <p:strVal val="visible"/>
                                      </p:to>
                                    </p:set>
                                    <p:animEffect filter="wipe(right)" transition="in">
                                      <p:cBhvr>
                                        <p:cTn dur="500" id="26"/>
                                        <p:tgtEl>
                                          <p:spTgt spid="11"/>
                                        </p:tgtEl>
                                      </p:cBhvr>
                                    </p:animEffect>
                                  </p:childTnLst>
                                </p:cTn>
                              </p:par>
                            </p:childTnLst>
                          </p:cTn>
                        </p:par>
                        <p:par>
                          <p:cTn fill="hold" id="27" nodeType="afterGroup">
                            <p:stCondLst>
                              <p:cond delay="2000"/>
                            </p:stCondLst>
                            <p:childTnLst>
                              <p:par>
                                <p:cTn fill="hold" id="28" nodeType="afterEffect" presetClass="entr" presetID="53" presetSubtype="0">
                                  <p:stCondLst>
                                    <p:cond delay="0"/>
                                  </p:stCondLst>
                                  <p:childTnLst>
                                    <p:set>
                                      <p:cBhvr>
                                        <p:cTn dur="1" fill="hold" id="29">
                                          <p:stCondLst>
                                            <p:cond delay="0"/>
                                          </p:stCondLst>
                                        </p:cTn>
                                        <p:tgtEl>
                                          <p:spTgt spid="5"/>
                                        </p:tgtEl>
                                        <p:attrNameLst>
                                          <p:attrName>style.visibility</p:attrName>
                                        </p:attrNameLst>
                                      </p:cBhvr>
                                      <p:to>
                                        <p:strVal val="visible"/>
                                      </p:to>
                                    </p:set>
                                    <p:anim calcmode="lin" valueType="num">
                                      <p:cBhvr>
                                        <p:cTn dur="500" fill="hold" id="30"/>
                                        <p:tgtEl>
                                          <p:spTgt spid="5"/>
                                        </p:tgtEl>
                                        <p:attrNameLst>
                                          <p:attrName>ppt_w</p:attrName>
                                        </p:attrNameLst>
                                      </p:cBhvr>
                                      <p:tavLst>
                                        <p:tav tm="0">
                                          <p:val>
                                            <p:fltVal val="0"/>
                                          </p:val>
                                        </p:tav>
                                        <p:tav tm="100000">
                                          <p:val>
                                            <p:strVal val="#ppt_w"/>
                                          </p:val>
                                        </p:tav>
                                      </p:tavLst>
                                    </p:anim>
                                    <p:anim calcmode="lin" valueType="num">
                                      <p:cBhvr>
                                        <p:cTn dur="500" fill="hold" id="31"/>
                                        <p:tgtEl>
                                          <p:spTgt spid="5"/>
                                        </p:tgtEl>
                                        <p:attrNameLst>
                                          <p:attrName>ppt_h</p:attrName>
                                        </p:attrNameLst>
                                      </p:cBhvr>
                                      <p:tavLst>
                                        <p:tav tm="0">
                                          <p:val>
                                            <p:fltVal val="0"/>
                                          </p:val>
                                        </p:tav>
                                        <p:tav tm="100000">
                                          <p:val>
                                            <p:strVal val="#ppt_h"/>
                                          </p:val>
                                        </p:tav>
                                      </p:tavLst>
                                    </p:anim>
                                    <p:animEffect filter="fade" transition="in">
                                      <p:cBhvr>
                                        <p:cTn dur="500" id="32"/>
                                        <p:tgtEl>
                                          <p:spTgt spid="5"/>
                                        </p:tgtEl>
                                      </p:cBhvr>
                                    </p:animEffect>
                                  </p:childTnLst>
                                </p:cTn>
                              </p:par>
                              <p:par>
                                <p:cTn fill="hold" id="33" nodeType="withEffect" presetClass="entr" presetID="53" presetSubtype="0">
                                  <p:stCondLst>
                                    <p:cond delay="0"/>
                                  </p:stCondLst>
                                  <p:childTnLst>
                                    <p:set>
                                      <p:cBhvr>
                                        <p:cTn dur="1" fill="hold" id="34">
                                          <p:stCondLst>
                                            <p:cond delay="0"/>
                                          </p:stCondLst>
                                        </p:cTn>
                                        <p:tgtEl>
                                          <p:spTgt spid="3"/>
                                        </p:tgtEl>
                                        <p:attrNameLst>
                                          <p:attrName>style.visibility</p:attrName>
                                        </p:attrNameLst>
                                      </p:cBhvr>
                                      <p:to>
                                        <p:strVal val="visible"/>
                                      </p:to>
                                    </p:set>
                                    <p:anim calcmode="lin" valueType="num">
                                      <p:cBhvr>
                                        <p:cTn dur="500" fill="hold" id="35"/>
                                        <p:tgtEl>
                                          <p:spTgt spid="3"/>
                                        </p:tgtEl>
                                        <p:attrNameLst>
                                          <p:attrName>ppt_w</p:attrName>
                                        </p:attrNameLst>
                                      </p:cBhvr>
                                      <p:tavLst>
                                        <p:tav tm="0">
                                          <p:val>
                                            <p:fltVal val="0"/>
                                          </p:val>
                                        </p:tav>
                                        <p:tav tm="100000">
                                          <p:val>
                                            <p:strVal val="#ppt_w"/>
                                          </p:val>
                                        </p:tav>
                                      </p:tavLst>
                                    </p:anim>
                                    <p:anim calcmode="lin" valueType="num">
                                      <p:cBhvr>
                                        <p:cTn dur="500" fill="hold" id="36"/>
                                        <p:tgtEl>
                                          <p:spTgt spid="3"/>
                                        </p:tgtEl>
                                        <p:attrNameLst>
                                          <p:attrName>ppt_h</p:attrName>
                                        </p:attrNameLst>
                                      </p:cBhvr>
                                      <p:tavLst>
                                        <p:tav tm="0">
                                          <p:val>
                                            <p:fltVal val="0"/>
                                          </p:val>
                                        </p:tav>
                                        <p:tav tm="100000">
                                          <p:val>
                                            <p:strVal val="#ppt_h"/>
                                          </p:val>
                                        </p:tav>
                                      </p:tavLst>
                                    </p:anim>
                                    <p:animEffect filter="fade" transition="in">
                                      <p:cBhvr>
                                        <p:cTn dur="500" id="37"/>
                                        <p:tgtEl>
                                          <p:spTgt spid="3"/>
                                        </p:tgtEl>
                                      </p:cBhvr>
                                    </p:animEffect>
                                  </p:childTnLst>
                                </p:cTn>
                              </p:par>
                            </p:childTnLst>
                          </p:cTn>
                        </p:par>
                        <p:par>
                          <p:cTn fill="hold" id="38" nodeType="afterGroup">
                            <p:stCondLst>
                              <p:cond delay="2500"/>
                            </p:stCondLst>
                            <p:childTnLst>
                              <p:par>
                                <p:cTn fill="hold" id="39" nodeType="afterEffect" presetClass="entr" presetID="22" presetSubtype="1">
                                  <p:stCondLst>
                                    <p:cond delay="0"/>
                                  </p:stCondLst>
                                  <p:childTnLst>
                                    <p:set>
                                      <p:cBhvr>
                                        <p:cTn dur="1" fill="hold" id="40">
                                          <p:stCondLst>
                                            <p:cond delay="0"/>
                                          </p:stCondLst>
                                        </p:cTn>
                                        <p:tgtEl>
                                          <p:spTgt spid="12"/>
                                        </p:tgtEl>
                                        <p:attrNameLst>
                                          <p:attrName>style.visibility</p:attrName>
                                        </p:attrNameLst>
                                      </p:cBhvr>
                                      <p:to>
                                        <p:strVal val="visible"/>
                                      </p:to>
                                    </p:set>
                                    <p:animEffect filter="wipe(up)" transition="in">
                                      <p:cBhvr>
                                        <p:cTn dur="500" id="41"/>
                                        <p:tgtEl>
                                          <p:spTgt spid="12"/>
                                        </p:tgtEl>
                                      </p:cBhvr>
                                    </p:animEffect>
                                  </p:childTnLst>
                                </p:cTn>
                              </p:par>
                              <p:par>
                                <p:cTn fill="hold" id="42" nodeType="withEffect" presetClass="entr" presetID="22" presetSubtype="1">
                                  <p:stCondLst>
                                    <p:cond delay="0"/>
                                  </p:stCondLst>
                                  <p:childTnLst>
                                    <p:set>
                                      <p:cBhvr>
                                        <p:cTn dur="1" fill="hold" id="43">
                                          <p:stCondLst>
                                            <p:cond delay="0"/>
                                          </p:stCondLst>
                                        </p:cTn>
                                        <p:tgtEl>
                                          <p:spTgt spid="13"/>
                                        </p:tgtEl>
                                        <p:attrNameLst>
                                          <p:attrName>style.visibility</p:attrName>
                                        </p:attrNameLst>
                                      </p:cBhvr>
                                      <p:to>
                                        <p:strVal val="visible"/>
                                      </p:to>
                                    </p:set>
                                    <p:animEffect filter="wipe(up)" transition="in">
                                      <p:cBhvr>
                                        <p:cTn dur="500" id="44"/>
                                        <p:tgtEl>
                                          <p:spTgt spid="13"/>
                                        </p:tgtEl>
                                      </p:cBhvr>
                                    </p:animEffect>
                                  </p:childTnLst>
                                </p:cTn>
                              </p:par>
                            </p:childTnLst>
                          </p:cTn>
                        </p:par>
                        <p:par>
                          <p:cTn fill="hold" id="45" nodeType="afterGroup">
                            <p:stCondLst>
                              <p:cond delay="3000"/>
                            </p:stCondLst>
                            <p:childTnLst>
                              <p:par>
                                <p:cTn fill="hold" id="46" nodeType="afterEffect" presetClass="entr" presetID="10" presetSubtype="0">
                                  <p:stCondLst>
                                    <p:cond delay="0"/>
                                  </p:stCondLst>
                                  <p:childTnLst>
                                    <p:set>
                                      <p:cBhvr>
                                        <p:cTn dur="1" fill="hold" id="47">
                                          <p:stCondLst>
                                            <p:cond delay="0"/>
                                          </p:stCondLst>
                                        </p:cTn>
                                        <p:tgtEl>
                                          <p:spTgt spid="42"/>
                                        </p:tgtEl>
                                        <p:attrNameLst>
                                          <p:attrName>style.visibility</p:attrName>
                                        </p:attrNameLst>
                                      </p:cBhvr>
                                      <p:to>
                                        <p:strVal val="visible"/>
                                      </p:to>
                                    </p:set>
                                    <p:animEffect filter="fade" transition="in">
                                      <p:cBhvr>
                                        <p:cTn dur="500" id="48"/>
                                        <p:tgtEl>
                                          <p:spTgt spid="42"/>
                                        </p:tgtEl>
                                      </p:cBhvr>
                                    </p:animEffect>
                                  </p:childTnLst>
                                </p:cTn>
                              </p:par>
                              <p:par>
                                <p:cTn fill="hold" id="49" nodeType="withEffect" presetClass="entr" presetID="10" presetSubtype="0">
                                  <p:stCondLst>
                                    <p:cond delay="0"/>
                                  </p:stCondLst>
                                  <p:childTnLst>
                                    <p:set>
                                      <p:cBhvr>
                                        <p:cTn dur="1" fill="hold" id="50">
                                          <p:stCondLst>
                                            <p:cond delay="0"/>
                                          </p:stCondLst>
                                        </p:cTn>
                                        <p:tgtEl>
                                          <p:spTgt spid="43"/>
                                        </p:tgtEl>
                                        <p:attrNameLst>
                                          <p:attrName>style.visibility</p:attrName>
                                        </p:attrNameLst>
                                      </p:cBhvr>
                                      <p:to>
                                        <p:strVal val="visible"/>
                                      </p:to>
                                    </p:set>
                                    <p:animEffect filter="fade" transition="in">
                                      <p:cBhvr>
                                        <p:cTn dur="500" id="51"/>
                                        <p:tgtEl>
                                          <p:spTgt spid="43"/>
                                        </p:tgtEl>
                                      </p:cBhvr>
                                    </p:animEffect>
                                  </p:childTnLst>
                                </p:cTn>
                              </p:par>
                              <p:par>
                                <p:cTn fill="hold" id="52" nodeType="withEffect" presetClass="entr" presetID="10" presetSubtype="0">
                                  <p:stCondLst>
                                    <p:cond delay="0"/>
                                  </p:stCondLst>
                                  <p:childTnLst>
                                    <p:set>
                                      <p:cBhvr>
                                        <p:cTn dur="1" fill="hold" id="53">
                                          <p:stCondLst>
                                            <p:cond delay="0"/>
                                          </p:stCondLst>
                                        </p:cTn>
                                        <p:tgtEl>
                                          <p:spTgt spid="44"/>
                                        </p:tgtEl>
                                        <p:attrNameLst>
                                          <p:attrName>style.visibility</p:attrName>
                                        </p:attrNameLst>
                                      </p:cBhvr>
                                      <p:to>
                                        <p:strVal val="visible"/>
                                      </p:to>
                                    </p:set>
                                    <p:animEffect filter="fade" transition="in">
                                      <p:cBhvr>
                                        <p:cTn dur="500" id="54"/>
                                        <p:tgtEl>
                                          <p:spTgt spid="44"/>
                                        </p:tgtEl>
                                      </p:cBhvr>
                                    </p:animEffect>
                                  </p:childTnLst>
                                </p:cTn>
                              </p:par>
                              <p:par>
                                <p:cTn fill="hold" id="55" nodeType="withEffect" presetClass="entr" presetID="10" presetSubtype="0">
                                  <p:stCondLst>
                                    <p:cond delay="0"/>
                                  </p:stCondLst>
                                  <p:childTnLst>
                                    <p:set>
                                      <p:cBhvr>
                                        <p:cTn dur="1" fill="hold" id="56">
                                          <p:stCondLst>
                                            <p:cond delay="0"/>
                                          </p:stCondLst>
                                        </p:cTn>
                                        <p:tgtEl>
                                          <p:spTgt spid="45"/>
                                        </p:tgtEl>
                                        <p:attrNameLst>
                                          <p:attrName>style.visibility</p:attrName>
                                        </p:attrNameLst>
                                      </p:cBhvr>
                                      <p:to>
                                        <p:strVal val="visible"/>
                                      </p:to>
                                    </p:set>
                                    <p:animEffect filter="fade" transition="in">
                                      <p:cBhvr>
                                        <p:cTn dur="500" id="57"/>
                                        <p:tgtEl>
                                          <p:spTgt spid="45"/>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10"/>
      <p:bldP grpId="0" spid="11"/>
    </p:bldLst>
  </p:timing>
</p:sld>
</file>

<file path=ppt/slides/slide16.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1485536" y="1582269"/>
            <a:ext cx="1954213" cy="1955800"/>
            <a:chOff x="1002583" y="1626840"/>
            <a:chExt cx="1954213" cy="1955800"/>
          </a:xfrm>
        </p:grpSpPr>
        <p:grpSp>
          <p:nvGrpSpPr>
            <p:cNvPr id="3" name="组合 2"/>
            <p:cNvGrpSpPr/>
            <p:nvPr/>
          </p:nvGrpSpPr>
          <p:grpSpPr>
            <a:xfrm>
              <a:off x="1002583" y="1626840"/>
              <a:ext cx="1954213" cy="1955800"/>
              <a:chOff x="1002583" y="1626840"/>
              <a:chExt cx="1954213" cy="1955800"/>
            </a:xfrm>
          </p:grpSpPr>
          <p:sp>
            <p:nvSpPr>
              <p:cNvPr id="5" name="Freeform 6"/>
              <p:cNvSpPr>
                <a:spLocks noEditPoints="1"/>
              </p:cNvSpPr>
              <p:nvPr/>
            </p:nvSpPr>
            <p:spPr bwMode="auto">
              <a:xfrm>
                <a:off x="1980483" y="1798290"/>
                <a:ext cx="976313" cy="1784350"/>
              </a:xfrm>
              <a:custGeom>
                <a:gdLst>
                  <a:gd fmla="*/ 55 w 97" name="T0"/>
                  <a:gd fmla="*/ 1 h 177" name="T1"/>
                  <a:gd fmla="*/ 96 w 97" name="T2"/>
                  <a:gd fmla="*/ 80 h 177" name="T3"/>
                  <a:gd fmla="*/ 1 w 97" name="T4"/>
                  <a:gd fmla="*/ 176 h 177" name="T5"/>
                  <a:gd fmla="*/ 1 w 97" name="T6"/>
                  <a:gd fmla="*/ 143 h 177" name="T7"/>
                  <a:gd fmla="*/ 63 w 97" name="T8"/>
                  <a:gd fmla="*/ 80 h 177" name="T9"/>
                  <a:gd fmla="*/ 36 w 97" name="T10"/>
                  <a:gd fmla="*/ 28 h 177" name="T11"/>
                  <a:gd fmla="*/ 55 w 97" name="T12"/>
                  <a:gd fmla="*/ 1 h 177" name="T13"/>
                  <a:gd fmla="*/ 55 w 97" name="T14"/>
                  <a:gd fmla="*/ 0 h 177" name="T15"/>
                  <a:gd fmla="*/ 35 w 97" name="T16"/>
                  <a:gd fmla="*/ 28 h 177" name="T17"/>
                  <a:gd fmla="*/ 62 w 97" name="T18"/>
                  <a:gd fmla="*/ 80 h 177" name="T19"/>
                  <a:gd fmla="*/ 0 w 97" name="T20"/>
                  <a:gd fmla="*/ 142 h 177" name="T21"/>
                  <a:gd fmla="*/ 0 w 97" name="T22"/>
                  <a:gd fmla="*/ 142 h 177" name="T23"/>
                  <a:gd fmla="*/ 0 w 97" name="T24"/>
                  <a:gd fmla="*/ 177 h 177" name="T25"/>
                  <a:gd fmla="*/ 97 w 97" name="T26"/>
                  <a:gd fmla="*/ 80 h 177" name="T27"/>
                  <a:gd fmla="*/ 55 w 97" name="T28"/>
                  <a:gd fmla="*/ 0 h 177" name="T2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b="b" l="0" r="r" t="0"/>
                <a:pathLst>
                  <a:path h="177" w="97">
                    <a:moveTo>
                      <a:pt x="55" y="1"/>
                    </a:moveTo>
                    <a:cubicBezTo>
                      <a:pt x="81" y="19"/>
                      <a:pt x="96" y="49"/>
                      <a:pt x="96" y="80"/>
                    </a:cubicBezTo>
                    <a:cubicBezTo>
                      <a:pt x="96" y="132"/>
                      <a:pt x="54" y="175"/>
                      <a:pt x="1" y="176"/>
                    </a:cubicBezTo>
                    <a:cubicBezTo>
                      <a:pt x="1" y="143"/>
                      <a:pt x="1" y="143"/>
                      <a:pt x="1" y="143"/>
                    </a:cubicBezTo>
                    <a:cubicBezTo>
                      <a:pt x="35" y="142"/>
                      <a:pt x="63" y="114"/>
                      <a:pt x="63" y="80"/>
                    </a:cubicBezTo>
                    <a:cubicBezTo>
                      <a:pt x="63" y="59"/>
                      <a:pt x="53" y="40"/>
                      <a:pt x="36" y="28"/>
                    </a:cubicBezTo>
                    <a:lnTo>
                      <a:pt x="55" y="1"/>
                    </a:lnTo>
                    <a:close/>
                    <a:moveTo>
                      <a:pt x="55" y="0"/>
                    </a:moveTo>
                    <a:cubicBezTo>
                      <a:pt x="35" y="28"/>
                      <a:pt x="35" y="28"/>
                      <a:pt x="35" y="28"/>
                    </a:cubicBezTo>
                    <a:cubicBezTo>
                      <a:pt x="51" y="40"/>
                      <a:pt x="62" y="59"/>
                      <a:pt x="62" y="80"/>
                    </a:cubicBezTo>
                    <a:cubicBezTo>
                      <a:pt x="62" y="114"/>
                      <a:pt x="34" y="142"/>
                      <a:pt x="0" y="142"/>
                    </a:cubicBezTo>
                    <a:cubicBezTo>
                      <a:pt x="0" y="142"/>
                      <a:pt x="0" y="142"/>
                      <a:pt x="0" y="142"/>
                    </a:cubicBezTo>
                    <a:cubicBezTo>
                      <a:pt x="0" y="177"/>
                      <a:pt x="0" y="177"/>
                      <a:pt x="0" y="177"/>
                    </a:cubicBezTo>
                    <a:cubicBezTo>
                      <a:pt x="54" y="177"/>
                      <a:pt x="97" y="133"/>
                      <a:pt x="97" y="80"/>
                    </a:cubicBezTo>
                    <a:cubicBezTo>
                      <a:pt x="97" y="47"/>
                      <a:pt x="80" y="17"/>
                      <a:pt x="55" y="0"/>
                    </a:cubicBezTo>
                  </a:path>
                </a:pathLst>
              </a:custGeom>
              <a:solidFill>
                <a:srgbClr val="9B9B9C"/>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solidFill>
                    <a:srgbClr val="00544A"/>
                  </a:solidFill>
                </a:endParaRPr>
              </a:p>
            </p:txBody>
          </p:sp>
          <p:sp>
            <p:nvSpPr>
              <p:cNvPr id="6" name="Freeform 7"/>
              <p:cNvSpPr/>
              <p:nvPr/>
            </p:nvSpPr>
            <p:spPr bwMode="auto">
              <a:xfrm>
                <a:off x="1002583" y="1626840"/>
                <a:ext cx="1531938" cy="1955800"/>
              </a:xfrm>
              <a:custGeom>
                <a:gdLst>
                  <a:gd fmla="*/ 35 w 152" name="T0"/>
                  <a:gd fmla="*/ 97 h 194" name="T1"/>
                  <a:gd fmla="*/ 97 w 152" name="T2"/>
                  <a:gd fmla="*/ 35 h 194" name="T3"/>
                  <a:gd fmla="*/ 132 w 152" name="T4"/>
                  <a:gd fmla="*/ 45 h 194" name="T5"/>
                  <a:gd fmla="*/ 152 w 152" name="T6"/>
                  <a:gd fmla="*/ 17 h 194" name="T7"/>
                  <a:gd fmla="*/ 97 w 152" name="T8"/>
                  <a:gd fmla="*/ 0 h 194" name="T9"/>
                  <a:gd fmla="*/ 0 w 152" name="T10"/>
                  <a:gd fmla="*/ 97 h 194" name="T11"/>
                  <a:gd fmla="*/ 97 w 152" name="T12"/>
                  <a:gd fmla="*/ 194 h 194" name="T13"/>
                  <a:gd fmla="*/ 97 w 152" name="T14"/>
                  <a:gd fmla="*/ 194 h 194" name="T15"/>
                  <a:gd fmla="*/ 97 w 152" name="T16"/>
                  <a:gd fmla="*/ 159 h 194" name="T17"/>
                  <a:gd fmla="*/ 35 w 152" name="T18"/>
                  <a:gd fmla="*/ 97 h 194" name="T1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b="b" l="0" r="r" t="0"/>
                <a:pathLst>
                  <a:path h="194" w="152">
                    <a:moveTo>
                      <a:pt x="35" y="97"/>
                    </a:moveTo>
                    <a:cubicBezTo>
                      <a:pt x="35" y="63"/>
                      <a:pt x="63" y="35"/>
                      <a:pt x="97" y="35"/>
                    </a:cubicBezTo>
                    <a:cubicBezTo>
                      <a:pt x="110" y="35"/>
                      <a:pt x="122" y="39"/>
                      <a:pt x="132" y="45"/>
                    </a:cubicBezTo>
                    <a:cubicBezTo>
                      <a:pt x="152" y="17"/>
                      <a:pt x="152" y="17"/>
                      <a:pt x="152" y="17"/>
                    </a:cubicBezTo>
                    <a:cubicBezTo>
                      <a:pt x="136" y="6"/>
                      <a:pt x="117" y="0"/>
                      <a:pt x="97" y="0"/>
                    </a:cubicBezTo>
                    <a:cubicBezTo>
                      <a:pt x="44" y="0"/>
                      <a:pt x="0" y="44"/>
                      <a:pt x="0" y="97"/>
                    </a:cubicBezTo>
                    <a:cubicBezTo>
                      <a:pt x="0" y="150"/>
                      <a:pt x="44" y="194"/>
                      <a:pt x="97" y="194"/>
                    </a:cubicBezTo>
                    <a:cubicBezTo>
                      <a:pt x="97" y="194"/>
                      <a:pt x="97" y="194"/>
                      <a:pt x="97" y="194"/>
                    </a:cubicBezTo>
                    <a:cubicBezTo>
                      <a:pt x="97" y="159"/>
                      <a:pt x="97" y="159"/>
                      <a:pt x="97" y="159"/>
                    </a:cubicBezTo>
                    <a:cubicBezTo>
                      <a:pt x="63" y="159"/>
                      <a:pt x="35" y="131"/>
                      <a:pt x="35" y="97"/>
                    </a:cubicBezTo>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solidFill>
                    <a:srgbClr val="00544A"/>
                  </a:solidFill>
                </a:endParaRPr>
              </a:p>
            </p:txBody>
          </p:sp>
        </p:grpSp>
        <p:sp>
          <p:nvSpPr>
            <p:cNvPr id="4" name="TextBox 3"/>
            <p:cNvSpPr txBox="1"/>
            <p:nvPr/>
          </p:nvSpPr>
          <p:spPr>
            <a:xfrm>
              <a:off x="1475633" y="2341574"/>
              <a:ext cx="1021080" cy="579120"/>
            </a:xfrm>
            <a:prstGeom prst="rect">
              <a:avLst/>
            </a:prstGeom>
            <a:noFill/>
          </p:spPr>
          <p:txBody>
            <a:bodyPr rtlCol="0" wrap="none">
              <a:spAutoFit/>
            </a:bodyPr>
            <a:lstStyle/>
            <a:p>
              <a:r>
                <a:rPr altLang="zh-CN" lang="en-US" sz="3200">
                  <a:solidFill>
                    <a:srgbClr val="00544A"/>
                  </a:solidFill>
                  <a:latin charset="-122" panose="020b0503020204020204" pitchFamily="34" typeface="微软雅黑"/>
                  <a:ea charset="-122" panose="020b0503020204020204" pitchFamily="34" typeface="微软雅黑"/>
                </a:rPr>
                <a:t>60%</a:t>
              </a:r>
            </a:p>
          </p:txBody>
        </p:sp>
      </p:grpSp>
      <p:grpSp>
        <p:nvGrpSpPr>
          <p:cNvPr id="7" name="组合 6"/>
          <p:cNvGrpSpPr/>
          <p:nvPr/>
        </p:nvGrpSpPr>
        <p:grpSpPr>
          <a:xfrm>
            <a:off x="3965211" y="1582269"/>
            <a:ext cx="1954213" cy="1955800"/>
            <a:chOff x="3482258" y="1626840"/>
            <a:chExt cx="1954213" cy="1955800"/>
          </a:xfrm>
        </p:grpSpPr>
        <p:grpSp>
          <p:nvGrpSpPr>
            <p:cNvPr id="8" name="组合 7"/>
            <p:cNvGrpSpPr/>
            <p:nvPr/>
          </p:nvGrpSpPr>
          <p:grpSpPr>
            <a:xfrm>
              <a:off x="3482258" y="1626840"/>
              <a:ext cx="1954213" cy="1955800"/>
              <a:chOff x="3482258" y="1626840"/>
              <a:chExt cx="1954213" cy="1955800"/>
            </a:xfrm>
          </p:grpSpPr>
          <p:sp>
            <p:nvSpPr>
              <p:cNvPr id="10" name="Freeform 8"/>
              <p:cNvSpPr/>
              <p:nvPr/>
            </p:nvSpPr>
            <p:spPr bwMode="auto">
              <a:xfrm>
                <a:off x="3482258" y="1626840"/>
                <a:ext cx="1773238" cy="1955800"/>
              </a:xfrm>
              <a:custGeom>
                <a:gdLst>
                  <a:gd fmla="*/ 35 w 176" name="T0"/>
                  <a:gd fmla="*/ 97 h 194" name="T1"/>
                  <a:gd fmla="*/ 97 w 176" name="T2"/>
                  <a:gd fmla="*/ 35 h 194" name="T3"/>
                  <a:gd fmla="*/ 147 w 176" name="T4"/>
                  <a:gd fmla="*/ 61 h 194" name="T5"/>
                  <a:gd fmla="*/ 176 w 176" name="T6"/>
                  <a:gd fmla="*/ 41 h 194" name="T7"/>
                  <a:gd fmla="*/ 97 w 176" name="T8"/>
                  <a:gd fmla="*/ 0 h 194" name="T9"/>
                  <a:gd fmla="*/ 0 w 176" name="T10"/>
                  <a:gd fmla="*/ 97 h 194" name="T11"/>
                  <a:gd fmla="*/ 97 w 176" name="T12"/>
                  <a:gd fmla="*/ 194 h 194" name="T13"/>
                  <a:gd fmla="*/ 97 w 176" name="T14"/>
                  <a:gd fmla="*/ 194 h 194" name="T15"/>
                  <a:gd fmla="*/ 97 w 176" name="T16"/>
                  <a:gd fmla="*/ 159 h 194" name="T17"/>
                  <a:gd fmla="*/ 35 w 176" name="T18"/>
                  <a:gd fmla="*/ 97 h 194" name="T1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b="b" l="0" r="r" t="0"/>
                <a:pathLst>
                  <a:path h="194" w="176">
                    <a:moveTo>
                      <a:pt x="35" y="97"/>
                    </a:moveTo>
                    <a:cubicBezTo>
                      <a:pt x="35" y="63"/>
                      <a:pt x="63" y="35"/>
                      <a:pt x="97" y="35"/>
                    </a:cubicBezTo>
                    <a:cubicBezTo>
                      <a:pt x="118" y="35"/>
                      <a:pt x="136" y="45"/>
                      <a:pt x="147" y="61"/>
                    </a:cubicBezTo>
                    <a:cubicBezTo>
                      <a:pt x="176" y="41"/>
                      <a:pt x="176" y="41"/>
                      <a:pt x="176" y="41"/>
                    </a:cubicBezTo>
                    <a:cubicBezTo>
                      <a:pt x="158" y="16"/>
                      <a:pt x="130" y="0"/>
                      <a:pt x="97" y="0"/>
                    </a:cubicBezTo>
                    <a:cubicBezTo>
                      <a:pt x="44" y="0"/>
                      <a:pt x="0" y="44"/>
                      <a:pt x="0" y="97"/>
                    </a:cubicBezTo>
                    <a:cubicBezTo>
                      <a:pt x="0" y="150"/>
                      <a:pt x="44" y="194"/>
                      <a:pt x="97" y="194"/>
                    </a:cubicBezTo>
                    <a:cubicBezTo>
                      <a:pt x="97" y="194"/>
                      <a:pt x="97" y="194"/>
                      <a:pt x="97" y="194"/>
                    </a:cubicBezTo>
                    <a:cubicBezTo>
                      <a:pt x="97" y="159"/>
                      <a:pt x="97" y="159"/>
                      <a:pt x="97" y="159"/>
                    </a:cubicBezTo>
                    <a:cubicBezTo>
                      <a:pt x="63" y="159"/>
                      <a:pt x="35" y="131"/>
                      <a:pt x="35" y="97"/>
                    </a:cubicBezTo>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solidFill>
                    <a:srgbClr val="00544A"/>
                  </a:solidFill>
                </a:endParaRPr>
              </a:p>
            </p:txBody>
          </p:sp>
          <p:sp>
            <p:nvSpPr>
              <p:cNvPr id="11" name="Freeform 9"/>
              <p:cNvSpPr>
                <a:spLocks noEditPoints="1"/>
              </p:cNvSpPr>
              <p:nvPr/>
            </p:nvSpPr>
            <p:spPr bwMode="auto">
              <a:xfrm>
                <a:off x="4458571" y="2039590"/>
                <a:ext cx="977900" cy="1543050"/>
              </a:xfrm>
              <a:custGeom>
                <a:gdLst>
                  <a:gd fmla="*/ 79 w 97" name="T0"/>
                  <a:gd fmla="*/ 1 h 153" name="T1"/>
                  <a:gd fmla="*/ 96 w 97" name="T2"/>
                  <a:gd fmla="*/ 56 h 153" name="T3"/>
                  <a:gd fmla="*/ 1 w 97" name="T4"/>
                  <a:gd fmla="*/ 152 h 153" name="T5"/>
                  <a:gd fmla="*/ 1 w 97" name="T6"/>
                  <a:gd fmla="*/ 119 h 153" name="T7"/>
                  <a:gd fmla="*/ 63 w 97" name="T8"/>
                  <a:gd fmla="*/ 56 h 153" name="T9"/>
                  <a:gd fmla="*/ 52 w 97" name="T10"/>
                  <a:gd fmla="*/ 20 h 153" name="T11"/>
                  <a:gd fmla="*/ 79 w 97" name="T12"/>
                  <a:gd fmla="*/ 1 h 153" name="T13"/>
                  <a:gd fmla="*/ 79 w 97" name="T14"/>
                  <a:gd fmla="*/ 0 h 153" name="T15"/>
                  <a:gd fmla="*/ 50 w 97" name="T16"/>
                  <a:gd fmla="*/ 20 h 153" name="T17"/>
                  <a:gd fmla="*/ 62 w 97" name="T18"/>
                  <a:gd fmla="*/ 56 h 153" name="T19"/>
                  <a:gd fmla="*/ 0 w 97" name="T20"/>
                  <a:gd fmla="*/ 118 h 153" name="T21"/>
                  <a:gd fmla="*/ 0 w 97" name="T22"/>
                  <a:gd fmla="*/ 118 h 153" name="T23"/>
                  <a:gd fmla="*/ 0 w 97" name="T24"/>
                  <a:gd fmla="*/ 153 h 153" name="T25"/>
                  <a:gd fmla="*/ 97 w 97" name="T26"/>
                  <a:gd fmla="*/ 56 h 153" name="T27"/>
                  <a:gd fmla="*/ 79 w 97" name="T28"/>
                  <a:gd fmla="*/ 0 h 153" name="T2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b="b" l="0" r="r" t="0"/>
                <a:pathLst>
                  <a:path h="153" w="97">
                    <a:moveTo>
                      <a:pt x="79" y="1"/>
                    </a:moveTo>
                    <a:cubicBezTo>
                      <a:pt x="90" y="17"/>
                      <a:pt x="96" y="36"/>
                      <a:pt x="96" y="56"/>
                    </a:cubicBezTo>
                    <a:cubicBezTo>
                      <a:pt x="96" y="108"/>
                      <a:pt x="54" y="151"/>
                      <a:pt x="1" y="152"/>
                    </a:cubicBezTo>
                    <a:cubicBezTo>
                      <a:pt x="1" y="119"/>
                      <a:pt x="1" y="119"/>
                      <a:pt x="1" y="119"/>
                    </a:cubicBezTo>
                    <a:cubicBezTo>
                      <a:pt x="35" y="118"/>
                      <a:pt x="63" y="90"/>
                      <a:pt x="63" y="56"/>
                    </a:cubicBezTo>
                    <a:cubicBezTo>
                      <a:pt x="63" y="43"/>
                      <a:pt x="59" y="31"/>
                      <a:pt x="52" y="20"/>
                    </a:cubicBezTo>
                    <a:lnTo>
                      <a:pt x="79" y="1"/>
                    </a:lnTo>
                    <a:close/>
                    <a:moveTo>
                      <a:pt x="79" y="0"/>
                    </a:moveTo>
                    <a:cubicBezTo>
                      <a:pt x="50" y="20"/>
                      <a:pt x="50" y="20"/>
                      <a:pt x="50" y="20"/>
                    </a:cubicBezTo>
                    <a:cubicBezTo>
                      <a:pt x="58" y="30"/>
                      <a:pt x="62" y="42"/>
                      <a:pt x="62" y="56"/>
                    </a:cubicBezTo>
                    <a:cubicBezTo>
                      <a:pt x="62" y="90"/>
                      <a:pt x="34" y="118"/>
                      <a:pt x="0" y="118"/>
                    </a:cubicBezTo>
                    <a:cubicBezTo>
                      <a:pt x="0" y="118"/>
                      <a:pt x="0" y="118"/>
                      <a:pt x="0" y="118"/>
                    </a:cubicBezTo>
                    <a:cubicBezTo>
                      <a:pt x="0" y="153"/>
                      <a:pt x="0" y="153"/>
                      <a:pt x="0" y="153"/>
                    </a:cubicBezTo>
                    <a:cubicBezTo>
                      <a:pt x="54" y="153"/>
                      <a:pt x="97" y="109"/>
                      <a:pt x="97" y="56"/>
                    </a:cubicBezTo>
                    <a:cubicBezTo>
                      <a:pt x="97" y="35"/>
                      <a:pt x="90" y="16"/>
                      <a:pt x="79" y="0"/>
                    </a:cubicBezTo>
                  </a:path>
                </a:pathLst>
              </a:custGeom>
              <a:solidFill>
                <a:srgbClr val="9B9B9C"/>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solidFill>
                    <a:srgbClr val="00544A"/>
                  </a:solidFill>
                </a:endParaRPr>
              </a:p>
            </p:txBody>
          </p:sp>
        </p:grpSp>
        <p:sp>
          <p:nvSpPr>
            <p:cNvPr id="9" name="TextBox 8"/>
            <p:cNvSpPr txBox="1"/>
            <p:nvPr/>
          </p:nvSpPr>
          <p:spPr>
            <a:xfrm>
              <a:off x="3943260" y="2341574"/>
              <a:ext cx="1021080" cy="579120"/>
            </a:xfrm>
            <a:prstGeom prst="rect">
              <a:avLst/>
            </a:prstGeom>
            <a:noFill/>
          </p:spPr>
          <p:txBody>
            <a:bodyPr rtlCol="0" wrap="none">
              <a:spAutoFit/>
            </a:bodyPr>
            <a:lstStyle/>
            <a:p>
              <a:r>
                <a:rPr altLang="zh-CN" lang="en-US" sz="3200">
                  <a:solidFill>
                    <a:srgbClr val="00544A"/>
                  </a:solidFill>
                  <a:latin charset="-122" panose="020b0503020204020204" pitchFamily="34" typeface="微软雅黑"/>
                  <a:ea charset="-122" panose="020b0503020204020204" pitchFamily="34" typeface="微软雅黑"/>
                </a:rPr>
                <a:t>80%</a:t>
              </a:r>
            </a:p>
          </p:txBody>
        </p:sp>
      </p:grpSp>
      <p:grpSp>
        <p:nvGrpSpPr>
          <p:cNvPr id="12" name="组合 11"/>
          <p:cNvGrpSpPr/>
          <p:nvPr/>
        </p:nvGrpSpPr>
        <p:grpSpPr>
          <a:xfrm>
            <a:off x="6533781" y="1582269"/>
            <a:ext cx="1955800" cy="1955800"/>
            <a:chOff x="6050833" y="1626840"/>
            <a:chExt cx="1955800" cy="1955800"/>
          </a:xfrm>
        </p:grpSpPr>
        <p:grpSp>
          <p:nvGrpSpPr>
            <p:cNvPr id="13" name="组合 12"/>
            <p:cNvGrpSpPr/>
            <p:nvPr/>
          </p:nvGrpSpPr>
          <p:grpSpPr>
            <a:xfrm>
              <a:off x="6050833" y="1626840"/>
              <a:ext cx="1955800" cy="1955800"/>
              <a:chOff x="6050833" y="1626840"/>
              <a:chExt cx="1955800" cy="1955800"/>
            </a:xfrm>
          </p:grpSpPr>
          <p:sp>
            <p:nvSpPr>
              <p:cNvPr id="15" name="Freeform 10"/>
              <p:cNvSpPr>
                <a:spLocks noEditPoints="1"/>
              </p:cNvSpPr>
              <p:nvPr/>
            </p:nvSpPr>
            <p:spPr bwMode="auto">
              <a:xfrm>
                <a:off x="7028733" y="2957165"/>
                <a:ext cx="815975" cy="625475"/>
              </a:xfrm>
              <a:custGeom>
                <a:gdLst>
                  <a:gd fmla="*/ 52 w 81" name="T0"/>
                  <a:gd fmla="*/ 1 h 62" name="T1"/>
                  <a:gd fmla="*/ 80 w 81" name="T2"/>
                  <a:gd fmla="*/ 19 h 62" name="T3"/>
                  <a:gd fmla="*/ 1 w 81" name="T4"/>
                  <a:gd fmla="*/ 61 h 62" name="T5"/>
                  <a:gd fmla="*/ 1 w 81" name="T6"/>
                  <a:gd fmla="*/ 28 h 62" name="T7"/>
                  <a:gd fmla="*/ 52 w 81" name="T8"/>
                  <a:gd fmla="*/ 1 h 62" name="T9"/>
                  <a:gd fmla="*/ 52 w 81" name="T10"/>
                  <a:gd fmla="*/ 0 h 62" name="T11"/>
                  <a:gd fmla="*/ 0 w 81" name="T12"/>
                  <a:gd fmla="*/ 27 h 62" name="T13"/>
                  <a:gd fmla="*/ 0 w 81" name="T14"/>
                  <a:gd fmla="*/ 27 h 62" name="T15"/>
                  <a:gd fmla="*/ 0 w 81" name="T16"/>
                  <a:gd fmla="*/ 62 h 62" name="T17"/>
                  <a:gd fmla="*/ 0 w 81" name="T18"/>
                  <a:gd fmla="*/ 62 h 62" name="T19"/>
                  <a:gd fmla="*/ 81 w 81" name="T20"/>
                  <a:gd fmla="*/ 19 h 62" name="T21"/>
                  <a:gd fmla="*/ 52 w 81" name="T22"/>
                  <a:gd fmla="*/ 0 h 62" name="T2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b="b" l="0" r="r" t="0"/>
                <a:pathLst>
                  <a:path h="62" w="81">
                    <a:moveTo>
                      <a:pt x="52" y="1"/>
                    </a:moveTo>
                    <a:cubicBezTo>
                      <a:pt x="80" y="19"/>
                      <a:pt x="80" y="19"/>
                      <a:pt x="80" y="19"/>
                    </a:cubicBezTo>
                    <a:cubicBezTo>
                      <a:pt x="62" y="45"/>
                      <a:pt x="33" y="61"/>
                      <a:pt x="1" y="61"/>
                    </a:cubicBezTo>
                    <a:cubicBezTo>
                      <a:pt x="1" y="28"/>
                      <a:pt x="1" y="28"/>
                      <a:pt x="1" y="28"/>
                    </a:cubicBezTo>
                    <a:cubicBezTo>
                      <a:pt x="21" y="28"/>
                      <a:pt x="40" y="18"/>
                      <a:pt x="52" y="1"/>
                    </a:cubicBezTo>
                    <a:moveTo>
                      <a:pt x="52" y="0"/>
                    </a:moveTo>
                    <a:cubicBezTo>
                      <a:pt x="41" y="16"/>
                      <a:pt x="22" y="27"/>
                      <a:pt x="0" y="27"/>
                    </a:cubicBezTo>
                    <a:cubicBezTo>
                      <a:pt x="0" y="27"/>
                      <a:pt x="0" y="27"/>
                      <a:pt x="0" y="27"/>
                    </a:cubicBezTo>
                    <a:cubicBezTo>
                      <a:pt x="0" y="62"/>
                      <a:pt x="0" y="62"/>
                      <a:pt x="0" y="62"/>
                    </a:cubicBezTo>
                    <a:cubicBezTo>
                      <a:pt x="0" y="62"/>
                      <a:pt x="0" y="62"/>
                      <a:pt x="0" y="62"/>
                    </a:cubicBezTo>
                    <a:cubicBezTo>
                      <a:pt x="34" y="62"/>
                      <a:pt x="63" y="45"/>
                      <a:pt x="81" y="19"/>
                    </a:cubicBezTo>
                    <a:lnTo>
                      <a:pt x="52" y="0"/>
                    </a:lnTo>
                    <a:close/>
                  </a:path>
                </a:pathLst>
              </a:custGeom>
              <a:solidFill>
                <a:srgbClr val="9B9B9C"/>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solidFill>
                    <a:srgbClr val="00544A"/>
                  </a:solidFill>
                </a:endParaRPr>
              </a:p>
            </p:txBody>
          </p:sp>
          <p:sp>
            <p:nvSpPr>
              <p:cNvPr id="16" name="Freeform 11"/>
              <p:cNvSpPr/>
              <p:nvPr/>
            </p:nvSpPr>
            <p:spPr bwMode="auto">
              <a:xfrm>
                <a:off x="6050833" y="1626840"/>
                <a:ext cx="1955800" cy="1955800"/>
              </a:xfrm>
              <a:custGeom>
                <a:gdLst>
                  <a:gd fmla="*/ 35 w 194" name="T0"/>
                  <a:gd fmla="*/ 97 h 194" name="T1"/>
                  <a:gd fmla="*/ 97 w 194" name="T2"/>
                  <a:gd fmla="*/ 35 h 194" name="T3"/>
                  <a:gd fmla="*/ 159 w 194" name="T4"/>
                  <a:gd fmla="*/ 97 h 194" name="T5"/>
                  <a:gd fmla="*/ 149 w 194" name="T6"/>
                  <a:gd fmla="*/ 132 h 194" name="T7"/>
                  <a:gd fmla="*/ 178 w 194" name="T8"/>
                  <a:gd fmla="*/ 151 h 194" name="T9"/>
                  <a:gd fmla="*/ 194 w 194" name="T10"/>
                  <a:gd fmla="*/ 97 h 194" name="T11"/>
                  <a:gd fmla="*/ 97 w 194" name="T12"/>
                  <a:gd fmla="*/ 0 h 194" name="T13"/>
                  <a:gd fmla="*/ 0 w 194" name="T14"/>
                  <a:gd fmla="*/ 97 h 194" name="T15"/>
                  <a:gd fmla="*/ 97 w 194" name="T16"/>
                  <a:gd fmla="*/ 194 h 194" name="T17"/>
                  <a:gd fmla="*/ 97 w 194" name="T18"/>
                  <a:gd fmla="*/ 159 h 194" name="T19"/>
                  <a:gd fmla="*/ 35 w 194" name="T20"/>
                  <a:gd fmla="*/ 97 h 194" name="T2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b="b" l="0" r="r" t="0"/>
                <a:pathLst>
                  <a:path h="194" w="194">
                    <a:moveTo>
                      <a:pt x="35" y="97"/>
                    </a:moveTo>
                    <a:cubicBezTo>
                      <a:pt x="35" y="63"/>
                      <a:pt x="63" y="35"/>
                      <a:pt x="97" y="35"/>
                    </a:cubicBezTo>
                    <a:cubicBezTo>
                      <a:pt x="131" y="35"/>
                      <a:pt x="159" y="63"/>
                      <a:pt x="159" y="97"/>
                    </a:cubicBezTo>
                    <a:cubicBezTo>
                      <a:pt x="159" y="110"/>
                      <a:pt x="155" y="122"/>
                      <a:pt x="149" y="132"/>
                    </a:cubicBezTo>
                    <a:cubicBezTo>
                      <a:pt x="178" y="151"/>
                      <a:pt x="178" y="151"/>
                      <a:pt x="178" y="151"/>
                    </a:cubicBezTo>
                    <a:cubicBezTo>
                      <a:pt x="188" y="135"/>
                      <a:pt x="194" y="117"/>
                      <a:pt x="194" y="97"/>
                    </a:cubicBezTo>
                    <a:cubicBezTo>
                      <a:pt x="194" y="44"/>
                      <a:pt x="151" y="0"/>
                      <a:pt x="97" y="0"/>
                    </a:cubicBezTo>
                    <a:cubicBezTo>
                      <a:pt x="44" y="0"/>
                      <a:pt x="0" y="44"/>
                      <a:pt x="0" y="97"/>
                    </a:cubicBezTo>
                    <a:cubicBezTo>
                      <a:pt x="0" y="150"/>
                      <a:pt x="44" y="194"/>
                      <a:pt x="97" y="194"/>
                    </a:cubicBezTo>
                    <a:cubicBezTo>
                      <a:pt x="97" y="159"/>
                      <a:pt x="97" y="159"/>
                      <a:pt x="97" y="159"/>
                    </a:cubicBezTo>
                    <a:cubicBezTo>
                      <a:pt x="63" y="159"/>
                      <a:pt x="35" y="131"/>
                      <a:pt x="35" y="97"/>
                    </a:cubicBezTo>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solidFill>
                    <a:srgbClr val="00544A"/>
                  </a:solidFill>
                </a:endParaRPr>
              </a:p>
            </p:txBody>
          </p:sp>
        </p:grpSp>
        <p:sp>
          <p:nvSpPr>
            <p:cNvPr id="14" name="TextBox 13"/>
            <p:cNvSpPr txBox="1"/>
            <p:nvPr/>
          </p:nvSpPr>
          <p:spPr>
            <a:xfrm>
              <a:off x="6536149" y="2341573"/>
              <a:ext cx="914717" cy="518160"/>
            </a:xfrm>
            <a:prstGeom prst="rect">
              <a:avLst/>
            </a:prstGeom>
            <a:noFill/>
          </p:spPr>
          <p:txBody>
            <a:bodyPr rtlCol="0" wrap="none">
              <a:spAutoFit/>
            </a:bodyPr>
            <a:lstStyle/>
            <a:p>
              <a:r>
                <a:rPr altLang="zh-CN" lang="en-US" sz="2800">
                  <a:solidFill>
                    <a:srgbClr val="00544A"/>
                  </a:solidFill>
                  <a:latin charset="-122" panose="020b0503020204020204" pitchFamily="34" typeface="微软雅黑"/>
                  <a:ea charset="-122" panose="020b0503020204020204" pitchFamily="34" typeface="微软雅黑"/>
                </a:rPr>
                <a:t>90%</a:t>
              </a:r>
            </a:p>
          </p:txBody>
        </p:sp>
      </p:grpSp>
      <p:sp>
        <p:nvSpPr>
          <p:cNvPr id="17" name="矩形 16"/>
          <p:cNvSpPr/>
          <p:nvPr/>
        </p:nvSpPr>
        <p:spPr>
          <a:xfrm>
            <a:off x="1750045" y="3692369"/>
            <a:ext cx="1425188" cy="1188720"/>
          </a:xfrm>
          <a:prstGeom prst="rect">
            <a:avLst/>
          </a:prstGeom>
        </p:spPr>
        <p:txBody>
          <a:bodyPr wrap="square">
            <a:spAutoFit/>
          </a:bodyPr>
          <a:lstStyle/>
          <a:p>
            <a:pPr algn="just"/>
            <a:r>
              <a:rPr altLang="en-US" kern="0" lang="zh-CN" sz="1200">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a:t>
            </a:r>
          </a:p>
        </p:txBody>
      </p:sp>
      <p:sp>
        <p:nvSpPr>
          <p:cNvPr id="18" name="矩形 17"/>
          <p:cNvSpPr/>
          <p:nvPr/>
        </p:nvSpPr>
        <p:spPr>
          <a:xfrm>
            <a:off x="4229721" y="3692369"/>
            <a:ext cx="1425188" cy="1188720"/>
          </a:xfrm>
          <a:prstGeom prst="rect">
            <a:avLst/>
          </a:prstGeom>
        </p:spPr>
        <p:txBody>
          <a:bodyPr wrap="square">
            <a:spAutoFit/>
          </a:bodyPr>
          <a:lstStyle/>
          <a:p>
            <a:pPr algn="just"/>
            <a:r>
              <a:rPr altLang="en-US" kern="0" lang="zh-CN" sz="1200">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a:t>
            </a:r>
          </a:p>
        </p:txBody>
      </p:sp>
      <p:sp>
        <p:nvSpPr>
          <p:cNvPr id="19" name="矩形 18"/>
          <p:cNvSpPr/>
          <p:nvPr/>
        </p:nvSpPr>
        <p:spPr>
          <a:xfrm>
            <a:off x="6799088" y="3692369"/>
            <a:ext cx="1425188" cy="1188720"/>
          </a:xfrm>
          <a:prstGeom prst="rect">
            <a:avLst/>
          </a:prstGeom>
        </p:spPr>
        <p:txBody>
          <a:bodyPr wrap="square">
            <a:spAutoFit/>
          </a:bodyPr>
          <a:lstStyle/>
          <a:p>
            <a:pPr algn="just"/>
            <a:r>
              <a:rPr altLang="en-US" kern="0" lang="zh-CN" sz="1200">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a:t>
            </a:r>
          </a:p>
        </p:txBody>
      </p:sp>
    </p:spTree>
    <p:extLst>
      <p:ext uri="{BB962C8B-B14F-4D97-AF65-F5344CB8AC3E}">
        <p14:creationId val="1542207130"/>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withEffect" presetClass="entr" presetID="42" presetSubtype="0">
                                  <p:stCondLst>
                                    <p:cond delay="0"/>
                                  </p:stCondLst>
                                  <p:childTnLst>
                                    <p:set>
                                      <p:cBhvr>
                                        <p:cTn dur="1" fill="hold" id="6">
                                          <p:stCondLst>
                                            <p:cond delay="0"/>
                                          </p:stCondLst>
                                        </p:cTn>
                                        <p:tgtEl>
                                          <p:spTgt spid="2"/>
                                        </p:tgtEl>
                                        <p:attrNameLst>
                                          <p:attrName>style.visibility</p:attrName>
                                        </p:attrNameLst>
                                      </p:cBhvr>
                                      <p:to>
                                        <p:strVal val="visible"/>
                                      </p:to>
                                    </p:set>
                                    <p:animEffect filter="fade" transition="in">
                                      <p:cBhvr>
                                        <p:cTn dur="750" id="7"/>
                                        <p:tgtEl>
                                          <p:spTgt spid="2"/>
                                        </p:tgtEl>
                                      </p:cBhvr>
                                    </p:animEffect>
                                    <p:anim calcmode="lin" valueType="num">
                                      <p:cBhvr>
                                        <p:cTn dur="750" fill="hold" id="8"/>
                                        <p:tgtEl>
                                          <p:spTgt spid="2"/>
                                        </p:tgtEl>
                                        <p:attrNameLst>
                                          <p:attrName>ppt_x</p:attrName>
                                        </p:attrNameLst>
                                      </p:cBhvr>
                                      <p:tavLst>
                                        <p:tav tm="0">
                                          <p:val>
                                            <p:strVal val="#ppt_x"/>
                                          </p:val>
                                        </p:tav>
                                        <p:tav tm="100000">
                                          <p:val>
                                            <p:strVal val="#ppt_x"/>
                                          </p:val>
                                        </p:tav>
                                      </p:tavLst>
                                    </p:anim>
                                    <p:anim calcmode="lin" valueType="num">
                                      <p:cBhvr>
                                        <p:cTn dur="750" fill="hold" id="9"/>
                                        <p:tgtEl>
                                          <p:spTgt spid="2"/>
                                        </p:tgtEl>
                                        <p:attrNameLst>
                                          <p:attrName>ppt_y</p:attrName>
                                        </p:attrNameLst>
                                      </p:cBhvr>
                                      <p:tavLst>
                                        <p:tav tm="0">
                                          <p:val>
                                            <p:strVal val="#ppt_y+.1"/>
                                          </p:val>
                                        </p:tav>
                                        <p:tav tm="100000">
                                          <p:val>
                                            <p:strVal val="#ppt_y"/>
                                          </p:val>
                                        </p:tav>
                                      </p:tavLst>
                                    </p:anim>
                                  </p:childTnLst>
                                </p:cTn>
                              </p:par>
                              <p:par>
                                <p:cTn fill="hold" grpId="0" id="10" nodeType="withEffect" presetClass="entr" presetID="22" presetSubtype="1">
                                  <p:stCondLst>
                                    <p:cond delay="700"/>
                                  </p:stCondLst>
                                  <p:childTnLst>
                                    <p:set>
                                      <p:cBhvr>
                                        <p:cTn dur="1" fill="hold" id="11">
                                          <p:stCondLst>
                                            <p:cond delay="0"/>
                                          </p:stCondLst>
                                        </p:cTn>
                                        <p:tgtEl>
                                          <p:spTgt spid="17"/>
                                        </p:tgtEl>
                                        <p:attrNameLst>
                                          <p:attrName>style.visibility</p:attrName>
                                        </p:attrNameLst>
                                      </p:cBhvr>
                                      <p:to>
                                        <p:strVal val="visible"/>
                                      </p:to>
                                    </p:set>
                                    <p:animEffect filter="wipe(up)" transition="in">
                                      <p:cBhvr>
                                        <p:cTn dur="500" id="12"/>
                                        <p:tgtEl>
                                          <p:spTgt spid="17"/>
                                        </p:tgtEl>
                                      </p:cBhvr>
                                    </p:animEffect>
                                  </p:childTnLst>
                                </p:cTn>
                              </p:par>
                              <p:par>
                                <p:cTn fill="hold" id="13" nodeType="withEffect" presetClass="entr" presetID="42" presetSubtype="0">
                                  <p:stCondLst>
                                    <p:cond delay="300"/>
                                  </p:stCondLst>
                                  <p:childTnLst>
                                    <p:set>
                                      <p:cBhvr>
                                        <p:cTn dur="1" fill="hold" id="14">
                                          <p:stCondLst>
                                            <p:cond delay="0"/>
                                          </p:stCondLst>
                                        </p:cTn>
                                        <p:tgtEl>
                                          <p:spTgt spid="7"/>
                                        </p:tgtEl>
                                        <p:attrNameLst>
                                          <p:attrName>style.visibility</p:attrName>
                                        </p:attrNameLst>
                                      </p:cBhvr>
                                      <p:to>
                                        <p:strVal val="visible"/>
                                      </p:to>
                                    </p:set>
                                    <p:animEffect filter="fade" transition="in">
                                      <p:cBhvr>
                                        <p:cTn dur="750" id="15"/>
                                        <p:tgtEl>
                                          <p:spTgt spid="7"/>
                                        </p:tgtEl>
                                      </p:cBhvr>
                                    </p:animEffect>
                                    <p:anim calcmode="lin" valueType="num">
                                      <p:cBhvr>
                                        <p:cTn dur="750" fill="hold" id="16"/>
                                        <p:tgtEl>
                                          <p:spTgt spid="7"/>
                                        </p:tgtEl>
                                        <p:attrNameLst>
                                          <p:attrName>ppt_x</p:attrName>
                                        </p:attrNameLst>
                                      </p:cBhvr>
                                      <p:tavLst>
                                        <p:tav tm="0">
                                          <p:val>
                                            <p:strVal val="#ppt_x"/>
                                          </p:val>
                                        </p:tav>
                                        <p:tav tm="100000">
                                          <p:val>
                                            <p:strVal val="#ppt_x"/>
                                          </p:val>
                                        </p:tav>
                                      </p:tavLst>
                                    </p:anim>
                                    <p:anim calcmode="lin" valueType="num">
                                      <p:cBhvr>
                                        <p:cTn dur="750" fill="hold" id="17"/>
                                        <p:tgtEl>
                                          <p:spTgt spid="7"/>
                                        </p:tgtEl>
                                        <p:attrNameLst>
                                          <p:attrName>ppt_y</p:attrName>
                                        </p:attrNameLst>
                                      </p:cBhvr>
                                      <p:tavLst>
                                        <p:tav tm="0">
                                          <p:val>
                                            <p:strVal val="#ppt_y+.1"/>
                                          </p:val>
                                        </p:tav>
                                        <p:tav tm="100000">
                                          <p:val>
                                            <p:strVal val="#ppt_y"/>
                                          </p:val>
                                        </p:tav>
                                      </p:tavLst>
                                    </p:anim>
                                  </p:childTnLst>
                                </p:cTn>
                              </p:par>
                              <p:par>
                                <p:cTn fill="hold" grpId="0" id="18" nodeType="withEffect" presetClass="entr" presetID="22" presetSubtype="1">
                                  <p:stCondLst>
                                    <p:cond delay="1000"/>
                                  </p:stCondLst>
                                  <p:childTnLst>
                                    <p:set>
                                      <p:cBhvr>
                                        <p:cTn dur="1" fill="hold" id="19">
                                          <p:stCondLst>
                                            <p:cond delay="0"/>
                                          </p:stCondLst>
                                        </p:cTn>
                                        <p:tgtEl>
                                          <p:spTgt spid="18"/>
                                        </p:tgtEl>
                                        <p:attrNameLst>
                                          <p:attrName>style.visibility</p:attrName>
                                        </p:attrNameLst>
                                      </p:cBhvr>
                                      <p:to>
                                        <p:strVal val="visible"/>
                                      </p:to>
                                    </p:set>
                                    <p:animEffect filter="wipe(up)" transition="in">
                                      <p:cBhvr>
                                        <p:cTn dur="500" id="20"/>
                                        <p:tgtEl>
                                          <p:spTgt spid="18"/>
                                        </p:tgtEl>
                                      </p:cBhvr>
                                    </p:animEffect>
                                  </p:childTnLst>
                                </p:cTn>
                              </p:par>
                              <p:par>
                                <p:cTn fill="hold" id="21" nodeType="withEffect" presetClass="entr" presetID="42" presetSubtype="0">
                                  <p:stCondLst>
                                    <p:cond delay="600"/>
                                  </p:stCondLst>
                                  <p:childTnLst>
                                    <p:set>
                                      <p:cBhvr>
                                        <p:cTn dur="1" fill="hold" id="22">
                                          <p:stCondLst>
                                            <p:cond delay="0"/>
                                          </p:stCondLst>
                                        </p:cTn>
                                        <p:tgtEl>
                                          <p:spTgt spid="12"/>
                                        </p:tgtEl>
                                        <p:attrNameLst>
                                          <p:attrName>style.visibility</p:attrName>
                                        </p:attrNameLst>
                                      </p:cBhvr>
                                      <p:to>
                                        <p:strVal val="visible"/>
                                      </p:to>
                                    </p:set>
                                    <p:animEffect filter="fade" transition="in">
                                      <p:cBhvr>
                                        <p:cTn dur="750" id="23"/>
                                        <p:tgtEl>
                                          <p:spTgt spid="12"/>
                                        </p:tgtEl>
                                      </p:cBhvr>
                                    </p:animEffect>
                                    <p:anim calcmode="lin" valueType="num">
                                      <p:cBhvr>
                                        <p:cTn dur="750" fill="hold" id="24"/>
                                        <p:tgtEl>
                                          <p:spTgt spid="12"/>
                                        </p:tgtEl>
                                        <p:attrNameLst>
                                          <p:attrName>ppt_x</p:attrName>
                                        </p:attrNameLst>
                                      </p:cBhvr>
                                      <p:tavLst>
                                        <p:tav tm="0">
                                          <p:val>
                                            <p:strVal val="#ppt_x"/>
                                          </p:val>
                                        </p:tav>
                                        <p:tav tm="100000">
                                          <p:val>
                                            <p:strVal val="#ppt_x"/>
                                          </p:val>
                                        </p:tav>
                                      </p:tavLst>
                                    </p:anim>
                                    <p:anim calcmode="lin" valueType="num">
                                      <p:cBhvr>
                                        <p:cTn dur="750" fill="hold" id="25"/>
                                        <p:tgtEl>
                                          <p:spTgt spid="12"/>
                                        </p:tgtEl>
                                        <p:attrNameLst>
                                          <p:attrName>ppt_y</p:attrName>
                                        </p:attrNameLst>
                                      </p:cBhvr>
                                      <p:tavLst>
                                        <p:tav tm="0">
                                          <p:val>
                                            <p:strVal val="#ppt_y+.1"/>
                                          </p:val>
                                        </p:tav>
                                        <p:tav tm="100000">
                                          <p:val>
                                            <p:strVal val="#ppt_y"/>
                                          </p:val>
                                        </p:tav>
                                      </p:tavLst>
                                    </p:anim>
                                  </p:childTnLst>
                                </p:cTn>
                              </p:par>
                              <p:par>
                                <p:cTn fill="hold" grpId="0" id="26" nodeType="withEffect" presetClass="entr" presetID="22" presetSubtype="1">
                                  <p:stCondLst>
                                    <p:cond delay="1300"/>
                                  </p:stCondLst>
                                  <p:childTnLst>
                                    <p:set>
                                      <p:cBhvr>
                                        <p:cTn dur="1" fill="hold" id="27">
                                          <p:stCondLst>
                                            <p:cond delay="0"/>
                                          </p:stCondLst>
                                        </p:cTn>
                                        <p:tgtEl>
                                          <p:spTgt spid="19"/>
                                        </p:tgtEl>
                                        <p:attrNameLst>
                                          <p:attrName>style.visibility</p:attrName>
                                        </p:attrNameLst>
                                      </p:cBhvr>
                                      <p:to>
                                        <p:strVal val="visible"/>
                                      </p:to>
                                    </p:set>
                                    <p:animEffect filter="wipe(up)" transition="in">
                                      <p:cBhvr>
                                        <p:cTn dur="500" id="28"/>
                                        <p:tgtEl>
                                          <p:spTgt spid="19"/>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17"/>
      <p:bldP grpId="0" spid="18"/>
      <p:bldP grpId="0" spid="19"/>
    </p:bldLst>
  </p:timing>
</p:sld>
</file>

<file path=ppt/slides/slide17.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1406509" y="1633367"/>
            <a:ext cx="1927225" cy="1949449"/>
            <a:chOff x="960438" y="1612900"/>
            <a:chExt cx="1927225" cy="1949449"/>
          </a:xfrm>
        </p:grpSpPr>
        <p:grpSp>
          <p:nvGrpSpPr>
            <p:cNvPr id="3" name="Group 5"/>
            <p:cNvGrpSpPr>
              <a:grpSpLocks noChangeAspect="1"/>
            </p:cNvGrpSpPr>
            <p:nvPr/>
          </p:nvGrpSpPr>
          <p:grpSpPr>
            <a:xfrm>
              <a:off x="960438" y="1612900"/>
              <a:ext cx="1927225" cy="1949449"/>
              <a:chOff x="605" y="1016"/>
              <a:chExt cx="1214" cy="1228"/>
            </a:xfrm>
          </p:grpSpPr>
          <p:sp>
            <p:nvSpPr>
              <p:cNvPr id="5" name="AutoShape 4"/>
              <p:cNvSpPr>
                <a:spLocks noChangeArrowheads="1" noChangeAspect="1" noTextEdit="1"/>
              </p:cNvSpPr>
              <p:nvPr/>
            </p:nvSpPr>
            <p:spPr bwMode="auto">
              <a:xfrm>
                <a:off x="612" y="1023"/>
                <a:ext cx="1200" cy="1221"/>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 name="Freeform 6"/>
              <p:cNvSpPr/>
              <p:nvPr/>
            </p:nvSpPr>
            <p:spPr bwMode="auto">
              <a:xfrm>
                <a:off x="605" y="1016"/>
                <a:ext cx="1214" cy="1221"/>
              </a:xfrm>
              <a:custGeom>
                <a:gdLst>
                  <a:gd fmla="*/ 88 w 176" name="T0"/>
                  <a:gd fmla="*/ 0 h 177" name="T1"/>
                  <a:gd fmla="*/ 0 w 176" name="T2"/>
                  <a:gd fmla="*/ 88 h 177" name="T3"/>
                  <a:gd fmla="*/ 88 w 176" name="T4"/>
                  <a:gd fmla="*/ 177 h 177" name="T5"/>
                  <a:gd fmla="*/ 176 w 176" name="T6"/>
                  <a:gd fmla="*/ 88 h 177" name="T7"/>
                  <a:gd fmla="*/ 176 w 176" name="T8"/>
                  <a:gd fmla="*/ 0 h 177" name="T9"/>
                  <a:gd fmla="*/ 88 w 176" name="T10"/>
                  <a:gd fmla="*/ 0 h 177" name="T11"/>
                </a:gdLst>
                <a:cxnLst>
                  <a:cxn ang="0">
                    <a:pos x="T0" y="T1"/>
                  </a:cxn>
                  <a:cxn ang="0">
                    <a:pos x="T2" y="T3"/>
                  </a:cxn>
                  <a:cxn ang="0">
                    <a:pos x="T4" y="T5"/>
                  </a:cxn>
                  <a:cxn ang="0">
                    <a:pos x="T6" y="T7"/>
                  </a:cxn>
                  <a:cxn ang="0">
                    <a:pos x="T8" y="T9"/>
                  </a:cxn>
                  <a:cxn ang="0">
                    <a:pos x="T10" y="T11"/>
                  </a:cxn>
                </a:cxnLst>
                <a:rect b="b" l="0" r="r" t="0"/>
                <a:pathLst>
                  <a:path h="177" w="176">
                    <a:moveTo>
                      <a:pt x="88" y="0"/>
                    </a:moveTo>
                    <a:cubicBezTo>
                      <a:pt x="39" y="0"/>
                      <a:pt x="0" y="40"/>
                      <a:pt x="0" y="88"/>
                    </a:cubicBezTo>
                    <a:cubicBezTo>
                      <a:pt x="0" y="137"/>
                      <a:pt x="39" y="177"/>
                      <a:pt x="88" y="177"/>
                    </a:cubicBezTo>
                    <a:cubicBezTo>
                      <a:pt x="137" y="177"/>
                      <a:pt x="176" y="137"/>
                      <a:pt x="176" y="88"/>
                    </a:cubicBezTo>
                    <a:cubicBezTo>
                      <a:pt x="176" y="0"/>
                      <a:pt x="176" y="0"/>
                      <a:pt x="176" y="0"/>
                    </a:cubicBezTo>
                    <a:lnTo>
                      <a:pt x="88" y="0"/>
                    </a:lnTo>
                    <a:close/>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 name="Freeform 17"/>
              <p:cNvSpPr/>
              <p:nvPr/>
            </p:nvSpPr>
            <p:spPr bwMode="auto">
              <a:xfrm>
                <a:off x="918" y="1361"/>
                <a:ext cx="207" cy="269"/>
              </a:xfrm>
              <a:custGeom>
                <a:gdLst>
                  <a:gd fmla="*/ 30 w 30" name="T0"/>
                  <a:gd fmla="*/ 25 h 39" name="T1"/>
                  <a:gd fmla="*/ 29 w 30" name="T2"/>
                  <a:gd fmla="*/ 31 h 39" name="T3"/>
                  <a:gd fmla="*/ 26 w 30" name="T4"/>
                  <a:gd fmla="*/ 35 h 39" name="T5"/>
                  <a:gd fmla="*/ 20 w 30" name="T6"/>
                  <a:gd fmla="*/ 38 h 39" name="T7"/>
                  <a:gd fmla="*/ 13 w 30" name="T8"/>
                  <a:gd fmla="*/ 39 h 39" name="T9"/>
                  <a:gd fmla="*/ 5 w 30" name="T10"/>
                  <a:gd fmla="*/ 38 h 39" name="T11"/>
                  <a:gd fmla="*/ 0 w 30" name="T12"/>
                  <a:gd fmla="*/ 37 h 39" name="T13"/>
                  <a:gd fmla="*/ 0 w 30" name="T14"/>
                  <a:gd fmla="*/ 28 h 39" name="T15"/>
                  <a:gd fmla="*/ 1 w 30" name="T16"/>
                  <a:gd fmla="*/ 28 h 39" name="T17"/>
                  <a:gd fmla="*/ 6 w 30" name="T18"/>
                  <a:gd fmla="*/ 31 h 39" name="T19"/>
                  <a:gd fmla="*/ 12 w 30" name="T20"/>
                  <a:gd fmla="*/ 32 h 39" name="T21"/>
                  <a:gd fmla="*/ 15 w 30" name="T22"/>
                  <a:gd fmla="*/ 31 h 39" name="T23"/>
                  <a:gd fmla="*/ 18 w 30" name="T24"/>
                  <a:gd fmla="*/ 30 h 39" name="T25"/>
                  <a:gd fmla="*/ 20 w 30" name="T26"/>
                  <a:gd fmla="*/ 28 h 39" name="T27"/>
                  <a:gd fmla="*/ 20 w 30" name="T28"/>
                  <a:gd fmla="*/ 26 h 39" name="T29"/>
                  <a:gd fmla="*/ 19 w 30" name="T30"/>
                  <a:gd fmla="*/ 23 h 39" name="T31"/>
                  <a:gd fmla="*/ 18 w 30" name="T32"/>
                  <a:gd fmla="*/ 22 h 39" name="T33"/>
                  <a:gd fmla="*/ 14 w 30" name="T34"/>
                  <a:gd fmla="*/ 21 h 39" name="T35"/>
                  <a:gd fmla="*/ 11 w 30" name="T36"/>
                  <a:gd fmla="*/ 20 h 39" name="T37"/>
                  <a:gd fmla="*/ 6 w 30" name="T38"/>
                  <a:gd fmla="*/ 21 h 39" name="T39"/>
                  <a:gd fmla="*/ 3 w 30" name="T40"/>
                  <a:gd fmla="*/ 22 h 39" name="T41"/>
                  <a:gd fmla="*/ 1 w 30" name="T42"/>
                  <a:gd fmla="*/ 22 h 39" name="T43"/>
                  <a:gd fmla="*/ 1 w 30" name="T44"/>
                  <a:gd fmla="*/ 0 h 39" name="T45"/>
                  <a:gd fmla="*/ 29 w 30" name="T46"/>
                  <a:gd fmla="*/ 0 h 39" name="T47"/>
                  <a:gd fmla="*/ 29 w 30" name="T48"/>
                  <a:gd fmla="*/ 7 h 39" name="T49"/>
                  <a:gd fmla="*/ 11 w 30" name="T50"/>
                  <a:gd fmla="*/ 7 h 39" name="T51"/>
                  <a:gd fmla="*/ 11 w 30" name="T52"/>
                  <a:gd fmla="*/ 13 h 39" name="T53"/>
                  <a:gd fmla="*/ 13 w 30" name="T54"/>
                  <a:gd fmla="*/ 13 h 39" name="T55"/>
                  <a:gd fmla="*/ 15 w 30" name="T56"/>
                  <a:gd fmla="*/ 13 h 39" name="T57"/>
                  <a:gd fmla="*/ 21 w 30" name="T58"/>
                  <a:gd fmla="*/ 14 h 39" name="T59"/>
                  <a:gd fmla="*/ 25 w 30" name="T60"/>
                  <a:gd fmla="*/ 16 h 39" name="T61"/>
                  <a:gd fmla="*/ 29 w 30" name="T62"/>
                  <a:gd fmla="*/ 19 h 39" name="T63"/>
                  <a:gd fmla="*/ 30 w 30" name="T64"/>
                  <a:gd fmla="*/ 25 h 39" name="T6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b="b" l="0" r="r" t="0"/>
                <a:pathLst>
                  <a:path h="39" w="30">
                    <a:moveTo>
                      <a:pt x="30" y="25"/>
                    </a:moveTo>
                    <a:cubicBezTo>
                      <a:pt x="30" y="27"/>
                      <a:pt x="30" y="29"/>
                      <a:pt x="29" y="31"/>
                    </a:cubicBezTo>
                    <a:cubicBezTo>
                      <a:pt x="28" y="33"/>
                      <a:pt x="27" y="34"/>
                      <a:pt x="26" y="35"/>
                    </a:cubicBezTo>
                    <a:cubicBezTo>
                      <a:pt x="24" y="37"/>
                      <a:pt x="22" y="38"/>
                      <a:pt x="20" y="38"/>
                    </a:cubicBezTo>
                    <a:cubicBezTo>
                      <a:pt x="18" y="39"/>
                      <a:pt x="16" y="39"/>
                      <a:pt x="13" y="39"/>
                    </a:cubicBezTo>
                    <a:cubicBezTo>
                      <a:pt x="10" y="39"/>
                      <a:pt x="7" y="39"/>
                      <a:pt x="5" y="38"/>
                    </a:cubicBezTo>
                    <a:cubicBezTo>
                      <a:pt x="3" y="38"/>
                      <a:pt x="1" y="37"/>
                      <a:pt x="0" y="37"/>
                    </a:cubicBezTo>
                    <a:cubicBezTo>
                      <a:pt x="0" y="28"/>
                      <a:pt x="0" y="28"/>
                      <a:pt x="0" y="28"/>
                    </a:cubicBezTo>
                    <a:cubicBezTo>
                      <a:pt x="1" y="28"/>
                      <a:pt x="1" y="28"/>
                      <a:pt x="1" y="28"/>
                    </a:cubicBezTo>
                    <a:cubicBezTo>
                      <a:pt x="3" y="29"/>
                      <a:pt x="4" y="30"/>
                      <a:pt x="6" y="31"/>
                    </a:cubicBezTo>
                    <a:cubicBezTo>
                      <a:pt x="8" y="31"/>
                      <a:pt x="10" y="32"/>
                      <a:pt x="12" y="32"/>
                    </a:cubicBezTo>
                    <a:cubicBezTo>
                      <a:pt x="13" y="32"/>
                      <a:pt x="14" y="31"/>
                      <a:pt x="15" y="31"/>
                    </a:cubicBezTo>
                    <a:cubicBezTo>
                      <a:pt x="16" y="31"/>
                      <a:pt x="17" y="31"/>
                      <a:pt x="18" y="30"/>
                    </a:cubicBezTo>
                    <a:cubicBezTo>
                      <a:pt x="19" y="29"/>
                      <a:pt x="19" y="29"/>
                      <a:pt x="20" y="28"/>
                    </a:cubicBezTo>
                    <a:cubicBezTo>
                      <a:pt x="20" y="28"/>
                      <a:pt x="20" y="27"/>
                      <a:pt x="20" y="26"/>
                    </a:cubicBezTo>
                    <a:cubicBezTo>
                      <a:pt x="20" y="25"/>
                      <a:pt x="20" y="24"/>
                      <a:pt x="19" y="23"/>
                    </a:cubicBezTo>
                    <a:cubicBezTo>
                      <a:pt x="19" y="23"/>
                      <a:pt x="18" y="22"/>
                      <a:pt x="18" y="22"/>
                    </a:cubicBezTo>
                    <a:cubicBezTo>
                      <a:pt x="17" y="21"/>
                      <a:pt x="16" y="21"/>
                      <a:pt x="14" y="21"/>
                    </a:cubicBezTo>
                    <a:cubicBezTo>
                      <a:pt x="13" y="20"/>
                      <a:pt x="12" y="20"/>
                      <a:pt x="11" y="20"/>
                    </a:cubicBezTo>
                    <a:cubicBezTo>
                      <a:pt x="9" y="20"/>
                      <a:pt x="8" y="20"/>
                      <a:pt x="6" y="21"/>
                    </a:cubicBezTo>
                    <a:cubicBezTo>
                      <a:pt x="5" y="21"/>
                      <a:pt x="4" y="21"/>
                      <a:pt x="3" y="22"/>
                    </a:cubicBezTo>
                    <a:cubicBezTo>
                      <a:pt x="1" y="22"/>
                      <a:pt x="1" y="22"/>
                      <a:pt x="1" y="22"/>
                    </a:cubicBezTo>
                    <a:cubicBezTo>
                      <a:pt x="1" y="0"/>
                      <a:pt x="1" y="0"/>
                      <a:pt x="1" y="0"/>
                    </a:cubicBezTo>
                    <a:cubicBezTo>
                      <a:pt x="29" y="0"/>
                      <a:pt x="29" y="0"/>
                      <a:pt x="29" y="0"/>
                    </a:cubicBezTo>
                    <a:cubicBezTo>
                      <a:pt x="29" y="7"/>
                      <a:pt x="29" y="7"/>
                      <a:pt x="29" y="7"/>
                    </a:cubicBezTo>
                    <a:cubicBezTo>
                      <a:pt x="11" y="7"/>
                      <a:pt x="11" y="7"/>
                      <a:pt x="11" y="7"/>
                    </a:cubicBezTo>
                    <a:cubicBezTo>
                      <a:pt x="11" y="13"/>
                      <a:pt x="11" y="13"/>
                      <a:pt x="11" y="13"/>
                    </a:cubicBezTo>
                    <a:cubicBezTo>
                      <a:pt x="11" y="13"/>
                      <a:pt x="12" y="13"/>
                      <a:pt x="13" y="13"/>
                    </a:cubicBezTo>
                    <a:cubicBezTo>
                      <a:pt x="14" y="13"/>
                      <a:pt x="14" y="13"/>
                      <a:pt x="15" y="13"/>
                    </a:cubicBezTo>
                    <a:cubicBezTo>
                      <a:pt x="17" y="13"/>
                      <a:pt x="19" y="14"/>
                      <a:pt x="21" y="14"/>
                    </a:cubicBezTo>
                    <a:cubicBezTo>
                      <a:pt x="22" y="14"/>
                      <a:pt x="24" y="15"/>
                      <a:pt x="25" y="16"/>
                    </a:cubicBezTo>
                    <a:cubicBezTo>
                      <a:pt x="27" y="17"/>
                      <a:pt x="28" y="18"/>
                      <a:pt x="29" y="19"/>
                    </a:cubicBezTo>
                    <a:cubicBezTo>
                      <a:pt x="30" y="21"/>
                      <a:pt x="30" y="23"/>
                      <a:pt x="30" y="25"/>
                    </a:cubicBezTo>
                  </a:path>
                </a:pathLst>
              </a:custGeom>
              <a:solidFill>
                <a:srgbClr val="F2F3F4"/>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 name="Freeform 18"/>
              <p:cNvSpPr>
                <a:spLocks noEditPoints="1"/>
              </p:cNvSpPr>
              <p:nvPr/>
            </p:nvSpPr>
            <p:spPr bwMode="auto">
              <a:xfrm>
                <a:off x="1173" y="1354"/>
                <a:ext cx="421" cy="276"/>
              </a:xfrm>
              <a:custGeom>
                <a:gdLst>
                  <a:gd fmla="*/ 24 w 61" name="T0"/>
                  <a:gd fmla="*/ 13 h 40" name="T1"/>
                  <a:gd fmla="*/ 21 w 61" name="T2"/>
                  <a:gd fmla="*/ 22 h 40" name="T3"/>
                  <a:gd fmla="*/ 12 w 61" name="T4"/>
                  <a:gd fmla="*/ 25 h 40" name="T5"/>
                  <a:gd fmla="*/ 3 w 61" name="T6"/>
                  <a:gd fmla="*/ 22 h 40" name="T7"/>
                  <a:gd fmla="*/ 0 w 61" name="T8"/>
                  <a:gd fmla="*/ 13 h 40" name="T9"/>
                  <a:gd fmla="*/ 3 w 61" name="T10"/>
                  <a:gd fmla="*/ 3 h 40" name="T11"/>
                  <a:gd fmla="*/ 12 w 61" name="T12"/>
                  <a:gd fmla="*/ 0 h 40" name="T13"/>
                  <a:gd fmla="*/ 21 w 61" name="T14"/>
                  <a:gd fmla="*/ 3 h 40" name="T15"/>
                  <a:gd fmla="*/ 24 w 61" name="T16"/>
                  <a:gd fmla="*/ 13 h 40" name="T17"/>
                  <a:gd fmla="*/ 16 w 61" name="T18"/>
                  <a:gd fmla="*/ 13 h 40" name="T19"/>
                  <a:gd fmla="*/ 15 w 61" name="T20"/>
                  <a:gd fmla="*/ 7 h 40" name="T21"/>
                  <a:gd fmla="*/ 12 w 61" name="T22"/>
                  <a:gd fmla="*/ 5 h 40" name="T23"/>
                  <a:gd fmla="*/ 9 w 61" name="T24"/>
                  <a:gd fmla="*/ 7 h 40" name="T25"/>
                  <a:gd fmla="*/ 8 w 61" name="T26"/>
                  <a:gd fmla="*/ 13 h 40" name="T27"/>
                  <a:gd fmla="*/ 9 w 61" name="T28"/>
                  <a:gd fmla="*/ 18 h 40" name="T29"/>
                  <a:gd fmla="*/ 12 w 61" name="T30"/>
                  <a:gd fmla="*/ 20 h 40" name="T31"/>
                  <a:gd fmla="*/ 15 w 61" name="T32"/>
                  <a:gd fmla="*/ 18 h 40" name="T33"/>
                  <a:gd fmla="*/ 16 w 61" name="T34"/>
                  <a:gd fmla="*/ 13 h 40" name="T35"/>
                  <a:gd fmla="*/ 44 w 61" name="T36"/>
                  <a:gd fmla="*/ 1 h 40" name="T37"/>
                  <a:gd fmla="*/ 24 w 61" name="T38"/>
                  <a:gd fmla="*/ 39 h 40" name="T39"/>
                  <a:gd fmla="*/ 17 w 61" name="T40"/>
                  <a:gd fmla="*/ 39 h 40" name="T41"/>
                  <a:gd fmla="*/ 37 w 61" name="T42"/>
                  <a:gd fmla="*/ 1 h 40" name="T43"/>
                  <a:gd fmla="*/ 44 w 61" name="T44"/>
                  <a:gd fmla="*/ 1 h 40" name="T45"/>
                  <a:gd fmla="*/ 61 w 61" name="T46"/>
                  <a:gd fmla="*/ 28 h 40" name="T47"/>
                  <a:gd fmla="*/ 58 w 61" name="T48"/>
                  <a:gd fmla="*/ 37 h 40" name="T49"/>
                  <a:gd fmla="*/ 49 w 61" name="T50"/>
                  <a:gd fmla="*/ 40 h 40" name="T51"/>
                  <a:gd fmla="*/ 40 w 61" name="T52"/>
                  <a:gd fmla="*/ 37 h 40" name="T53"/>
                  <a:gd fmla="*/ 37 w 61" name="T54"/>
                  <a:gd fmla="*/ 28 h 40" name="T55"/>
                  <a:gd fmla="*/ 40 w 61" name="T56"/>
                  <a:gd fmla="*/ 18 h 40" name="T57"/>
                  <a:gd fmla="*/ 49 w 61" name="T58"/>
                  <a:gd fmla="*/ 15 h 40" name="T59"/>
                  <a:gd fmla="*/ 58 w 61" name="T60"/>
                  <a:gd fmla="*/ 18 h 40" name="T61"/>
                  <a:gd fmla="*/ 61 w 61" name="T62"/>
                  <a:gd fmla="*/ 28 h 40" name="T63"/>
                  <a:gd fmla="*/ 53 w 61" name="T64"/>
                  <a:gd fmla="*/ 28 h 40" name="T65"/>
                  <a:gd fmla="*/ 52 w 61" name="T66"/>
                  <a:gd fmla="*/ 22 h 40" name="T67"/>
                  <a:gd fmla="*/ 49 w 61" name="T68"/>
                  <a:gd fmla="*/ 21 h 40" name="T69"/>
                  <a:gd fmla="*/ 46 w 61" name="T70"/>
                  <a:gd fmla="*/ 22 h 40" name="T71"/>
                  <a:gd fmla="*/ 45 w 61" name="T72"/>
                  <a:gd fmla="*/ 28 h 40" name="T73"/>
                  <a:gd fmla="*/ 46 w 61" name="T74"/>
                  <a:gd fmla="*/ 33 h 40" name="T75"/>
                  <a:gd fmla="*/ 49 w 61" name="T76"/>
                  <a:gd fmla="*/ 35 h 40" name="T77"/>
                  <a:gd fmla="*/ 52 w 61" name="T78"/>
                  <a:gd fmla="*/ 33 h 40" name="T79"/>
                  <a:gd fmla="*/ 53 w 61" name="T80"/>
                  <a:gd fmla="*/ 28 h 40" name="T8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b="b" l="0" r="r" t="0"/>
                <a:pathLst>
                  <a:path h="40" w="61">
                    <a:moveTo>
                      <a:pt x="24" y="13"/>
                    </a:moveTo>
                    <a:cubicBezTo>
                      <a:pt x="24" y="17"/>
                      <a:pt x="23" y="20"/>
                      <a:pt x="21" y="22"/>
                    </a:cubicBezTo>
                    <a:cubicBezTo>
                      <a:pt x="19" y="24"/>
                      <a:pt x="16" y="25"/>
                      <a:pt x="12" y="25"/>
                    </a:cubicBezTo>
                    <a:cubicBezTo>
                      <a:pt x="8" y="25"/>
                      <a:pt x="5" y="24"/>
                      <a:pt x="3" y="22"/>
                    </a:cubicBezTo>
                    <a:cubicBezTo>
                      <a:pt x="1" y="20"/>
                      <a:pt x="0" y="17"/>
                      <a:pt x="0" y="13"/>
                    </a:cubicBezTo>
                    <a:cubicBezTo>
                      <a:pt x="0" y="8"/>
                      <a:pt x="1" y="5"/>
                      <a:pt x="3" y="3"/>
                    </a:cubicBezTo>
                    <a:cubicBezTo>
                      <a:pt x="5" y="1"/>
                      <a:pt x="8" y="0"/>
                      <a:pt x="12" y="0"/>
                    </a:cubicBezTo>
                    <a:cubicBezTo>
                      <a:pt x="16" y="0"/>
                      <a:pt x="19" y="1"/>
                      <a:pt x="21" y="3"/>
                    </a:cubicBezTo>
                    <a:cubicBezTo>
                      <a:pt x="23" y="5"/>
                      <a:pt x="24" y="8"/>
                      <a:pt x="24" y="13"/>
                    </a:cubicBezTo>
                    <a:moveTo>
                      <a:pt x="16" y="13"/>
                    </a:moveTo>
                    <a:cubicBezTo>
                      <a:pt x="16" y="10"/>
                      <a:pt x="16" y="8"/>
                      <a:pt x="15" y="7"/>
                    </a:cubicBezTo>
                    <a:cubicBezTo>
                      <a:pt x="15" y="6"/>
                      <a:pt x="14" y="5"/>
                      <a:pt x="12" y="5"/>
                    </a:cubicBezTo>
                    <a:cubicBezTo>
                      <a:pt x="11" y="5"/>
                      <a:pt x="10" y="6"/>
                      <a:pt x="9" y="7"/>
                    </a:cubicBezTo>
                    <a:cubicBezTo>
                      <a:pt x="8" y="8"/>
                      <a:pt x="8" y="10"/>
                      <a:pt x="8" y="13"/>
                    </a:cubicBezTo>
                    <a:cubicBezTo>
                      <a:pt x="8" y="15"/>
                      <a:pt x="8" y="17"/>
                      <a:pt x="9" y="18"/>
                    </a:cubicBezTo>
                    <a:cubicBezTo>
                      <a:pt x="10" y="19"/>
                      <a:pt x="11" y="20"/>
                      <a:pt x="12" y="20"/>
                    </a:cubicBezTo>
                    <a:cubicBezTo>
                      <a:pt x="14" y="20"/>
                      <a:pt x="15" y="19"/>
                      <a:pt x="15" y="18"/>
                    </a:cubicBezTo>
                    <a:cubicBezTo>
                      <a:pt x="16" y="17"/>
                      <a:pt x="16" y="15"/>
                      <a:pt x="16" y="13"/>
                    </a:cubicBezTo>
                    <a:moveTo>
                      <a:pt x="44" y="1"/>
                    </a:moveTo>
                    <a:cubicBezTo>
                      <a:pt x="24" y="39"/>
                      <a:pt x="24" y="39"/>
                      <a:pt x="24" y="39"/>
                    </a:cubicBezTo>
                    <a:cubicBezTo>
                      <a:pt x="17" y="39"/>
                      <a:pt x="17" y="39"/>
                      <a:pt x="17" y="39"/>
                    </a:cubicBezTo>
                    <a:cubicBezTo>
                      <a:pt x="37" y="1"/>
                      <a:pt x="37" y="1"/>
                      <a:pt x="37" y="1"/>
                    </a:cubicBezTo>
                    <a:lnTo>
                      <a:pt x="44" y="1"/>
                    </a:lnTo>
                    <a:close/>
                    <a:moveTo>
                      <a:pt x="61" y="28"/>
                    </a:moveTo>
                    <a:cubicBezTo>
                      <a:pt x="61" y="32"/>
                      <a:pt x="60" y="35"/>
                      <a:pt x="58" y="37"/>
                    </a:cubicBezTo>
                    <a:cubicBezTo>
                      <a:pt x="56" y="39"/>
                      <a:pt x="53" y="40"/>
                      <a:pt x="49" y="40"/>
                    </a:cubicBezTo>
                    <a:cubicBezTo>
                      <a:pt x="45" y="40"/>
                      <a:pt x="42" y="39"/>
                      <a:pt x="40" y="37"/>
                    </a:cubicBezTo>
                    <a:cubicBezTo>
                      <a:pt x="38" y="35"/>
                      <a:pt x="37" y="32"/>
                      <a:pt x="37" y="28"/>
                    </a:cubicBezTo>
                    <a:cubicBezTo>
                      <a:pt x="37" y="23"/>
                      <a:pt x="38" y="20"/>
                      <a:pt x="40" y="18"/>
                    </a:cubicBezTo>
                    <a:cubicBezTo>
                      <a:pt x="42" y="16"/>
                      <a:pt x="45" y="15"/>
                      <a:pt x="49" y="15"/>
                    </a:cubicBezTo>
                    <a:cubicBezTo>
                      <a:pt x="53" y="15"/>
                      <a:pt x="56" y="16"/>
                      <a:pt x="58" y="18"/>
                    </a:cubicBezTo>
                    <a:cubicBezTo>
                      <a:pt x="60" y="20"/>
                      <a:pt x="61" y="23"/>
                      <a:pt x="61" y="28"/>
                    </a:cubicBezTo>
                    <a:moveTo>
                      <a:pt x="53" y="28"/>
                    </a:moveTo>
                    <a:cubicBezTo>
                      <a:pt x="53" y="25"/>
                      <a:pt x="53" y="23"/>
                      <a:pt x="52" y="22"/>
                    </a:cubicBezTo>
                    <a:cubicBezTo>
                      <a:pt x="51" y="21"/>
                      <a:pt x="50" y="21"/>
                      <a:pt x="49" y="21"/>
                    </a:cubicBezTo>
                    <a:cubicBezTo>
                      <a:pt x="47" y="21"/>
                      <a:pt x="46" y="21"/>
                      <a:pt x="46" y="22"/>
                    </a:cubicBezTo>
                    <a:cubicBezTo>
                      <a:pt x="45" y="23"/>
                      <a:pt x="45" y="25"/>
                      <a:pt x="45" y="28"/>
                    </a:cubicBezTo>
                    <a:cubicBezTo>
                      <a:pt x="45" y="30"/>
                      <a:pt x="45" y="32"/>
                      <a:pt x="46" y="33"/>
                    </a:cubicBezTo>
                    <a:cubicBezTo>
                      <a:pt x="46" y="34"/>
                      <a:pt x="47" y="35"/>
                      <a:pt x="49" y="35"/>
                    </a:cubicBezTo>
                    <a:cubicBezTo>
                      <a:pt x="50" y="35"/>
                      <a:pt x="51" y="34"/>
                      <a:pt x="52" y="33"/>
                    </a:cubicBezTo>
                    <a:cubicBezTo>
                      <a:pt x="53" y="32"/>
                      <a:pt x="53" y="30"/>
                      <a:pt x="53" y="28"/>
                    </a:cubicBezTo>
                  </a:path>
                </a:pathLst>
              </a:custGeom>
              <a:solidFill>
                <a:srgbClr val="F2F3F4"/>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sp>
          <p:nvSpPr>
            <p:cNvPr id="4" name="矩形 3"/>
            <p:cNvSpPr/>
            <p:nvPr/>
          </p:nvSpPr>
          <p:spPr>
            <a:xfrm>
              <a:off x="1287391" y="2758683"/>
              <a:ext cx="1402080" cy="345440"/>
            </a:xfrm>
            <a:prstGeom prst="rect">
              <a:avLst/>
            </a:prstGeom>
          </p:spPr>
          <p:txBody>
            <a:bodyPr wrap="none">
              <a:spAutoFit/>
            </a:bodyPr>
            <a:lstStyle/>
            <a:p>
              <a:pPr algn="ctr">
                <a:lnSpc>
                  <a:spcPts val="2000"/>
                </a:lnSpc>
              </a:pPr>
              <a:r>
                <a:rPr altLang="en-US" kern="0" lang="zh-CN" sz="1600">
                  <a:solidFill>
                    <a:schemeClr val="bg1"/>
                  </a:solidFill>
                  <a:latin charset="-122" panose="020b0503020204020204" pitchFamily="34" typeface="微软雅黑"/>
                  <a:ea charset="-122" panose="020b0503020204020204" pitchFamily="34" typeface="微软雅黑"/>
                </a:rPr>
                <a:t>单击添加文字</a:t>
              </a:r>
            </a:p>
          </p:txBody>
        </p:sp>
      </p:grpSp>
      <p:sp>
        <p:nvSpPr>
          <p:cNvPr id="9" name="矩形 8"/>
          <p:cNvSpPr>
            <a:spLocks noChangeArrowheads="1"/>
          </p:cNvSpPr>
          <p:nvPr/>
        </p:nvSpPr>
        <p:spPr bwMode="auto">
          <a:xfrm>
            <a:off x="3646600" y="1633364"/>
            <a:ext cx="4969152" cy="161544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wrap="square">
            <a:spAutoFit/>
          </a:bodyPr>
          <a:lstStyle/>
          <a:p>
            <a:pPr>
              <a:lnSpc>
                <a:spcPts val="2000"/>
              </a:lnSpc>
            </a:pPr>
            <a:r>
              <a:rPr altLang="en-US" lang="zh-CN" sz="1200">
                <a:solidFill>
                  <a:schemeClr val="tx1">
                    <a:lumMod val="85000"/>
                    <a:lumOff val="15000"/>
                  </a:schemeClr>
                </a:solidFill>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您的内容打在这里，或通过复制您的文本后在此框中选择粘贴并选择只保留文字您的内容打在这里您的内容打在这里，或通过复制您的文本后在此框中选择粘贴并选择只保留文字您的内容打在这里您的内容打在这里，或通过复制您的文本后在此框中选择粘贴并选择只保留文字您的内容打在这里</a:t>
            </a:r>
          </a:p>
        </p:txBody>
      </p:sp>
      <p:grpSp>
        <p:nvGrpSpPr>
          <p:cNvPr id="10" name="组合 9"/>
          <p:cNvGrpSpPr/>
          <p:nvPr/>
        </p:nvGrpSpPr>
        <p:grpSpPr>
          <a:xfrm>
            <a:off x="3735763" y="4053474"/>
            <a:ext cx="2455863" cy="700088"/>
            <a:chOff x="3089275" y="3603625"/>
            <a:chExt cx="2455863" cy="700088"/>
          </a:xfrm>
        </p:grpSpPr>
        <p:grpSp>
          <p:nvGrpSpPr>
            <p:cNvPr id="11" name="Group 22"/>
            <p:cNvGrpSpPr>
              <a:grpSpLocks noChangeAspect="1"/>
            </p:cNvGrpSpPr>
            <p:nvPr/>
          </p:nvGrpSpPr>
          <p:grpSpPr>
            <a:xfrm>
              <a:off x="3089275" y="3603625"/>
              <a:ext cx="2455863" cy="700088"/>
              <a:chOff x="1946" y="2270"/>
              <a:chExt cx="1547" cy="441"/>
            </a:xfrm>
          </p:grpSpPr>
          <p:sp>
            <p:nvSpPr>
              <p:cNvPr id="15" name="AutoShape 21"/>
              <p:cNvSpPr>
                <a:spLocks noChangeArrowheads="1" noChangeAspect="1" noTextEdit="1"/>
              </p:cNvSpPr>
              <p:nvPr/>
            </p:nvSpPr>
            <p:spPr bwMode="auto">
              <a:xfrm>
                <a:off x="1948" y="2272"/>
                <a:ext cx="1545" cy="439"/>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6" name="Freeform 23"/>
              <p:cNvSpPr/>
              <p:nvPr/>
            </p:nvSpPr>
            <p:spPr bwMode="auto">
              <a:xfrm>
                <a:off x="1946" y="2291"/>
                <a:ext cx="415" cy="418"/>
              </a:xfrm>
              <a:custGeom>
                <a:gdLst>
                  <a:gd fmla="*/ 88 w 176" name="T0"/>
                  <a:gd fmla="*/ 0 h 177" name="T1"/>
                  <a:gd fmla="*/ 0 w 176" name="T2"/>
                  <a:gd fmla="*/ 88 h 177" name="T3"/>
                  <a:gd fmla="*/ 88 w 176" name="T4"/>
                  <a:gd fmla="*/ 177 h 177" name="T5"/>
                  <a:gd fmla="*/ 176 w 176" name="T6"/>
                  <a:gd fmla="*/ 88 h 177" name="T7"/>
                  <a:gd fmla="*/ 176 w 176" name="T8"/>
                  <a:gd fmla="*/ 0 h 177" name="T9"/>
                  <a:gd fmla="*/ 88 w 176" name="T10"/>
                  <a:gd fmla="*/ 0 h 177" name="T11"/>
                </a:gdLst>
                <a:cxnLst>
                  <a:cxn ang="0">
                    <a:pos x="T0" y="T1"/>
                  </a:cxn>
                  <a:cxn ang="0">
                    <a:pos x="T2" y="T3"/>
                  </a:cxn>
                  <a:cxn ang="0">
                    <a:pos x="T4" y="T5"/>
                  </a:cxn>
                  <a:cxn ang="0">
                    <a:pos x="T6" y="T7"/>
                  </a:cxn>
                  <a:cxn ang="0">
                    <a:pos x="T8" y="T9"/>
                  </a:cxn>
                  <a:cxn ang="0">
                    <a:pos x="T10" y="T11"/>
                  </a:cxn>
                </a:cxnLst>
                <a:rect b="b" l="0" r="r" t="0"/>
                <a:pathLst>
                  <a:path h="177" w="176">
                    <a:moveTo>
                      <a:pt x="88" y="0"/>
                    </a:moveTo>
                    <a:cubicBezTo>
                      <a:pt x="39" y="0"/>
                      <a:pt x="0" y="40"/>
                      <a:pt x="0" y="88"/>
                    </a:cubicBezTo>
                    <a:cubicBezTo>
                      <a:pt x="0" y="137"/>
                      <a:pt x="39" y="177"/>
                      <a:pt x="88" y="177"/>
                    </a:cubicBezTo>
                    <a:cubicBezTo>
                      <a:pt x="137" y="177"/>
                      <a:pt x="176" y="137"/>
                      <a:pt x="176" y="88"/>
                    </a:cubicBezTo>
                    <a:cubicBezTo>
                      <a:pt x="176" y="0"/>
                      <a:pt x="176" y="0"/>
                      <a:pt x="176" y="0"/>
                    </a:cubicBezTo>
                    <a:lnTo>
                      <a:pt x="88" y="0"/>
                    </a:lnTo>
                    <a:close/>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7" name="Freeform 34"/>
              <p:cNvSpPr/>
              <p:nvPr/>
            </p:nvSpPr>
            <p:spPr bwMode="auto">
              <a:xfrm>
                <a:off x="2035" y="2409"/>
                <a:ext cx="55" cy="80"/>
              </a:xfrm>
              <a:custGeom>
                <a:gdLst>
                  <a:gd fmla="*/ 23 w 23" name="T0"/>
                  <a:gd fmla="*/ 34 h 34" name="T1"/>
                  <a:gd fmla="*/ 0 w 23" name="T2"/>
                  <a:gd fmla="*/ 34 h 34" name="T3"/>
                  <a:gd fmla="*/ 0 w 23" name="T4"/>
                  <a:gd fmla="*/ 28 h 34" name="T5"/>
                  <a:gd fmla="*/ 7 w 23" name="T6"/>
                  <a:gd fmla="*/ 28 h 34" name="T7"/>
                  <a:gd fmla="*/ 7 w 23" name="T8"/>
                  <a:gd fmla="*/ 10 h 34" name="T9"/>
                  <a:gd fmla="*/ 0 w 23" name="T10"/>
                  <a:gd fmla="*/ 10 h 34" name="T11"/>
                  <a:gd fmla="*/ 0 w 23" name="T12"/>
                  <a:gd fmla="*/ 5 h 34" name="T13"/>
                  <a:gd fmla="*/ 3 w 23" name="T14"/>
                  <a:gd fmla="*/ 5 h 34" name="T15"/>
                  <a:gd fmla="*/ 6 w 23" name="T16"/>
                  <a:gd fmla="*/ 4 h 34" name="T17"/>
                  <a:gd fmla="*/ 8 w 23" name="T18"/>
                  <a:gd fmla="*/ 3 h 34" name="T19"/>
                  <a:gd fmla="*/ 8 w 23" name="T20"/>
                  <a:gd fmla="*/ 0 h 34" name="T21"/>
                  <a:gd fmla="*/ 16 w 23" name="T22"/>
                  <a:gd fmla="*/ 0 h 34" name="T23"/>
                  <a:gd fmla="*/ 16 w 23" name="T24"/>
                  <a:gd fmla="*/ 28 h 34" name="T25"/>
                  <a:gd fmla="*/ 23 w 23" name="T26"/>
                  <a:gd fmla="*/ 28 h 34" name="T27"/>
                  <a:gd fmla="*/ 23 w 23" name="T28"/>
                  <a:gd fmla="*/ 34 h 34" name="T2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b="b" l="0" r="r" t="0"/>
                <a:pathLst>
                  <a:path h="34" w="23">
                    <a:moveTo>
                      <a:pt x="23" y="34"/>
                    </a:moveTo>
                    <a:cubicBezTo>
                      <a:pt x="0" y="34"/>
                      <a:pt x="0" y="34"/>
                      <a:pt x="0" y="34"/>
                    </a:cubicBezTo>
                    <a:cubicBezTo>
                      <a:pt x="0" y="28"/>
                      <a:pt x="0" y="28"/>
                      <a:pt x="0" y="28"/>
                    </a:cubicBezTo>
                    <a:cubicBezTo>
                      <a:pt x="7" y="28"/>
                      <a:pt x="7" y="28"/>
                      <a:pt x="7" y="28"/>
                    </a:cubicBezTo>
                    <a:cubicBezTo>
                      <a:pt x="7" y="10"/>
                      <a:pt x="7" y="10"/>
                      <a:pt x="7" y="10"/>
                    </a:cubicBezTo>
                    <a:cubicBezTo>
                      <a:pt x="0" y="10"/>
                      <a:pt x="0" y="10"/>
                      <a:pt x="0" y="10"/>
                    </a:cubicBezTo>
                    <a:cubicBezTo>
                      <a:pt x="0" y="5"/>
                      <a:pt x="0" y="5"/>
                      <a:pt x="0" y="5"/>
                    </a:cubicBezTo>
                    <a:cubicBezTo>
                      <a:pt x="1" y="5"/>
                      <a:pt x="2" y="5"/>
                      <a:pt x="3" y="5"/>
                    </a:cubicBezTo>
                    <a:cubicBezTo>
                      <a:pt x="4" y="5"/>
                      <a:pt x="5" y="4"/>
                      <a:pt x="6" y="4"/>
                    </a:cubicBezTo>
                    <a:cubicBezTo>
                      <a:pt x="7" y="4"/>
                      <a:pt x="7" y="3"/>
                      <a:pt x="8" y="3"/>
                    </a:cubicBezTo>
                    <a:cubicBezTo>
                      <a:pt x="8" y="2"/>
                      <a:pt x="8" y="1"/>
                      <a:pt x="8" y="0"/>
                    </a:cubicBezTo>
                    <a:cubicBezTo>
                      <a:pt x="16" y="0"/>
                      <a:pt x="16" y="0"/>
                      <a:pt x="16" y="0"/>
                    </a:cubicBezTo>
                    <a:cubicBezTo>
                      <a:pt x="16" y="28"/>
                      <a:pt x="16" y="28"/>
                      <a:pt x="16" y="28"/>
                    </a:cubicBezTo>
                    <a:cubicBezTo>
                      <a:pt x="23" y="28"/>
                      <a:pt x="23" y="28"/>
                      <a:pt x="23" y="28"/>
                    </a:cubicBezTo>
                    <a:lnTo>
                      <a:pt x="23" y="34"/>
                    </a:ln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8" name="Freeform 35"/>
              <p:cNvSpPr>
                <a:spLocks noEditPoints="1"/>
              </p:cNvSpPr>
              <p:nvPr/>
            </p:nvSpPr>
            <p:spPr bwMode="auto">
              <a:xfrm>
                <a:off x="2106" y="2409"/>
                <a:ext cx="66" cy="83"/>
              </a:xfrm>
              <a:custGeom>
                <a:gdLst>
                  <a:gd fmla="*/ 28 w 28" name="T0"/>
                  <a:gd fmla="*/ 17 h 35" name="T1"/>
                  <a:gd fmla="*/ 27 w 28" name="T2"/>
                  <a:gd fmla="*/ 25 h 35" name="T3"/>
                  <a:gd fmla="*/ 25 w 28" name="T4"/>
                  <a:gd fmla="*/ 30 h 35" name="T5"/>
                  <a:gd fmla="*/ 20 w 28" name="T6"/>
                  <a:gd fmla="*/ 34 h 35" name="T7"/>
                  <a:gd fmla="*/ 14 w 28" name="T8"/>
                  <a:gd fmla="*/ 35 h 35" name="T9"/>
                  <a:gd fmla="*/ 7 w 28" name="T10"/>
                  <a:gd fmla="*/ 34 h 35" name="T11"/>
                  <a:gd fmla="*/ 3 w 28" name="T12"/>
                  <a:gd fmla="*/ 30 h 35" name="T13"/>
                  <a:gd fmla="*/ 1 w 28" name="T14"/>
                  <a:gd fmla="*/ 25 h 35" name="T15"/>
                  <a:gd fmla="*/ 0 w 28" name="T16"/>
                  <a:gd fmla="*/ 17 h 35" name="T17"/>
                  <a:gd fmla="*/ 1 w 28" name="T18"/>
                  <a:gd fmla="*/ 10 h 35" name="T19"/>
                  <a:gd fmla="*/ 3 w 28" name="T20"/>
                  <a:gd fmla="*/ 4 h 35" name="T21"/>
                  <a:gd fmla="*/ 7 w 28" name="T22"/>
                  <a:gd fmla="*/ 1 h 35" name="T23"/>
                  <a:gd fmla="*/ 14 w 28" name="T24"/>
                  <a:gd fmla="*/ 0 h 35" name="T25"/>
                  <a:gd fmla="*/ 20 w 28" name="T26"/>
                  <a:gd fmla="*/ 1 h 35" name="T27"/>
                  <a:gd fmla="*/ 25 w 28" name="T28"/>
                  <a:gd fmla="*/ 4 h 35" name="T29"/>
                  <a:gd fmla="*/ 27 w 28" name="T30"/>
                  <a:gd fmla="*/ 10 h 35" name="T31"/>
                  <a:gd fmla="*/ 28 w 28" name="T32"/>
                  <a:gd fmla="*/ 17 h 35" name="T33"/>
                  <a:gd fmla="*/ 19 w 28" name="T34"/>
                  <a:gd fmla="*/ 17 h 35" name="T35"/>
                  <a:gd fmla="*/ 18 w 28" name="T36"/>
                  <a:gd fmla="*/ 8 h 35" name="T37"/>
                  <a:gd fmla="*/ 14 w 28" name="T38"/>
                  <a:gd fmla="*/ 6 h 35" name="T39"/>
                  <a:gd fmla="*/ 10 w 28" name="T40"/>
                  <a:gd fmla="*/ 8 h 35" name="T41"/>
                  <a:gd fmla="*/ 9 w 28" name="T42"/>
                  <a:gd fmla="*/ 17 h 35" name="T43"/>
                  <a:gd fmla="*/ 10 w 28" name="T44"/>
                  <a:gd fmla="*/ 26 h 35" name="T45"/>
                  <a:gd fmla="*/ 14 w 28" name="T46"/>
                  <a:gd fmla="*/ 29 h 35" name="T47"/>
                  <a:gd fmla="*/ 18 w 28" name="T48"/>
                  <a:gd fmla="*/ 26 h 35" name="T49"/>
                  <a:gd fmla="*/ 19 w 28" name="T50"/>
                  <a:gd fmla="*/ 17 h 35" name="T5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b="b" l="0" r="r" t="0"/>
                <a:pathLst>
                  <a:path h="35" w="28">
                    <a:moveTo>
                      <a:pt x="28" y="17"/>
                    </a:moveTo>
                    <a:cubicBezTo>
                      <a:pt x="28" y="20"/>
                      <a:pt x="28" y="23"/>
                      <a:pt x="27" y="25"/>
                    </a:cubicBezTo>
                    <a:cubicBezTo>
                      <a:pt x="27" y="27"/>
                      <a:pt x="26" y="29"/>
                      <a:pt x="25" y="30"/>
                    </a:cubicBezTo>
                    <a:cubicBezTo>
                      <a:pt x="24" y="32"/>
                      <a:pt x="22" y="33"/>
                      <a:pt x="20" y="34"/>
                    </a:cubicBezTo>
                    <a:cubicBezTo>
                      <a:pt x="19" y="35"/>
                      <a:pt x="16" y="35"/>
                      <a:pt x="14" y="35"/>
                    </a:cubicBezTo>
                    <a:cubicBezTo>
                      <a:pt x="11" y="35"/>
                      <a:pt x="9" y="34"/>
                      <a:pt x="7" y="34"/>
                    </a:cubicBezTo>
                    <a:cubicBezTo>
                      <a:pt x="6" y="33"/>
                      <a:pt x="4" y="32"/>
                      <a:pt x="3" y="30"/>
                    </a:cubicBezTo>
                    <a:cubicBezTo>
                      <a:pt x="2" y="29"/>
                      <a:pt x="1" y="27"/>
                      <a:pt x="1" y="25"/>
                    </a:cubicBezTo>
                    <a:cubicBezTo>
                      <a:pt x="0" y="23"/>
                      <a:pt x="0" y="20"/>
                      <a:pt x="0" y="17"/>
                    </a:cubicBezTo>
                    <a:cubicBezTo>
                      <a:pt x="0" y="14"/>
                      <a:pt x="0" y="12"/>
                      <a:pt x="1" y="10"/>
                    </a:cubicBezTo>
                    <a:cubicBezTo>
                      <a:pt x="1" y="7"/>
                      <a:pt x="2" y="6"/>
                      <a:pt x="3" y="4"/>
                    </a:cubicBezTo>
                    <a:cubicBezTo>
                      <a:pt x="4" y="3"/>
                      <a:pt x="6" y="1"/>
                      <a:pt x="7" y="1"/>
                    </a:cubicBezTo>
                    <a:cubicBezTo>
                      <a:pt x="9" y="0"/>
                      <a:pt x="11" y="0"/>
                      <a:pt x="14" y="0"/>
                    </a:cubicBezTo>
                    <a:cubicBezTo>
                      <a:pt x="16" y="0"/>
                      <a:pt x="19" y="0"/>
                      <a:pt x="20" y="1"/>
                    </a:cubicBezTo>
                    <a:cubicBezTo>
                      <a:pt x="22" y="2"/>
                      <a:pt x="24" y="3"/>
                      <a:pt x="25" y="4"/>
                    </a:cubicBezTo>
                    <a:cubicBezTo>
                      <a:pt x="26" y="6"/>
                      <a:pt x="27" y="8"/>
                      <a:pt x="27" y="10"/>
                    </a:cubicBezTo>
                    <a:cubicBezTo>
                      <a:pt x="28" y="12"/>
                      <a:pt x="28" y="14"/>
                      <a:pt x="28" y="17"/>
                    </a:cubicBezTo>
                    <a:moveTo>
                      <a:pt x="19" y="17"/>
                    </a:moveTo>
                    <a:cubicBezTo>
                      <a:pt x="19" y="13"/>
                      <a:pt x="19" y="10"/>
                      <a:pt x="18" y="8"/>
                    </a:cubicBezTo>
                    <a:cubicBezTo>
                      <a:pt x="17" y="7"/>
                      <a:pt x="16" y="6"/>
                      <a:pt x="14" y="6"/>
                    </a:cubicBezTo>
                    <a:cubicBezTo>
                      <a:pt x="12" y="6"/>
                      <a:pt x="11" y="7"/>
                      <a:pt x="10" y="8"/>
                    </a:cubicBezTo>
                    <a:cubicBezTo>
                      <a:pt x="9" y="10"/>
                      <a:pt x="9" y="13"/>
                      <a:pt x="9" y="17"/>
                    </a:cubicBezTo>
                    <a:cubicBezTo>
                      <a:pt x="9" y="21"/>
                      <a:pt x="9" y="24"/>
                      <a:pt x="10" y="26"/>
                    </a:cubicBezTo>
                    <a:cubicBezTo>
                      <a:pt x="11" y="28"/>
                      <a:pt x="12" y="29"/>
                      <a:pt x="14" y="29"/>
                    </a:cubicBezTo>
                    <a:cubicBezTo>
                      <a:pt x="16" y="29"/>
                      <a:pt x="17" y="28"/>
                      <a:pt x="18" y="26"/>
                    </a:cubicBezTo>
                    <a:cubicBezTo>
                      <a:pt x="19" y="24"/>
                      <a:pt x="19" y="21"/>
                      <a:pt x="19" y="17"/>
                    </a:cubicBezTo>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9" name="Freeform 36"/>
              <p:cNvSpPr>
                <a:spLocks noEditPoints="1"/>
              </p:cNvSpPr>
              <p:nvPr/>
            </p:nvSpPr>
            <p:spPr bwMode="auto">
              <a:xfrm>
                <a:off x="2187" y="2409"/>
                <a:ext cx="122" cy="83"/>
              </a:xfrm>
              <a:custGeom>
                <a:gdLst>
                  <a:gd fmla="*/ 20 w 52" name="T0"/>
                  <a:gd fmla="*/ 11 h 35" name="T1"/>
                  <a:gd fmla="*/ 18 w 52" name="T2"/>
                  <a:gd fmla="*/ 19 h 35" name="T3"/>
                  <a:gd fmla="*/ 10 w 52" name="T4"/>
                  <a:gd fmla="*/ 22 h 35" name="T5"/>
                  <a:gd fmla="*/ 2 w 52" name="T6"/>
                  <a:gd fmla="*/ 19 h 35" name="T7"/>
                  <a:gd fmla="*/ 0 w 52" name="T8"/>
                  <a:gd fmla="*/ 11 h 35" name="T9"/>
                  <a:gd fmla="*/ 2 w 52" name="T10"/>
                  <a:gd fmla="*/ 2 h 35" name="T11"/>
                  <a:gd fmla="*/ 10 w 52" name="T12"/>
                  <a:gd fmla="*/ 0 h 35" name="T13"/>
                  <a:gd fmla="*/ 18 w 52" name="T14"/>
                  <a:gd fmla="*/ 2 h 35" name="T15"/>
                  <a:gd fmla="*/ 20 w 52" name="T16"/>
                  <a:gd fmla="*/ 11 h 35" name="T17"/>
                  <a:gd fmla="*/ 14 w 52" name="T18"/>
                  <a:gd fmla="*/ 11 h 35" name="T19"/>
                  <a:gd fmla="*/ 13 w 52" name="T20"/>
                  <a:gd fmla="*/ 6 h 35" name="T21"/>
                  <a:gd fmla="*/ 10 w 52" name="T22"/>
                  <a:gd fmla="*/ 4 h 35" name="T23"/>
                  <a:gd fmla="*/ 7 w 52" name="T24"/>
                  <a:gd fmla="*/ 6 h 35" name="T25"/>
                  <a:gd fmla="*/ 6 w 52" name="T26"/>
                  <a:gd fmla="*/ 11 h 35" name="T27"/>
                  <a:gd fmla="*/ 7 w 52" name="T28"/>
                  <a:gd fmla="*/ 16 h 35" name="T29"/>
                  <a:gd fmla="*/ 10 w 52" name="T30"/>
                  <a:gd fmla="*/ 17 h 35" name="T31"/>
                  <a:gd fmla="*/ 13 w 52" name="T32"/>
                  <a:gd fmla="*/ 16 h 35" name="T33"/>
                  <a:gd fmla="*/ 14 w 52" name="T34"/>
                  <a:gd fmla="*/ 11 h 35" name="T35"/>
                  <a:gd fmla="*/ 38 w 52" name="T36"/>
                  <a:gd fmla="*/ 0 h 35" name="T37"/>
                  <a:gd fmla="*/ 20 w 52" name="T38"/>
                  <a:gd fmla="*/ 34 h 35" name="T39"/>
                  <a:gd fmla="*/ 14 w 52" name="T40"/>
                  <a:gd fmla="*/ 34 h 35" name="T41"/>
                  <a:gd fmla="*/ 32 w 52" name="T42"/>
                  <a:gd fmla="*/ 0 h 35" name="T43"/>
                  <a:gd fmla="*/ 38 w 52" name="T44"/>
                  <a:gd fmla="*/ 0 h 35" name="T45"/>
                  <a:gd fmla="*/ 52 w 52" name="T46"/>
                  <a:gd fmla="*/ 24 h 35" name="T47"/>
                  <a:gd fmla="*/ 50 w 52" name="T48"/>
                  <a:gd fmla="*/ 32 h 35" name="T49"/>
                  <a:gd fmla="*/ 42 w 52" name="T50"/>
                  <a:gd fmla="*/ 35 h 35" name="T51"/>
                  <a:gd fmla="*/ 34 w 52" name="T52"/>
                  <a:gd fmla="*/ 32 h 35" name="T53"/>
                  <a:gd fmla="*/ 32 w 52" name="T54"/>
                  <a:gd fmla="*/ 24 h 35" name="T55"/>
                  <a:gd fmla="*/ 34 w 52" name="T56"/>
                  <a:gd fmla="*/ 16 h 35" name="T57"/>
                  <a:gd fmla="*/ 42 w 52" name="T58"/>
                  <a:gd fmla="*/ 13 h 35" name="T59"/>
                  <a:gd fmla="*/ 50 w 52" name="T60"/>
                  <a:gd fmla="*/ 16 h 35" name="T61"/>
                  <a:gd fmla="*/ 52 w 52" name="T62"/>
                  <a:gd fmla="*/ 24 h 35" name="T63"/>
                  <a:gd fmla="*/ 46 w 52" name="T64"/>
                  <a:gd fmla="*/ 24 h 35" name="T65"/>
                  <a:gd fmla="*/ 45 w 52" name="T66"/>
                  <a:gd fmla="*/ 19 h 35" name="T67"/>
                  <a:gd fmla="*/ 42 w 52" name="T68"/>
                  <a:gd fmla="*/ 18 h 35" name="T69"/>
                  <a:gd fmla="*/ 39 w 52" name="T70"/>
                  <a:gd fmla="*/ 19 h 35" name="T71"/>
                  <a:gd fmla="*/ 39 w 52" name="T72"/>
                  <a:gd fmla="*/ 24 h 35" name="T73"/>
                  <a:gd fmla="*/ 39 w 52" name="T74"/>
                  <a:gd fmla="*/ 29 h 35" name="T75"/>
                  <a:gd fmla="*/ 42 w 52" name="T76"/>
                  <a:gd fmla="*/ 30 h 35" name="T77"/>
                  <a:gd fmla="*/ 45 w 52" name="T78"/>
                  <a:gd fmla="*/ 29 h 35" name="T79"/>
                  <a:gd fmla="*/ 46 w 52" name="T80"/>
                  <a:gd fmla="*/ 24 h 35" name="T8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b="b" l="0" r="r" t="0"/>
                <a:pathLst>
                  <a:path h="35" w="52">
                    <a:moveTo>
                      <a:pt x="20" y="11"/>
                    </a:moveTo>
                    <a:cubicBezTo>
                      <a:pt x="20" y="14"/>
                      <a:pt x="19" y="17"/>
                      <a:pt x="18" y="19"/>
                    </a:cubicBezTo>
                    <a:cubicBezTo>
                      <a:pt x="16" y="21"/>
                      <a:pt x="13" y="22"/>
                      <a:pt x="10" y="22"/>
                    </a:cubicBezTo>
                    <a:cubicBezTo>
                      <a:pt x="7" y="22"/>
                      <a:pt x="4" y="21"/>
                      <a:pt x="2" y="19"/>
                    </a:cubicBezTo>
                    <a:cubicBezTo>
                      <a:pt x="1" y="17"/>
                      <a:pt x="0" y="14"/>
                      <a:pt x="0" y="11"/>
                    </a:cubicBezTo>
                    <a:cubicBezTo>
                      <a:pt x="0" y="7"/>
                      <a:pt x="1" y="4"/>
                      <a:pt x="2" y="2"/>
                    </a:cubicBezTo>
                    <a:cubicBezTo>
                      <a:pt x="4" y="1"/>
                      <a:pt x="7" y="0"/>
                      <a:pt x="10" y="0"/>
                    </a:cubicBezTo>
                    <a:cubicBezTo>
                      <a:pt x="13" y="0"/>
                      <a:pt x="16" y="1"/>
                      <a:pt x="18" y="2"/>
                    </a:cubicBezTo>
                    <a:cubicBezTo>
                      <a:pt x="19" y="4"/>
                      <a:pt x="20" y="7"/>
                      <a:pt x="20" y="11"/>
                    </a:cubicBezTo>
                    <a:moveTo>
                      <a:pt x="14" y="11"/>
                    </a:moveTo>
                    <a:cubicBezTo>
                      <a:pt x="14" y="8"/>
                      <a:pt x="13" y="7"/>
                      <a:pt x="13" y="6"/>
                    </a:cubicBezTo>
                    <a:cubicBezTo>
                      <a:pt x="12" y="5"/>
                      <a:pt x="11" y="4"/>
                      <a:pt x="10" y="4"/>
                    </a:cubicBezTo>
                    <a:cubicBezTo>
                      <a:pt x="9" y="4"/>
                      <a:pt x="8" y="5"/>
                      <a:pt x="7" y="6"/>
                    </a:cubicBezTo>
                    <a:cubicBezTo>
                      <a:pt x="7" y="7"/>
                      <a:pt x="6" y="8"/>
                      <a:pt x="6" y="11"/>
                    </a:cubicBezTo>
                    <a:cubicBezTo>
                      <a:pt x="6" y="13"/>
                      <a:pt x="7" y="15"/>
                      <a:pt x="7" y="16"/>
                    </a:cubicBezTo>
                    <a:cubicBezTo>
                      <a:pt x="8" y="17"/>
                      <a:pt x="9" y="17"/>
                      <a:pt x="10" y="17"/>
                    </a:cubicBezTo>
                    <a:cubicBezTo>
                      <a:pt x="11" y="17"/>
                      <a:pt x="12" y="17"/>
                      <a:pt x="13" y="16"/>
                    </a:cubicBezTo>
                    <a:cubicBezTo>
                      <a:pt x="13" y="15"/>
                      <a:pt x="14" y="13"/>
                      <a:pt x="14" y="11"/>
                    </a:cubicBezTo>
                    <a:moveTo>
                      <a:pt x="38" y="0"/>
                    </a:moveTo>
                    <a:cubicBezTo>
                      <a:pt x="20" y="34"/>
                      <a:pt x="20" y="34"/>
                      <a:pt x="20" y="34"/>
                    </a:cubicBezTo>
                    <a:cubicBezTo>
                      <a:pt x="14" y="34"/>
                      <a:pt x="14" y="34"/>
                      <a:pt x="14" y="34"/>
                    </a:cubicBezTo>
                    <a:cubicBezTo>
                      <a:pt x="32" y="0"/>
                      <a:pt x="32" y="0"/>
                      <a:pt x="32" y="0"/>
                    </a:cubicBezTo>
                    <a:lnTo>
                      <a:pt x="38" y="0"/>
                    </a:lnTo>
                    <a:close/>
                    <a:moveTo>
                      <a:pt x="52" y="24"/>
                    </a:moveTo>
                    <a:cubicBezTo>
                      <a:pt x="52" y="28"/>
                      <a:pt x="52" y="30"/>
                      <a:pt x="50" y="32"/>
                    </a:cubicBezTo>
                    <a:cubicBezTo>
                      <a:pt x="48" y="34"/>
                      <a:pt x="46" y="35"/>
                      <a:pt x="42" y="35"/>
                    </a:cubicBezTo>
                    <a:cubicBezTo>
                      <a:pt x="39" y="35"/>
                      <a:pt x="36" y="34"/>
                      <a:pt x="34" y="32"/>
                    </a:cubicBezTo>
                    <a:cubicBezTo>
                      <a:pt x="33" y="30"/>
                      <a:pt x="32" y="28"/>
                      <a:pt x="32" y="24"/>
                    </a:cubicBezTo>
                    <a:cubicBezTo>
                      <a:pt x="32" y="20"/>
                      <a:pt x="33" y="17"/>
                      <a:pt x="34" y="16"/>
                    </a:cubicBezTo>
                    <a:cubicBezTo>
                      <a:pt x="36" y="14"/>
                      <a:pt x="39" y="13"/>
                      <a:pt x="42" y="13"/>
                    </a:cubicBezTo>
                    <a:cubicBezTo>
                      <a:pt x="46" y="13"/>
                      <a:pt x="48" y="14"/>
                      <a:pt x="50" y="16"/>
                    </a:cubicBezTo>
                    <a:cubicBezTo>
                      <a:pt x="52" y="17"/>
                      <a:pt x="52" y="20"/>
                      <a:pt x="52" y="24"/>
                    </a:cubicBezTo>
                    <a:moveTo>
                      <a:pt x="46" y="24"/>
                    </a:moveTo>
                    <a:cubicBezTo>
                      <a:pt x="46" y="21"/>
                      <a:pt x="45" y="20"/>
                      <a:pt x="45" y="19"/>
                    </a:cubicBezTo>
                    <a:cubicBezTo>
                      <a:pt x="44" y="18"/>
                      <a:pt x="43" y="18"/>
                      <a:pt x="42" y="18"/>
                    </a:cubicBezTo>
                    <a:cubicBezTo>
                      <a:pt x="41" y="18"/>
                      <a:pt x="40" y="18"/>
                      <a:pt x="39" y="19"/>
                    </a:cubicBezTo>
                    <a:cubicBezTo>
                      <a:pt x="39" y="20"/>
                      <a:pt x="39" y="21"/>
                      <a:pt x="39" y="24"/>
                    </a:cubicBezTo>
                    <a:cubicBezTo>
                      <a:pt x="39" y="26"/>
                      <a:pt x="39" y="28"/>
                      <a:pt x="39" y="29"/>
                    </a:cubicBezTo>
                    <a:cubicBezTo>
                      <a:pt x="40" y="30"/>
                      <a:pt x="41" y="30"/>
                      <a:pt x="42" y="30"/>
                    </a:cubicBezTo>
                    <a:cubicBezTo>
                      <a:pt x="43" y="30"/>
                      <a:pt x="44" y="30"/>
                      <a:pt x="45" y="29"/>
                    </a:cubicBezTo>
                    <a:cubicBezTo>
                      <a:pt x="45" y="28"/>
                      <a:pt x="46" y="26"/>
                      <a:pt x="46" y="24"/>
                    </a:cubicBezTo>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0" name="Freeform 37"/>
              <p:cNvSpPr/>
              <p:nvPr/>
            </p:nvSpPr>
            <p:spPr bwMode="auto">
              <a:xfrm>
                <a:off x="2520" y="2279"/>
                <a:ext cx="415" cy="415"/>
              </a:xfrm>
              <a:custGeom>
                <a:gdLst>
                  <a:gd fmla="*/ 88 w 176" name="T0"/>
                  <a:gd fmla="*/ 0 h 176" name="T1"/>
                  <a:gd fmla="*/ 0 w 176" name="T2"/>
                  <a:gd fmla="*/ 88 h 176" name="T3"/>
                  <a:gd fmla="*/ 88 w 176" name="T4"/>
                  <a:gd fmla="*/ 176 h 176" name="T5"/>
                  <a:gd fmla="*/ 176 w 176" name="T6"/>
                  <a:gd fmla="*/ 88 h 176" name="T7"/>
                  <a:gd fmla="*/ 176 w 176" name="T8"/>
                  <a:gd fmla="*/ 0 h 176" name="T9"/>
                  <a:gd fmla="*/ 88 w 176" name="T10"/>
                  <a:gd fmla="*/ 0 h 176" name="T11"/>
                </a:gdLst>
                <a:cxnLst>
                  <a:cxn ang="0">
                    <a:pos x="T0" y="T1"/>
                  </a:cxn>
                  <a:cxn ang="0">
                    <a:pos x="T2" y="T3"/>
                  </a:cxn>
                  <a:cxn ang="0">
                    <a:pos x="T4" y="T5"/>
                  </a:cxn>
                  <a:cxn ang="0">
                    <a:pos x="T6" y="T7"/>
                  </a:cxn>
                  <a:cxn ang="0">
                    <a:pos x="T8" y="T9"/>
                  </a:cxn>
                  <a:cxn ang="0">
                    <a:pos x="T10" y="T11"/>
                  </a:cxn>
                </a:cxnLst>
                <a:rect b="b" l="0" r="r" t="0"/>
                <a:pathLst>
                  <a:path h="176" w="176">
                    <a:moveTo>
                      <a:pt x="88" y="0"/>
                    </a:moveTo>
                    <a:cubicBezTo>
                      <a:pt x="39" y="0"/>
                      <a:pt x="0" y="39"/>
                      <a:pt x="0" y="88"/>
                    </a:cubicBezTo>
                    <a:cubicBezTo>
                      <a:pt x="0" y="137"/>
                      <a:pt x="39" y="176"/>
                      <a:pt x="88" y="176"/>
                    </a:cubicBezTo>
                    <a:cubicBezTo>
                      <a:pt x="137" y="176"/>
                      <a:pt x="176" y="137"/>
                      <a:pt x="176" y="88"/>
                    </a:cubicBezTo>
                    <a:cubicBezTo>
                      <a:pt x="176" y="0"/>
                      <a:pt x="176" y="0"/>
                      <a:pt x="176" y="0"/>
                    </a:cubicBezTo>
                    <a:lnTo>
                      <a:pt x="88" y="0"/>
                    </a:lnTo>
                    <a:close/>
                  </a:path>
                </a:pathLst>
              </a:custGeom>
              <a:solidFill>
                <a:schemeClr val="bg1">
                  <a:lumMod val="50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1" name="Freeform 38"/>
              <p:cNvSpPr/>
              <p:nvPr/>
            </p:nvSpPr>
            <p:spPr bwMode="auto">
              <a:xfrm>
                <a:off x="3077" y="2270"/>
                <a:ext cx="416" cy="417"/>
              </a:xfrm>
              <a:custGeom>
                <a:gdLst>
                  <a:gd fmla="*/ 88 w 176" name="T0"/>
                  <a:gd fmla="*/ 0 h 177" name="T1"/>
                  <a:gd fmla="*/ 0 w 176" name="T2"/>
                  <a:gd fmla="*/ 88 h 177" name="T3"/>
                  <a:gd fmla="*/ 88 w 176" name="T4"/>
                  <a:gd fmla="*/ 177 h 177" name="T5"/>
                  <a:gd fmla="*/ 176 w 176" name="T6"/>
                  <a:gd fmla="*/ 88 h 177" name="T7"/>
                  <a:gd fmla="*/ 176 w 176" name="T8"/>
                  <a:gd fmla="*/ 0 h 177" name="T9"/>
                  <a:gd fmla="*/ 88 w 176" name="T10"/>
                  <a:gd fmla="*/ 0 h 177" name="T11"/>
                </a:gdLst>
                <a:cxnLst>
                  <a:cxn ang="0">
                    <a:pos x="T0" y="T1"/>
                  </a:cxn>
                  <a:cxn ang="0">
                    <a:pos x="T2" y="T3"/>
                  </a:cxn>
                  <a:cxn ang="0">
                    <a:pos x="T4" y="T5"/>
                  </a:cxn>
                  <a:cxn ang="0">
                    <a:pos x="T6" y="T7"/>
                  </a:cxn>
                  <a:cxn ang="0">
                    <a:pos x="T8" y="T9"/>
                  </a:cxn>
                  <a:cxn ang="0">
                    <a:pos x="T10" y="T11"/>
                  </a:cxn>
                </a:cxnLst>
                <a:rect b="b" l="0" r="r" t="0"/>
                <a:pathLst>
                  <a:path h="177" w="176">
                    <a:moveTo>
                      <a:pt x="88" y="0"/>
                    </a:moveTo>
                    <a:cubicBezTo>
                      <a:pt x="39" y="0"/>
                      <a:pt x="0" y="40"/>
                      <a:pt x="0" y="88"/>
                    </a:cubicBezTo>
                    <a:cubicBezTo>
                      <a:pt x="0" y="137"/>
                      <a:pt x="39" y="177"/>
                      <a:pt x="88" y="177"/>
                    </a:cubicBezTo>
                    <a:cubicBezTo>
                      <a:pt x="137" y="177"/>
                      <a:pt x="176" y="137"/>
                      <a:pt x="176" y="88"/>
                    </a:cubicBezTo>
                    <a:cubicBezTo>
                      <a:pt x="176" y="0"/>
                      <a:pt x="176" y="0"/>
                      <a:pt x="176" y="0"/>
                    </a:cubicBezTo>
                    <a:lnTo>
                      <a:pt x="88" y="0"/>
                    </a:lnTo>
                    <a:close/>
                  </a:path>
                </a:pathLst>
              </a:custGeom>
              <a:solidFill>
                <a:schemeClr val="bg1">
                  <a:lumMod val="50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2" name="Freeform 59"/>
              <p:cNvSpPr>
                <a:spLocks noEditPoints="1"/>
              </p:cNvSpPr>
              <p:nvPr/>
            </p:nvSpPr>
            <p:spPr bwMode="auto">
              <a:xfrm>
                <a:off x="2605" y="2397"/>
                <a:ext cx="71" cy="80"/>
              </a:xfrm>
              <a:custGeom>
                <a:gdLst>
                  <a:gd fmla="*/ 71 w 71" name="T0"/>
                  <a:gd fmla="*/ 62 h 80" name="T1"/>
                  <a:gd fmla="*/ 59 w 71" name="T2"/>
                  <a:gd fmla="*/ 62 h 80" name="T3"/>
                  <a:gd fmla="*/ 59 w 71" name="T4"/>
                  <a:gd fmla="*/ 80 h 80" name="T5"/>
                  <a:gd fmla="*/ 40 w 71" name="T6"/>
                  <a:gd fmla="*/ 80 h 80" name="T7"/>
                  <a:gd fmla="*/ 40 w 71" name="T8"/>
                  <a:gd fmla="*/ 62 h 80" name="T9"/>
                  <a:gd fmla="*/ 0 w 71" name="T10"/>
                  <a:gd fmla="*/ 62 h 80" name="T11"/>
                  <a:gd fmla="*/ 0 w 71" name="T12"/>
                  <a:gd fmla="*/ 47 h 80" name="T13"/>
                  <a:gd fmla="*/ 38 w 71" name="T14"/>
                  <a:gd fmla="*/ 0 h 80" name="T15"/>
                  <a:gd fmla="*/ 59 w 71" name="T16"/>
                  <a:gd fmla="*/ 0 h 80" name="T17"/>
                  <a:gd fmla="*/ 59 w 71" name="T18"/>
                  <a:gd fmla="*/ 47 h 80" name="T19"/>
                  <a:gd fmla="*/ 71 w 71" name="T20"/>
                  <a:gd fmla="*/ 47 h 80" name="T21"/>
                  <a:gd fmla="*/ 71 w 71" name="T22"/>
                  <a:gd fmla="*/ 62 h 80" name="T23"/>
                  <a:gd fmla="*/ 40 w 71" name="T24"/>
                  <a:gd fmla="*/ 47 h 80" name="T25"/>
                  <a:gd fmla="*/ 40 w 71" name="T26"/>
                  <a:gd fmla="*/ 19 h 80" name="T27"/>
                  <a:gd fmla="*/ 16 w 71" name="T28"/>
                  <a:gd fmla="*/ 47 h 80" name="T29"/>
                  <a:gd fmla="*/ 40 w 71" name="T30"/>
                  <a:gd fmla="*/ 47 h 80" name="T3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b="b" l="0" r="r" t="0"/>
                <a:pathLst>
                  <a:path h="80" w="71">
                    <a:moveTo>
                      <a:pt x="71" y="62"/>
                    </a:moveTo>
                    <a:lnTo>
                      <a:pt x="59" y="62"/>
                    </a:lnTo>
                    <a:lnTo>
                      <a:pt x="59" y="80"/>
                    </a:lnTo>
                    <a:lnTo>
                      <a:pt x="40" y="80"/>
                    </a:lnTo>
                    <a:lnTo>
                      <a:pt x="40" y="62"/>
                    </a:lnTo>
                    <a:lnTo>
                      <a:pt x="0" y="62"/>
                    </a:lnTo>
                    <a:lnTo>
                      <a:pt x="0" y="47"/>
                    </a:lnTo>
                    <a:lnTo>
                      <a:pt x="38" y="0"/>
                    </a:lnTo>
                    <a:lnTo>
                      <a:pt x="59" y="0"/>
                    </a:lnTo>
                    <a:lnTo>
                      <a:pt x="59" y="47"/>
                    </a:lnTo>
                    <a:lnTo>
                      <a:pt x="71" y="47"/>
                    </a:lnTo>
                    <a:lnTo>
                      <a:pt x="71" y="62"/>
                    </a:lnTo>
                    <a:close/>
                    <a:moveTo>
                      <a:pt x="40" y="47"/>
                    </a:moveTo>
                    <a:lnTo>
                      <a:pt x="40" y="19"/>
                    </a:lnTo>
                    <a:lnTo>
                      <a:pt x="16" y="47"/>
                    </a:lnTo>
                    <a:lnTo>
                      <a:pt x="40" y="47"/>
                    </a:lnTo>
                    <a:close/>
                  </a:path>
                </a:pathLst>
              </a:custGeom>
              <a:solidFill>
                <a:srgbClr val="F2F3F4"/>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3" name="Freeform 60"/>
              <p:cNvSpPr>
                <a:spLocks noEditPoints="1"/>
              </p:cNvSpPr>
              <p:nvPr/>
            </p:nvSpPr>
            <p:spPr bwMode="auto">
              <a:xfrm>
                <a:off x="2685" y="2395"/>
                <a:ext cx="66" cy="82"/>
              </a:xfrm>
              <a:custGeom>
                <a:gdLst>
                  <a:gd fmla="*/ 28 w 28" name="T0"/>
                  <a:gd fmla="*/ 18 h 35" name="T1"/>
                  <a:gd fmla="*/ 27 w 28" name="T2"/>
                  <a:gd fmla="*/ 25 h 35" name="T3"/>
                  <a:gd fmla="*/ 25 w 28" name="T4"/>
                  <a:gd fmla="*/ 31 h 35" name="T5"/>
                  <a:gd fmla="*/ 20 w 28" name="T6"/>
                  <a:gd fmla="*/ 34 h 35" name="T7"/>
                  <a:gd fmla="*/ 14 w 28" name="T8"/>
                  <a:gd fmla="*/ 35 h 35" name="T9"/>
                  <a:gd fmla="*/ 7 w 28" name="T10"/>
                  <a:gd fmla="*/ 34 h 35" name="T11"/>
                  <a:gd fmla="*/ 3 w 28" name="T12"/>
                  <a:gd fmla="*/ 31 h 35" name="T13"/>
                  <a:gd fmla="*/ 1 w 28" name="T14"/>
                  <a:gd fmla="*/ 25 h 35" name="T15"/>
                  <a:gd fmla="*/ 0 w 28" name="T16"/>
                  <a:gd fmla="*/ 18 h 35" name="T17"/>
                  <a:gd fmla="*/ 1 w 28" name="T18"/>
                  <a:gd fmla="*/ 10 h 35" name="T19"/>
                  <a:gd fmla="*/ 3 w 28" name="T20"/>
                  <a:gd fmla="*/ 5 h 35" name="T21"/>
                  <a:gd fmla="*/ 8 w 28" name="T22"/>
                  <a:gd fmla="*/ 1 h 35" name="T23"/>
                  <a:gd fmla="*/ 14 w 28" name="T24"/>
                  <a:gd fmla="*/ 0 h 35" name="T25"/>
                  <a:gd fmla="*/ 20 w 28" name="T26"/>
                  <a:gd fmla="*/ 1 h 35" name="T27"/>
                  <a:gd fmla="*/ 25 w 28" name="T28"/>
                  <a:gd fmla="*/ 5 h 35" name="T29"/>
                  <a:gd fmla="*/ 27 w 28" name="T30"/>
                  <a:gd fmla="*/ 10 h 35" name="T31"/>
                  <a:gd fmla="*/ 28 w 28" name="T32"/>
                  <a:gd fmla="*/ 18 h 35" name="T33"/>
                  <a:gd fmla="*/ 19 w 28" name="T34"/>
                  <a:gd fmla="*/ 18 h 35" name="T35"/>
                  <a:gd fmla="*/ 18 w 28" name="T36"/>
                  <a:gd fmla="*/ 9 h 35" name="T37"/>
                  <a:gd fmla="*/ 14 w 28" name="T38"/>
                  <a:gd fmla="*/ 6 h 35" name="T39"/>
                  <a:gd fmla="*/ 10 w 28" name="T40"/>
                  <a:gd fmla="*/ 9 h 35" name="T41"/>
                  <a:gd fmla="*/ 9 w 28" name="T42"/>
                  <a:gd fmla="*/ 18 h 35" name="T43"/>
                  <a:gd fmla="*/ 10 w 28" name="T44"/>
                  <a:gd fmla="*/ 27 h 35" name="T45"/>
                  <a:gd fmla="*/ 14 w 28" name="T46"/>
                  <a:gd fmla="*/ 29 h 35" name="T47"/>
                  <a:gd fmla="*/ 18 w 28" name="T48"/>
                  <a:gd fmla="*/ 27 h 35" name="T49"/>
                  <a:gd fmla="*/ 19 w 28" name="T50"/>
                  <a:gd fmla="*/ 18 h 35" name="T5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b="b" l="0" r="r" t="0"/>
                <a:pathLst>
                  <a:path h="35" w="28">
                    <a:moveTo>
                      <a:pt x="28" y="18"/>
                    </a:moveTo>
                    <a:cubicBezTo>
                      <a:pt x="28" y="21"/>
                      <a:pt x="28" y="23"/>
                      <a:pt x="27" y="25"/>
                    </a:cubicBezTo>
                    <a:cubicBezTo>
                      <a:pt x="27" y="28"/>
                      <a:pt x="26" y="30"/>
                      <a:pt x="25" y="31"/>
                    </a:cubicBezTo>
                    <a:cubicBezTo>
                      <a:pt x="24" y="32"/>
                      <a:pt x="22" y="34"/>
                      <a:pt x="20" y="34"/>
                    </a:cubicBezTo>
                    <a:cubicBezTo>
                      <a:pt x="19" y="35"/>
                      <a:pt x="17" y="35"/>
                      <a:pt x="14" y="35"/>
                    </a:cubicBezTo>
                    <a:cubicBezTo>
                      <a:pt x="11" y="35"/>
                      <a:pt x="9" y="35"/>
                      <a:pt x="7" y="34"/>
                    </a:cubicBezTo>
                    <a:cubicBezTo>
                      <a:pt x="6" y="34"/>
                      <a:pt x="4" y="32"/>
                      <a:pt x="3" y="31"/>
                    </a:cubicBezTo>
                    <a:cubicBezTo>
                      <a:pt x="2" y="29"/>
                      <a:pt x="1" y="28"/>
                      <a:pt x="1" y="25"/>
                    </a:cubicBezTo>
                    <a:cubicBezTo>
                      <a:pt x="0" y="23"/>
                      <a:pt x="0" y="21"/>
                      <a:pt x="0" y="18"/>
                    </a:cubicBezTo>
                    <a:cubicBezTo>
                      <a:pt x="0" y="15"/>
                      <a:pt x="0" y="12"/>
                      <a:pt x="1" y="10"/>
                    </a:cubicBezTo>
                    <a:cubicBezTo>
                      <a:pt x="1" y="8"/>
                      <a:pt x="2" y="6"/>
                      <a:pt x="3" y="5"/>
                    </a:cubicBezTo>
                    <a:cubicBezTo>
                      <a:pt x="4" y="3"/>
                      <a:pt x="6" y="2"/>
                      <a:pt x="8" y="1"/>
                    </a:cubicBezTo>
                    <a:cubicBezTo>
                      <a:pt x="9" y="1"/>
                      <a:pt x="11" y="0"/>
                      <a:pt x="14" y="0"/>
                    </a:cubicBezTo>
                    <a:cubicBezTo>
                      <a:pt x="17" y="0"/>
                      <a:pt x="19" y="1"/>
                      <a:pt x="20" y="1"/>
                    </a:cubicBezTo>
                    <a:cubicBezTo>
                      <a:pt x="22" y="2"/>
                      <a:pt x="24" y="3"/>
                      <a:pt x="25" y="5"/>
                    </a:cubicBezTo>
                    <a:cubicBezTo>
                      <a:pt x="26" y="6"/>
                      <a:pt x="27" y="8"/>
                      <a:pt x="27" y="10"/>
                    </a:cubicBezTo>
                    <a:cubicBezTo>
                      <a:pt x="28" y="12"/>
                      <a:pt x="28" y="15"/>
                      <a:pt x="28" y="18"/>
                    </a:cubicBezTo>
                    <a:moveTo>
                      <a:pt x="19" y="18"/>
                    </a:moveTo>
                    <a:cubicBezTo>
                      <a:pt x="19" y="14"/>
                      <a:pt x="19" y="11"/>
                      <a:pt x="18" y="9"/>
                    </a:cubicBezTo>
                    <a:cubicBezTo>
                      <a:pt x="17" y="7"/>
                      <a:pt x="16" y="6"/>
                      <a:pt x="14" y="6"/>
                    </a:cubicBezTo>
                    <a:cubicBezTo>
                      <a:pt x="12" y="6"/>
                      <a:pt x="11" y="7"/>
                      <a:pt x="10" y="9"/>
                    </a:cubicBezTo>
                    <a:cubicBezTo>
                      <a:pt x="9" y="11"/>
                      <a:pt x="9" y="14"/>
                      <a:pt x="9" y="18"/>
                    </a:cubicBezTo>
                    <a:cubicBezTo>
                      <a:pt x="9" y="22"/>
                      <a:pt x="9" y="25"/>
                      <a:pt x="10" y="27"/>
                    </a:cubicBezTo>
                    <a:cubicBezTo>
                      <a:pt x="11" y="28"/>
                      <a:pt x="12" y="29"/>
                      <a:pt x="14" y="29"/>
                    </a:cubicBezTo>
                    <a:cubicBezTo>
                      <a:pt x="16" y="29"/>
                      <a:pt x="17" y="28"/>
                      <a:pt x="18" y="27"/>
                    </a:cubicBezTo>
                    <a:cubicBezTo>
                      <a:pt x="19" y="25"/>
                      <a:pt x="19" y="22"/>
                      <a:pt x="19" y="18"/>
                    </a:cubicBezTo>
                  </a:path>
                </a:pathLst>
              </a:custGeom>
              <a:solidFill>
                <a:srgbClr val="F2F3F4"/>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4" name="Freeform 61"/>
              <p:cNvSpPr>
                <a:spLocks noEditPoints="1"/>
              </p:cNvSpPr>
              <p:nvPr/>
            </p:nvSpPr>
            <p:spPr bwMode="auto">
              <a:xfrm>
                <a:off x="2765" y="2395"/>
                <a:ext cx="123" cy="82"/>
              </a:xfrm>
              <a:custGeom>
                <a:gdLst>
                  <a:gd fmla="*/ 20 w 52" name="T0"/>
                  <a:gd fmla="*/ 11 h 35" name="T1"/>
                  <a:gd fmla="*/ 18 w 52" name="T2"/>
                  <a:gd fmla="*/ 20 h 35" name="T3"/>
                  <a:gd fmla="*/ 10 w 52" name="T4"/>
                  <a:gd fmla="*/ 22 h 35" name="T5"/>
                  <a:gd fmla="*/ 2 w 52" name="T6"/>
                  <a:gd fmla="*/ 20 h 35" name="T7"/>
                  <a:gd fmla="*/ 0 w 52" name="T8"/>
                  <a:gd fmla="*/ 11 h 35" name="T9"/>
                  <a:gd fmla="*/ 2 w 52" name="T10"/>
                  <a:gd fmla="*/ 3 h 35" name="T11"/>
                  <a:gd fmla="*/ 10 w 52" name="T12"/>
                  <a:gd fmla="*/ 0 h 35" name="T13"/>
                  <a:gd fmla="*/ 18 w 52" name="T14"/>
                  <a:gd fmla="*/ 3 h 35" name="T15"/>
                  <a:gd fmla="*/ 20 w 52" name="T16"/>
                  <a:gd fmla="*/ 11 h 35" name="T17"/>
                  <a:gd fmla="*/ 14 w 52" name="T18"/>
                  <a:gd fmla="*/ 11 h 35" name="T19"/>
                  <a:gd fmla="*/ 13 w 52" name="T20"/>
                  <a:gd fmla="*/ 6 h 35" name="T21"/>
                  <a:gd fmla="*/ 10 w 52" name="T22"/>
                  <a:gd fmla="*/ 5 h 35" name="T23"/>
                  <a:gd fmla="*/ 7 w 52" name="T24"/>
                  <a:gd fmla="*/ 6 h 35" name="T25"/>
                  <a:gd fmla="*/ 6 w 52" name="T26"/>
                  <a:gd fmla="*/ 11 h 35" name="T27"/>
                  <a:gd fmla="*/ 7 w 52" name="T28"/>
                  <a:gd fmla="*/ 16 h 35" name="T29"/>
                  <a:gd fmla="*/ 10 w 52" name="T30"/>
                  <a:gd fmla="*/ 17 h 35" name="T31"/>
                  <a:gd fmla="*/ 13 w 52" name="T32"/>
                  <a:gd fmla="*/ 16 h 35" name="T33"/>
                  <a:gd fmla="*/ 14 w 52" name="T34"/>
                  <a:gd fmla="*/ 11 h 35" name="T35"/>
                  <a:gd fmla="*/ 38 w 52" name="T36"/>
                  <a:gd fmla="*/ 1 h 35" name="T37"/>
                  <a:gd fmla="*/ 20 w 52" name="T38"/>
                  <a:gd fmla="*/ 35 h 35" name="T39"/>
                  <a:gd fmla="*/ 14 w 52" name="T40"/>
                  <a:gd fmla="*/ 35 h 35" name="T41"/>
                  <a:gd fmla="*/ 32 w 52" name="T42"/>
                  <a:gd fmla="*/ 1 h 35" name="T43"/>
                  <a:gd fmla="*/ 38 w 52" name="T44"/>
                  <a:gd fmla="*/ 1 h 35" name="T45"/>
                  <a:gd fmla="*/ 52 w 52" name="T46"/>
                  <a:gd fmla="*/ 24 h 35" name="T47"/>
                  <a:gd fmla="*/ 50 w 52" name="T48"/>
                  <a:gd fmla="*/ 33 h 35" name="T49"/>
                  <a:gd fmla="*/ 42 w 52" name="T50"/>
                  <a:gd fmla="*/ 35 h 35" name="T51"/>
                  <a:gd fmla="*/ 34 w 52" name="T52"/>
                  <a:gd fmla="*/ 33 h 35" name="T53"/>
                  <a:gd fmla="*/ 32 w 52" name="T54"/>
                  <a:gd fmla="*/ 24 h 35" name="T55"/>
                  <a:gd fmla="*/ 35 w 52" name="T56"/>
                  <a:gd fmla="*/ 16 h 35" name="T57"/>
                  <a:gd fmla="*/ 42 w 52" name="T58"/>
                  <a:gd fmla="*/ 13 h 35" name="T59"/>
                  <a:gd fmla="*/ 50 w 52" name="T60"/>
                  <a:gd fmla="*/ 16 h 35" name="T61"/>
                  <a:gd fmla="*/ 52 w 52" name="T62"/>
                  <a:gd fmla="*/ 24 h 35" name="T63"/>
                  <a:gd fmla="*/ 46 w 52" name="T64"/>
                  <a:gd fmla="*/ 24 h 35" name="T65"/>
                  <a:gd fmla="*/ 45 w 52" name="T66"/>
                  <a:gd fmla="*/ 19 h 35" name="T67"/>
                  <a:gd fmla="*/ 42 w 52" name="T68"/>
                  <a:gd fmla="*/ 18 h 35" name="T69"/>
                  <a:gd fmla="*/ 39 w 52" name="T70"/>
                  <a:gd fmla="*/ 19 h 35" name="T71"/>
                  <a:gd fmla="*/ 39 w 52" name="T72"/>
                  <a:gd fmla="*/ 24 h 35" name="T73"/>
                  <a:gd fmla="*/ 39 w 52" name="T74"/>
                  <a:gd fmla="*/ 29 h 35" name="T75"/>
                  <a:gd fmla="*/ 42 w 52" name="T76"/>
                  <a:gd fmla="*/ 31 h 35" name="T77"/>
                  <a:gd fmla="*/ 45 w 52" name="T78"/>
                  <a:gd fmla="*/ 29 h 35" name="T79"/>
                  <a:gd fmla="*/ 46 w 52" name="T80"/>
                  <a:gd fmla="*/ 24 h 35" name="T8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b="b" l="0" r="r" t="0"/>
                <a:pathLst>
                  <a:path h="35" w="52">
                    <a:moveTo>
                      <a:pt x="20" y="11"/>
                    </a:moveTo>
                    <a:cubicBezTo>
                      <a:pt x="20" y="15"/>
                      <a:pt x="19" y="18"/>
                      <a:pt x="18" y="20"/>
                    </a:cubicBezTo>
                    <a:cubicBezTo>
                      <a:pt x="16" y="21"/>
                      <a:pt x="13" y="22"/>
                      <a:pt x="10" y="22"/>
                    </a:cubicBezTo>
                    <a:cubicBezTo>
                      <a:pt x="7" y="22"/>
                      <a:pt x="4" y="21"/>
                      <a:pt x="2" y="20"/>
                    </a:cubicBezTo>
                    <a:cubicBezTo>
                      <a:pt x="1" y="18"/>
                      <a:pt x="0" y="15"/>
                      <a:pt x="0" y="11"/>
                    </a:cubicBezTo>
                    <a:cubicBezTo>
                      <a:pt x="0" y="8"/>
                      <a:pt x="1" y="5"/>
                      <a:pt x="2" y="3"/>
                    </a:cubicBezTo>
                    <a:cubicBezTo>
                      <a:pt x="4" y="1"/>
                      <a:pt x="7" y="0"/>
                      <a:pt x="10" y="0"/>
                    </a:cubicBezTo>
                    <a:cubicBezTo>
                      <a:pt x="13" y="0"/>
                      <a:pt x="16" y="1"/>
                      <a:pt x="18" y="3"/>
                    </a:cubicBezTo>
                    <a:cubicBezTo>
                      <a:pt x="19" y="5"/>
                      <a:pt x="20" y="8"/>
                      <a:pt x="20" y="11"/>
                    </a:cubicBezTo>
                    <a:moveTo>
                      <a:pt x="14" y="11"/>
                    </a:moveTo>
                    <a:cubicBezTo>
                      <a:pt x="14" y="9"/>
                      <a:pt x="13" y="7"/>
                      <a:pt x="13" y="6"/>
                    </a:cubicBezTo>
                    <a:cubicBezTo>
                      <a:pt x="12" y="5"/>
                      <a:pt x="11" y="5"/>
                      <a:pt x="10" y="5"/>
                    </a:cubicBezTo>
                    <a:cubicBezTo>
                      <a:pt x="9" y="5"/>
                      <a:pt x="8" y="5"/>
                      <a:pt x="7" y="6"/>
                    </a:cubicBezTo>
                    <a:cubicBezTo>
                      <a:pt x="7" y="7"/>
                      <a:pt x="6" y="9"/>
                      <a:pt x="6" y="11"/>
                    </a:cubicBezTo>
                    <a:cubicBezTo>
                      <a:pt x="6" y="14"/>
                      <a:pt x="7" y="15"/>
                      <a:pt x="7" y="16"/>
                    </a:cubicBezTo>
                    <a:cubicBezTo>
                      <a:pt x="8" y="17"/>
                      <a:pt x="9" y="17"/>
                      <a:pt x="10" y="17"/>
                    </a:cubicBezTo>
                    <a:cubicBezTo>
                      <a:pt x="11" y="17"/>
                      <a:pt x="12" y="17"/>
                      <a:pt x="13" y="16"/>
                    </a:cubicBezTo>
                    <a:cubicBezTo>
                      <a:pt x="13" y="15"/>
                      <a:pt x="14" y="14"/>
                      <a:pt x="14" y="11"/>
                    </a:cubicBezTo>
                    <a:moveTo>
                      <a:pt x="38" y="1"/>
                    </a:moveTo>
                    <a:cubicBezTo>
                      <a:pt x="20" y="35"/>
                      <a:pt x="20" y="35"/>
                      <a:pt x="20" y="35"/>
                    </a:cubicBezTo>
                    <a:cubicBezTo>
                      <a:pt x="14" y="35"/>
                      <a:pt x="14" y="35"/>
                      <a:pt x="14" y="35"/>
                    </a:cubicBezTo>
                    <a:cubicBezTo>
                      <a:pt x="32" y="1"/>
                      <a:pt x="32" y="1"/>
                      <a:pt x="32" y="1"/>
                    </a:cubicBezTo>
                    <a:lnTo>
                      <a:pt x="38" y="1"/>
                    </a:lnTo>
                    <a:close/>
                    <a:moveTo>
                      <a:pt x="52" y="24"/>
                    </a:moveTo>
                    <a:cubicBezTo>
                      <a:pt x="52" y="28"/>
                      <a:pt x="52" y="31"/>
                      <a:pt x="50" y="33"/>
                    </a:cubicBezTo>
                    <a:cubicBezTo>
                      <a:pt x="48" y="35"/>
                      <a:pt x="46" y="35"/>
                      <a:pt x="42" y="35"/>
                    </a:cubicBezTo>
                    <a:cubicBezTo>
                      <a:pt x="39" y="35"/>
                      <a:pt x="36" y="35"/>
                      <a:pt x="34" y="33"/>
                    </a:cubicBezTo>
                    <a:cubicBezTo>
                      <a:pt x="33" y="31"/>
                      <a:pt x="32" y="28"/>
                      <a:pt x="32" y="24"/>
                    </a:cubicBezTo>
                    <a:cubicBezTo>
                      <a:pt x="32" y="21"/>
                      <a:pt x="33" y="18"/>
                      <a:pt x="35" y="16"/>
                    </a:cubicBezTo>
                    <a:cubicBezTo>
                      <a:pt x="36" y="14"/>
                      <a:pt x="39" y="13"/>
                      <a:pt x="42" y="13"/>
                    </a:cubicBezTo>
                    <a:cubicBezTo>
                      <a:pt x="46" y="13"/>
                      <a:pt x="48" y="14"/>
                      <a:pt x="50" y="16"/>
                    </a:cubicBezTo>
                    <a:cubicBezTo>
                      <a:pt x="52" y="18"/>
                      <a:pt x="52" y="21"/>
                      <a:pt x="52" y="24"/>
                    </a:cubicBezTo>
                    <a:moveTo>
                      <a:pt x="46" y="24"/>
                    </a:moveTo>
                    <a:cubicBezTo>
                      <a:pt x="46" y="22"/>
                      <a:pt x="45" y="20"/>
                      <a:pt x="45" y="19"/>
                    </a:cubicBezTo>
                    <a:cubicBezTo>
                      <a:pt x="44" y="19"/>
                      <a:pt x="43" y="18"/>
                      <a:pt x="42" y="18"/>
                    </a:cubicBezTo>
                    <a:cubicBezTo>
                      <a:pt x="41" y="18"/>
                      <a:pt x="40" y="19"/>
                      <a:pt x="39" y="19"/>
                    </a:cubicBezTo>
                    <a:cubicBezTo>
                      <a:pt x="39" y="20"/>
                      <a:pt x="39" y="22"/>
                      <a:pt x="39" y="24"/>
                    </a:cubicBezTo>
                    <a:cubicBezTo>
                      <a:pt x="39" y="27"/>
                      <a:pt x="39" y="28"/>
                      <a:pt x="39" y="29"/>
                    </a:cubicBezTo>
                    <a:cubicBezTo>
                      <a:pt x="40" y="30"/>
                      <a:pt x="41" y="31"/>
                      <a:pt x="42" y="31"/>
                    </a:cubicBezTo>
                    <a:cubicBezTo>
                      <a:pt x="43" y="31"/>
                      <a:pt x="44" y="30"/>
                      <a:pt x="45" y="29"/>
                    </a:cubicBezTo>
                    <a:cubicBezTo>
                      <a:pt x="45" y="28"/>
                      <a:pt x="46" y="27"/>
                      <a:pt x="46" y="24"/>
                    </a:cubicBezTo>
                  </a:path>
                </a:pathLst>
              </a:custGeom>
              <a:solidFill>
                <a:srgbClr val="F2F3F4"/>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5" name="Freeform 62"/>
              <p:cNvSpPr/>
              <p:nvPr/>
            </p:nvSpPr>
            <p:spPr bwMode="auto">
              <a:xfrm>
                <a:off x="3167" y="2381"/>
                <a:ext cx="61" cy="82"/>
              </a:xfrm>
              <a:custGeom>
                <a:gdLst>
                  <a:gd fmla="*/ 26 w 26" name="T0"/>
                  <a:gd fmla="*/ 23 h 35" name="T1"/>
                  <a:gd fmla="*/ 25 w 26" name="T2"/>
                  <a:gd fmla="*/ 27 h 35" name="T3"/>
                  <a:gd fmla="*/ 23 w 26" name="T4"/>
                  <a:gd fmla="*/ 31 h 35" name="T5"/>
                  <a:gd fmla="*/ 18 w 26" name="T6"/>
                  <a:gd fmla="*/ 34 h 35" name="T7"/>
                  <a:gd fmla="*/ 12 w 26" name="T8"/>
                  <a:gd fmla="*/ 35 h 35" name="T9"/>
                  <a:gd fmla="*/ 5 w 26" name="T10"/>
                  <a:gd fmla="*/ 34 h 35" name="T11"/>
                  <a:gd fmla="*/ 0 w 26" name="T12"/>
                  <a:gd fmla="*/ 33 h 35" name="T13"/>
                  <a:gd fmla="*/ 0 w 26" name="T14"/>
                  <a:gd fmla="*/ 25 h 35" name="T15"/>
                  <a:gd fmla="*/ 1 w 26" name="T16"/>
                  <a:gd fmla="*/ 25 h 35" name="T17"/>
                  <a:gd fmla="*/ 5 w 26" name="T18"/>
                  <a:gd fmla="*/ 27 h 35" name="T19"/>
                  <a:gd fmla="*/ 10 w 26" name="T20"/>
                  <a:gd fmla="*/ 28 h 35" name="T21"/>
                  <a:gd fmla="*/ 13 w 26" name="T22"/>
                  <a:gd fmla="*/ 28 h 35" name="T23"/>
                  <a:gd fmla="*/ 16 w 26" name="T24"/>
                  <a:gd fmla="*/ 27 h 35" name="T25"/>
                  <a:gd fmla="*/ 17 w 26" name="T26"/>
                  <a:gd fmla="*/ 25 h 35" name="T27"/>
                  <a:gd fmla="*/ 18 w 26" name="T28"/>
                  <a:gd fmla="*/ 23 h 35" name="T29"/>
                  <a:gd fmla="*/ 17 w 26" name="T30"/>
                  <a:gd fmla="*/ 21 h 35" name="T31"/>
                  <a:gd fmla="*/ 16 w 26" name="T32"/>
                  <a:gd fmla="*/ 19 h 35" name="T33"/>
                  <a:gd fmla="*/ 13 w 26" name="T34"/>
                  <a:gd fmla="*/ 18 h 35" name="T35"/>
                  <a:gd fmla="*/ 10 w 26" name="T36"/>
                  <a:gd fmla="*/ 18 h 35" name="T37"/>
                  <a:gd fmla="*/ 6 w 26" name="T38"/>
                  <a:gd fmla="*/ 19 h 35" name="T39"/>
                  <a:gd fmla="*/ 2 w 26" name="T40"/>
                  <a:gd fmla="*/ 19 h 35" name="T41"/>
                  <a:gd fmla="*/ 1 w 26" name="T42"/>
                  <a:gd fmla="*/ 19 h 35" name="T43"/>
                  <a:gd fmla="*/ 1 w 26" name="T44"/>
                  <a:gd fmla="*/ 0 h 35" name="T45"/>
                  <a:gd fmla="*/ 25 w 26" name="T46"/>
                  <a:gd fmla="*/ 0 h 35" name="T47"/>
                  <a:gd fmla="*/ 25 w 26" name="T48"/>
                  <a:gd fmla="*/ 7 h 35" name="T49"/>
                  <a:gd fmla="*/ 10 w 26" name="T50"/>
                  <a:gd fmla="*/ 7 h 35" name="T51"/>
                  <a:gd fmla="*/ 10 w 26" name="T52"/>
                  <a:gd fmla="*/ 12 h 35" name="T53"/>
                  <a:gd fmla="*/ 11 w 26" name="T54"/>
                  <a:gd fmla="*/ 12 h 35" name="T55"/>
                  <a:gd fmla="*/ 13 w 26" name="T56"/>
                  <a:gd fmla="*/ 12 h 35" name="T57"/>
                  <a:gd fmla="*/ 18 w 26" name="T58"/>
                  <a:gd fmla="*/ 13 h 35" name="T59"/>
                  <a:gd fmla="*/ 22 w 26" name="T60"/>
                  <a:gd fmla="*/ 14 h 35" name="T61"/>
                  <a:gd fmla="*/ 25 w 26" name="T62"/>
                  <a:gd fmla="*/ 17 h 35" name="T63"/>
                  <a:gd fmla="*/ 26 w 26" name="T64"/>
                  <a:gd fmla="*/ 23 h 35" name="T6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b="b" l="0" r="r" t="0"/>
                <a:pathLst>
                  <a:path h="35" w="26">
                    <a:moveTo>
                      <a:pt x="26" y="23"/>
                    </a:moveTo>
                    <a:cubicBezTo>
                      <a:pt x="26" y="24"/>
                      <a:pt x="26" y="26"/>
                      <a:pt x="25" y="27"/>
                    </a:cubicBezTo>
                    <a:cubicBezTo>
                      <a:pt x="25" y="29"/>
                      <a:pt x="24" y="30"/>
                      <a:pt x="23" y="31"/>
                    </a:cubicBezTo>
                    <a:cubicBezTo>
                      <a:pt x="21" y="32"/>
                      <a:pt x="20" y="33"/>
                      <a:pt x="18" y="34"/>
                    </a:cubicBezTo>
                    <a:cubicBezTo>
                      <a:pt x="16" y="34"/>
                      <a:pt x="14" y="35"/>
                      <a:pt x="12" y="35"/>
                    </a:cubicBezTo>
                    <a:cubicBezTo>
                      <a:pt x="9" y="35"/>
                      <a:pt x="7" y="34"/>
                      <a:pt x="5" y="34"/>
                    </a:cubicBezTo>
                    <a:cubicBezTo>
                      <a:pt x="3" y="34"/>
                      <a:pt x="1" y="33"/>
                      <a:pt x="0" y="33"/>
                    </a:cubicBezTo>
                    <a:cubicBezTo>
                      <a:pt x="0" y="25"/>
                      <a:pt x="0" y="25"/>
                      <a:pt x="0" y="25"/>
                    </a:cubicBezTo>
                    <a:cubicBezTo>
                      <a:pt x="1" y="25"/>
                      <a:pt x="1" y="25"/>
                      <a:pt x="1" y="25"/>
                    </a:cubicBezTo>
                    <a:cubicBezTo>
                      <a:pt x="2" y="26"/>
                      <a:pt x="4" y="27"/>
                      <a:pt x="5" y="27"/>
                    </a:cubicBezTo>
                    <a:cubicBezTo>
                      <a:pt x="7" y="28"/>
                      <a:pt x="9" y="28"/>
                      <a:pt x="10" y="28"/>
                    </a:cubicBezTo>
                    <a:cubicBezTo>
                      <a:pt x="11" y="28"/>
                      <a:pt x="12" y="28"/>
                      <a:pt x="13" y="28"/>
                    </a:cubicBezTo>
                    <a:cubicBezTo>
                      <a:pt x="14" y="27"/>
                      <a:pt x="15" y="27"/>
                      <a:pt x="16" y="27"/>
                    </a:cubicBezTo>
                    <a:cubicBezTo>
                      <a:pt x="17" y="26"/>
                      <a:pt x="17" y="26"/>
                      <a:pt x="17" y="25"/>
                    </a:cubicBezTo>
                    <a:cubicBezTo>
                      <a:pt x="17" y="25"/>
                      <a:pt x="18" y="24"/>
                      <a:pt x="18" y="23"/>
                    </a:cubicBezTo>
                    <a:cubicBezTo>
                      <a:pt x="18" y="22"/>
                      <a:pt x="17" y="21"/>
                      <a:pt x="17" y="21"/>
                    </a:cubicBezTo>
                    <a:cubicBezTo>
                      <a:pt x="17" y="20"/>
                      <a:pt x="16" y="20"/>
                      <a:pt x="16" y="19"/>
                    </a:cubicBezTo>
                    <a:cubicBezTo>
                      <a:pt x="15" y="19"/>
                      <a:pt x="14" y="19"/>
                      <a:pt x="13" y="18"/>
                    </a:cubicBezTo>
                    <a:cubicBezTo>
                      <a:pt x="12" y="18"/>
                      <a:pt x="11" y="18"/>
                      <a:pt x="10" y="18"/>
                    </a:cubicBezTo>
                    <a:cubicBezTo>
                      <a:pt x="8" y="18"/>
                      <a:pt x="7" y="18"/>
                      <a:pt x="6" y="19"/>
                    </a:cubicBezTo>
                    <a:cubicBezTo>
                      <a:pt x="4" y="19"/>
                      <a:pt x="3" y="19"/>
                      <a:pt x="2" y="19"/>
                    </a:cubicBezTo>
                    <a:cubicBezTo>
                      <a:pt x="1" y="19"/>
                      <a:pt x="1" y="19"/>
                      <a:pt x="1" y="19"/>
                    </a:cubicBezTo>
                    <a:cubicBezTo>
                      <a:pt x="1" y="0"/>
                      <a:pt x="1" y="0"/>
                      <a:pt x="1" y="0"/>
                    </a:cubicBezTo>
                    <a:cubicBezTo>
                      <a:pt x="25" y="0"/>
                      <a:pt x="25" y="0"/>
                      <a:pt x="25" y="0"/>
                    </a:cubicBezTo>
                    <a:cubicBezTo>
                      <a:pt x="25" y="7"/>
                      <a:pt x="25" y="7"/>
                      <a:pt x="25" y="7"/>
                    </a:cubicBezTo>
                    <a:cubicBezTo>
                      <a:pt x="10" y="7"/>
                      <a:pt x="10" y="7"/>
                      <a:pt x="10" y="7"/>
                    </a:cubicBezTo>
                    <a:cubicBezTo>
                      <a:pt x="10" y="12"/>
                      <a:pt x="10" y="12"/>
                      <a:pt x="10" y="12"/>
                    </a:cubicBezTo>
                    <a:cubicBezTo>
                      <a:pt x="10" y="12"/>
                      <a:pt x="11" y="12"/>
                      <a:pt x="11" y="12"/>
                    </a:cubicBezTo>
                    <a:cubicBezTo>
                      <a:pt x="12" y="12"/>
                      <a:pt x="13" y="12"/>
                      <a:pt x="13" y="12"/>
                    </a:cubicBezTo>
                    <a:cubicBezTo>
                      <a:pt x="15" y="12"/>
                      <a:pt x="17" y="12"/>
                      <a:pt x="18" y="13"/>
                    </a:cubicBezTo>
                    <a:cubicBezTo>
                      <a:pt x="20" y="13"/>
                      <a:pt x="21" y="13"/>
                      <a:pt x="22" y="14"/>
                    </a:cubicBezTo>
                    <a:cubicBezTo>
                      <a:pt x="23" y="15"/>
                      <a:pt x="24" y="16"/>
                      <a:pt x="25" y="17"/>
                    </a:cubicBezTo>
                    <a:cubicBezTo>
                      <a:pt x="26" y="19"/>
                      <a:pt x="26" y="20"/>
                      <a:pt x="26" y="23"/>
                    </a:cubicBezTo>
                  </a:path>
                </a:pathLst>
              </a:custGeom>
              <a:solidFill>
                <a:srgbClr val="F2F3F4"/>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6" name="Freeform 63"/>
              <p:cNvSpPr>
                <a:spLocks noEditPoints="1"/>
              </p:cNvSpPr>
              <p:nvPr/>
            </p:nvSpPr>
            <p:spPr bwMode="auto">
              <a:xfrm>
                <a:off x="3243" y="2378"/>
                <a:ext cx="66" cy="85"/>
              </a:xfrm>
              <a:custGeom>
                <a:gdLst>
                  <a:gd fmla="*/ 28 w 28" name="T0"/>
                  <a:gd fmla="*/ 18 h 36" name="T1"/>
                  <a:gd fmla="*/ 27 w 28" name="T2"/>
                  <a:gd fmla="*/ 26 h 36" name="T3"/>
                  <a:gd fmla="*/ 25 w 28" name="T4"/>
                  <a:gd fmla="*/ 31 h 36" name="T5"/>
                  <a:gd fmla="*/ 21 w 28" name="T6"/>
                  <a:gd fmla="*/ 35 h 36" name="T7"/>
                  <a:gd fmla="*/ 14 w 28" name="T8"/>
                  <a:gd fmla="*/ 36 h 36" name="T9"/>
                  <a:gd fmla="*/ 8 w 28" name="T10"/>
                  <a:gd fmla="*/ 35 h 36" name="T11"/>
                  <a:gd fmla="*/ 3 w 28" name="T12"/>
                  <a:gd fmla="*/ 31 h 36" name="T13"/>
                  <a:gd fmla="*/ 1 w 28" name="T14"/>
                  <a:gd fmla="*/ 26 h 36" name="T15"/>
                  <a:gd fmla="*/ 0 w 28" name="T16"/>
                  <a:gd fmla="*/ 18 h 36" name="T17"/>
                  <a:gd fmla="*/ 1 w 28" name="T18"/>
                  <a:gd fmla="*/ 10 h 36" name="T19"/>
                  <a:gd fmla="*/ 3 w 28" name="T20"/>
                  <a:gd fmla="*/ 5 h 36" name="T21"/>
                  <a:gd fmla="*/ 8 w 28" name="T22"/>
                  <a:gd fmla="*/ 2 h 36" name="T23"/>
                  <a:gd fmla="*/ 14 w 28" name="T24"/>
                  <a:gd fmla="*/ 0 h 36" name="T25"/>
                  <a:gd fmla="*/ 21 w 28" name="T26"/>
                  <a:gd fmla="*/ 2 h 36" name="T27"/>
                  <a:gd fmla="*/ 25 w 28" name="T28"/>
                  <a:gd fmla="*/ 5 h 36" name="T29"/>
                  <a:gd fmla="*/ 27 w 28" name="T30"/>
                  <a:gd fmla="*/ 11 h 36" name="T31"/>
                  <a:gd fmla="*/ 28 w 28" name="T32"/>
                  <a:gd fmla="*/ 18 h 36" name="T33"/>
                  <a:gd fmla="*/ 19 w 28" name="T34"/>
                  <a:gd fmla="*/ 18 h 36" name="T35"/>
                  <a:gd fmla="*/ 18 w 28" name="T36"/>
                  <a:gd fmla="*/ 9 h 36" name="T37"/>
                  <a:gd fmla="*/ 14 w 28" name="T38"/>
                  <a:gd fmla="*/ 7 h 36" name="T39"/>
                  <a:gd fmla="*/ 10 w 28" name="T40"/>
                  <a:gd fmla="*/ 9 h 36" name="T41"/>
                  <a:gd fmla="*/ 9 w 28" name="T42"/>
                  <a:gd fmla="*/ 18 h 36" name="T43"/>
                  <a:gd fmla="*/ 10 w 28" name="T44"/>
                  <a:gd fmla="*/ 27 h 36" name="T45"/>
                  <a:gd fmla="*/ 14 w 28" name="T46"/>
                  <a:gd fmla="*/ 29 h 36" name="T47"/>
                  <a:gd fmla="*/ 18 w 28" name="T48"/>
                  <a:gd fmla="*/ 27 h 36" name="T49"/>
                  <a:gd fmla="*/ 19 w 28" name="T50"/>
                  <a:gd fmla="*/ 18 h 36" name="T5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b="b" l="0" r="r" t="0"/>
                <a:pathLst>
                  <a:path h="36" w="28">
                    <a:moveTo>
                      <a:pt x="28" y="18"/>
                    </a:moveTo>
                    <a:cubicBezTo>
                      <a:pt x="28" y="21"/>
                      <a:pt x="28" y="23"/>
                      <a:pt x="27" y="26"/>
                    </a:cubicBezTo>
                    <a:cubicBezTo>
                      <a:pt x="27" y="28"/>
                      <a:pt x="26" y="30"/>
                      <a:pt x="25" y="31"/>
                    </a:cubicBezTo>
                    <a:cubicBezTo>
                      <a:pt x="24" y="33"/>
                      <a:pt x="22" y="34"/>
                      <a:pt x="21" y="35"/>
                    </a:cubicBezTo>
                    <a:cubicBezTo>
                      <a:pt x="19" y="35"/>
                      <a:pt x="17" y="36"/>
                      <a:pt x="14" y="36"/>
                    </a:cubicBezTo>
                    <a:cubicBezTo>
                      <a:pt x="11" y="36"/>
                      <a:pt x="9" y="35"/>
                      <a:pt x="8" y="35"/>
                    </a:cubicBezTo>
                    <a:cubicBezTo>
                      <a:pt x="6" y="34"/>
                      <a:pt x="4" y="33"/>
                      <a:pt x="3" y="31"/>
                    </a:cubicBezTo>
                    <a:cubicBezTo>
                      <a:pt x="2" y="30"/>
                      <a:pt x="1" y="28"/>
                      <a:pt x="1" y="26"/>
                    </a:cubicBezTo>
                    <a:cubicBezTo>
                      <a:pt x="0" y="23"/>
                      <a:pt x="0" y="21"/>
                      <a:pt x="0" y="18"/>
                    </a:cubicBezTo>
                    <a:cubicBezTo>
                      <a:pt x="0" y="15"/>
                      <a:pt x="0" y="13"/>
                      <a:pt x="1" y="10"/>
                    </a:cubicBezTo>
                    <a:cubicBezTo>
                      <a:pt x="1" y="8"/>
                      <a:pt x="2" y="6"/>
                      <a:pt x="3" y="5"/>
                    </a:cubicBezTo>
                    <a:cubicBezTo>
                      <a:pt x="4" y="3"/>
                      <a:pt x="6" y="2"/>
                      <a:pt x="8" y="2"/>
                    </a:cubicBezTo>
                    <a:cubicBezTo>
                      <a:pt x="9" y="1"/>
                      <a:pt x="12" y="0"/>
                      <a:pt x="14" y="0"/>
                    </a:cubicBezTo>
                    <a:cubicBezTo>
                      <a:pt x="17" y="0"/>
                      <a:pt x="19" y="1"/>
                      <a:pt x="21" y="2"/>
                    </a:cubicBezTo>
                    <a:cubicBezTo>
                      <a:pt x="22" y="2"/>
                      <a:pt x="24" y="3"/>
                      <a:pt x="25" y="5"/>
                    </a:cubicBezTo>
                    <a:cubicBezTo>
                      <a:pt x="26" y="6"/>
                      <a:pt x="27" y="8"/>
                      <a:pt x="27" y="11"/>
                    </a:cubicBezTo>
                    <a:cubicBezTo>
                      <a:pt x="28" y="13"/>
                      <a:pt x="28" y="15"/>
                      <a:pt x="28" y="18"/>
                    </a:cubicBezTo>
                    <a:moveTo>
                      <a:pt x="19" y="18"/>
                    </a:moveTo>
                    <a:cubicBezTo>
                      <a:pt x="19" y="14"/>
                      <a:pt x="19" y="11"/>
                      <a:pt x="18" y="9"/>
                    </a:cubicBezTo>
                    <a:cubicBezTo>
                      <a:pt x="17" y="8"/>
                      <a:pt x="16" y="7"/>
                      <a:pt x="14" y="7"/>
                    </a:cubicBezTo>
                    <a:cubicBezTo>
                      <a:pt x="12" y="7"/>
                      <a:pt x="11" y="8"/>
                      <a:pt x="10" y="9"/>
                    </a:cubicBezTo>
                    <a:cubicBezTo>
                      <a:pt x="9" y="11"/>
                      <a:pt x="9" y="14"/>
                      <a:pt x="9" y="18"/>
                    </a:cubicBezTo>
                    <a:cubicBezTo>
                      <a:pt x="9" y="22"/>
                      <a:pt x="9" y="25"/>
                      <a:pt x="10" y="27"/>
                    </a:cubicBezTo>
                    <a:cubicBezTo>
                      <a:pt x="11" y="29"/>
                      <a:pt x="12" y="29"/>
                      <a:pt x="14" y="29"/>
                    </a:cubicBezTo>
                    <a:cubicBezTo>
                      <a:pt x="16" y="29"/>
                      <a:pt x="17" y="29"/>
                      <a:pt x="18" y="27"/>
                    </a:cubicBezTo>
                    <a:cubicBezTo>
                      <a:pt x="19" y="25"/>
                      <a:pt x="19" y="22"/>
                      <a:pt x="19" y="18"/>
                    </a:cubicBezTo>
                  </a:path>
                </a:pathLst>
              </a:custGeom>
              <a:solidFill>
                <a:srgbClr val="F2F3F4"/>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7" name="Freeform 64"/>
              <p:cNvSpPr>
                <a:spLocks noEditPoints="1"/>
              </p:cNvSpPr>
              <p:nvPr/>
            </p:nvSpPr>
            <p:spPr bwMode="auto">
              <a:xfrm>
                <a:off x="3323" y="2378"/>
                <a:ext cx="125" cy="85"/>
              </a:xfrm>
              <a:custGeom>
                <a:gdLst>
                  <a:gd fmla="*/ 20 w 53" name="T0"/>
                  <a:gd fmla="*/ 11 h 36" name="T1"/>
                  <a:gd fmla="*/ 18 w 53" name="T2"/>
                  <a:gd fmla="*/ 20 h 36" name="T3"/>
                  <a:gd fmla="*/ 10 w 53" name="T4"/>
                  <a:gd fmla="*/ 23 h 36" name="T5"/>
                  <a:gd fmla="*/ 2 w 53" name="T6"/>
                  <a:gd fmla="*/ 20 h 36" name="T7"/>
                  <a:gd fmla="*/ 0 w 53" name="T8"/>
                  <a:gd fmla="*/ 12 h 36" name="T9"/>
                  <a:gd fmla="*/ 2 w 53" name="T10"/>
                  <a:gd fmla="*/ 3 h 36" name="T11"/>
                  <a:gd fmla="*/ 10 w 53" name="T12"/>
                  <a:gd fmla="*/ 0 h 36" name="T13"/>
                  <a:gd fmla="*/ 18 w 53" name="T14"/>
                  <a:gd fmla="*/ 3 h 36" name="T15"/>
                  <a:gd fmla="*/ 20 w 53" name="T16"/>
                  <a:gd fmla="*/ 11 h 36" name="T17"/>
                  <a:gd fmla="*/ 14 w 53" name="T18"/>
                  <a:gd fmla="*/ 12 h 36" name="T19"/>
                  <a:gd fmla="*/ 13 w 53" name="T20"/>
                  <a:gd fmla="*/ 7 h 36" name="T21"/>
                  <a:gd fmla="*/ 10 w 53" name="T22"/>
                  <a:gd fmla="*/ 5 h 36" name="T23"/>
                  <a:gd fmla="*/ 7 w 53" name="T24"/>
                  <a:gd fmla="*/ 7 h 36" name="T25"/>
                  <a:gd fmla="*/ 7 w 53" name="T26"/>
                  <a:gd fmla="*/ 12 h 36" name="T27"/>
                  <a:gd fmla="*/ 7 w 53" name="T28"/>
                  <a:gd fmla="*/ 16 h 36" name="T29"/>
                  <a:gd fmla="*/ 10 w 53" name="T30"/>
                  <a:gd fmla="*/ 18 h 36" name="T31"/>
                  <a:gd fmla="*/ 13 w 53" name="T32"/>
                  <a:gd fmla="*/ 16 h 36" name="T33"/>
                  <a:gd fmla="*/ 14 w 53" name="T34"/>
                  <a:gd fmla="*/ 12 h 36" name="T35"/>
                  <a:gd fmla="*/ 38 w 53" name="T36"/>
                  <a:gd fmla="*/ 1 h 36" name="T37"/>
                  <a:gd fmla="*/ 20 w 53" name="T38"/>
                  <a:gd fmla="*/ 35 h 36" name="T39"/>
                  <a:gd fmla="*/ 14 w 53" name="T40"/>
                  <a:gd fmla="*/ 35 h 36" name="T41"/>
                  <a:gd fmla="*/ 32 w 53" name="T42"/>
                  <a:gd fmla="*/ 1 h 36" name="T43"/>
                  <a:gd fmla="*/ 38 w 53" name="T44"/>
                  <a:gd fmla="*/ 1 h 36" name="T45"/>
                  <a:gd fmla="*/ 53 w 53" name="T46"/>
                  <a:gd fmla="*/ 25 h 36" name="T47"/>
                  <a:gd fmla="*/ 50 w 53" name="T48"/>
                  <a:gd fmla="*/ 33 h 36" name="T49"/>
                  <a:gd fmla="*/ 42 w 53" name="T50"/>
                  <a:gd fmla="*/ 36 h 36" name="T51"/>
                  <a:gd fmla="*/ 35 w 53" name="T52"/>
                  <a:gd fmla="*/ 33 h 36" name="T53"/>
                  <a:gd fmla="*/ 32 w 53" name="T54"/>
                  <a:gd fmla="*/ 25 h 36" name="T55"/>
                  <a:gd fmla="*/ 35 w 53" name="T56"/>
                  <a:gd fmla="*/ 16 h 36" name="T57"/>
                  <a:gd fmla="*/ 42 w 53" name="T58"/>
                  <a:gd fmla="*/ 14 h 36" name="T59"/>
                  <a:gd fmla="*/ 50 w 53" name="T60"/>
                  <a:gd fmla="*/ 16 h 36" name="T61"/>
                  <a:gd fmla="*/ 53 w 53" name="T62"/>
                  <a:gd fmla="*/ 25 h 36" name="T63"/>
                  <a:gd fmla="*/ 46 w 53" name="T64"/>
                  <a:gd fmla="*/ 25 h 36" name="T65"/>
                  <a:gd fmla="*/ 45 w 53" name="T66"/>
                  <a:gd fmla="*/ 20 h 36" name="T67"/>
                  <a:gd fmla="*/ 42 w 53" name="T68"/>
                  <a:gd fmla="*/ 18 h 36" name="T69"/>
                  <a:gd fmla="*/ 39 w 53" name="T70"/>
                  <a:gd fmla="*/ 20 h 36" name="T71"/>
                  <a:gd fmla="*/ 39 w 53" name="T72"/>
                  <a:gd fmla="*/ 25 h 36" name="T73"/>
                  <a:gd fmla="*/ 39 w 53" name="T74"/>
                  <a:gd fmla="*/ 30 h 36" name="T75"/>
                  <a:gd fmla="*/ 42 w 53" name="T76"/>
                  <a:gd fmla="*/ 31 h 36" name="T77"/>
                  <a:gd fmla="*/ 45 w 53" name="T78"/>
                  <a:gd fmla="*/ 30 h 36" name="T79"/>
                  <a:gd fmla="*/ 46 w 53" name="T80"/>
                  <a:gd fmla="*/ 25 h 36" name="T8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b="b" l="0" r="r" t="0"/>
                <a:pathLst>
                  <a:path h="36" w="52">
                    <a:moveTo>
                      <a:pt x="20" y="11"/>
                    </a:moveTo>
                    <a:cubicBezTo>
                      <a:pt x="20" y="15"/>
                      <a:pt x="20" y="18"/>
                      <a:pt x="18" y="20"/>
                    </a:cubicBezTo>
                    <a:cubicBezTo>
                      <a:pt x="16" y="22"/>
                      <a:pt x="14" y="23"/>
                      <a:pt x="10" y="23"/>
                    </a:cubicBezTo>
                    <a:cubicBezTo>
                      <a:pt x="7" y="23"/>
                      <a:pt x="4" y="22"/>
                      <a:pt x="2" y="20"/>
                    </a:cubicBezTo>
                    <a:cubicBezTo>
                      <a:pt x="1" y="18"/>
                      <a:pt x="0" y="15"/>
                      <a:pt x="0" y="12"/>
                    </a:cubicBezTo>
                    <a:cubicBezTo>
                      <a:pt x="0" y="8"/>
                      <a:pt x="1" y="5"/>
                      <a:pt x="2" y="3"/>
                    </a:cubicBezTo>
                    <a:cubicBezTo>
                      <a:pt x="4" y="1"/>
                      <a:pt x="7" y="0"/>
                      <a:pt x="10" y="0"/>
                    </a:cubicBezTo>
                    <a:cubicBezTo>
                      <a:pt x="14" y="0"/>
                      <a:pt x="16" y="1"/>
                      <a:pt x="18" y="3"/>
                    </a:cubicBezTo>
                    <a:cubicBezTo>
                      <a:pt x="20" y="5"/>
                      <a:pt x="20" y="8"/>
                      <a:pt x="20" y="11"/>
                    </a:cubicBezTo>
                    <a:moveTo>
                      <a:pt x="14" y="12"/>
                    </a:moveTo>
                    <a:cubicBezTo>
                      <a:pt x="14" y="9"/>
                      <a:pt x="13" y="7"/>
                      <a:pt x="13" y="7"/>
                    </a:cubicBezTo>
                    <a:cubicBezTo>
                      <a:pt x="12" y="6"/>
                      <a:pt x="11" y="5"/>
                      <a:pt x="10" y="5"/>
                    </a:cubicBezTo>
                    <a:cubicBezTo>
                      <a:pt x="9" y="5"/>
                      <a:pt x="8" y="6"/>
                      <a:pt x="7" y="7"/>
                    </a:cubicBezTo>
                    <a:cubicBezTo>
                      <a:pt x="7" y="7"/>
                      <a:pt x="7" y="9"/>
                      <a:pt x="7" y="12"/>
                    </a:cubicBezTo>
                    <a:cubicBezTo>
                      <a:pt x="7" y="14"/>
                      <a:pt x="7" y="16"/>
                      <a:pt x="7" y="16"/>
                    </a:cubicBezTo>
                    <a:cubicBezTo>
                      <a:pt x="8" y="17"/>
                      <a:pt x="9" y="18"/>
                      <a:pt x="10" y="18"/>
                    </a:cubicBezTo>
                    <a:cubicBezTo>
                      <a:pt x="11" y="18"/>
                      <a:pt x="12" y="17"/>
                      <a:pt x="13" y="16"/>
                    </a:cubicBezTo>
                    <a:cubicBezTo>
                      <a:pt x="13" y="16"/>
                      <a:pt x="14" y="14"/>
                      <a:pt x="14" y="12"/>
                    </a:cubicBezTo>
                    <a:moveTo>
                      <a:pt x="38" y="1"/>
                    </a:moveTo>
                    <a:cubicBezTo>
                      <a:pt x="20" y="35"/>
                      <a:pt x="20" y="35"/>
                      <a:pt x="20" y="35"/>
                    </a:cubicBezTo>
                    <a:cubicBezTo>
                      <a:pt x="14" y="35"/>
                      <a:pt x="14" y="35"/>
                      <a:pt x="14" y="35"/>
                    </a:cubicBezTo>
                    <a:cubicBezTo>
                      <a:pt x="32" y="1"/>
                      <a:pt x="32" y="1"/>
                      <a:pt x="32" y="1"/>
                    </a:cubicBezTo>
                    <a:lnTo>
                      <a:pt x="38" y="1"/>
                    </a:lnTo>
                    <a:close/>
                    <a:moveTo>
                      <a:pt x="53" y="25"/>
                    </a:moveTo>
                    <a:cubicBezTo>
                      <a:pt x="53" y="28"/>
                      <a:pt x="52" y="31"/>
                      <a:pt x="50" y="33"/>
                    </a:cubicBezTo>
                    <a:cubicBezTo>
                      <a:pt x="48" y="35"/>
                      <a:pt x="46" y="36"/>
                      <a:pt x="42" y="36"/>
                    </a:cubicBezTo>
                    <a:cubicBezTo>
                      <a:pt x="39" y="36"/>
                      <a:pt x="36" y="35"/>
                      <a:pt x="35" y="33"/>
                    </a:cubicBezTo>
                    <a:cubicBezTo>
                      <a:pt x="33" y="31"/>
                      <a:pt x="32" y="28"/>
                      <a:pt x="32" y="25"/>
                    </a:cubicBezTo>
                    <a:cubicBezTo>
                      <a:pt x="32" y="21"/>
                      <a:pt x="33" y="18"/>
                      <a:pt x="35" y="16"/>
                    </a:cubicBezTo>
                    <a:cubicBezTo>
                      <a:pt x="36" y="15"/>
                      <a:pt x="39" y="14"/>
                      <a:pt x="42" y="14"/>
                    </a:cubicBezTo>
                    <a:cubicBezTo>
                      <a:pt x="46" y="14"/>
                      <a:pt x="48" y="15"/>
                      <a:pt x="50" y="16"/>
                    </a:cubicBezTo>
                    <a:cubicBezTo>
                      <a:pt x="52" y="18"/>
                      <a:pt x="53" y="21"/>
                      <a:pt x="53" y="25"/>
                    </a:cubicBezTo>
                    <a:moveTo>
                      <a:pt x="46" y="25"/>
                    </a:moveTo>
                    <a:cubicBezTo>
                      <a:pt x="46" y="22"/>
                      <a:pt x="46" y="21"/>
                      <a:pt x="45" y="20"/>
                    </a:cubicBezTo>
                    <a:cubicBezTo>
                      <a:pt x="44" y="19"/>
                      <a:pt x="43" y="18"/>
                      <a:pt x="42" y="18"/>
                    </a:cubicBezTo>
                    <a:cubicBezTo>
                      <a:pt x="41" y="18"/>
                      <a:pt x="40" y="19"/>
                      <a:pt x="39" y="20"/>
                    </a:cubicBezTo>
                    <a:cubicBezTo>
                      <a:pt x="39" y="21"/>
                      <a:pt x="39" y="22"/>
                      <a:pt x="39" y="25"/>
                    </a:cubicBezTo>
                    <a:cubicBezTo>
                      <a:pt x="39" y="27"/>
                      <a:pt x="39" y="29"/>
                      <a:pt x="39" y="30"/>
                    </a:cubicBezTo>
                    <a:cubicBezTo>
                      <a:pt x="40" y="30"/>
                      <a:pt x="41" y="31"/>
                      <a:pt x="42" y="31"/>
                    </a:cubicBezTo>
                    <a:cubicBezTo>
                      <a:pt x="43" y="31"/>
                      <a:pt x="44" y="30"/>
                      <a:pt x="45" y="30"/>
                    </a:cubicBezTo>
                    <a:cubicBezTo>
                      <a:pt x="46" y="29"/>
                      <a:pt x="46" y="27"/>
                      <a:pt x="46" y="25"/>
                    </a:cubicBezTo>
                  </a:path>
                </a:pathLst>
              </a:custGeom>
              <a:solidFill>
                <a:srgbClr val="F2F3F4"/>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sp>
          <p:nvSpPr>
            <p:cNvPr id="12" name="矩形 11"/>
            <p:cNvSpPr/>
            <p:nvPr/>
          </p:nvSpPr>
          <p:spPr>
            <a:xfrm>
              <a:off x="3138244" y="3930809"/>
              <a:ext cx="589280" cy="345440"/>
            </a:xfrm>
            <a:prstGeom prst="rect">
              <a:avLst/>
            </a:prstGeom>
          </p:spPr>
          <p:txBody>
            <a:bodyPr wrap="none">
              <a:spAutoFit/>
            </a:bodyPr>
            <a:lstStyle/>
            <a:p>
              <a:pPr algn="ctr">
                <a:lnSpc>
                  <a:spcPts val="2000"/>
                </a:lnSpc>
              </a:pPr>
              <a:r>
                <a:rPr altLang="en-US" kern="0" lang="zh-CN" sz="800">
                  <a:solidFill>
                    <a:schemeClr val="bg1"/>
                  </a:solidFill>
                  <a:latin charset="-122" panose="020b0503020204020204" pitchFamily="34" typeface="微软雅黑"/>
                  <a:ea charset="-122" panose="020b0503020204020204" pitchFamily="34" typeface="微软雅黑"/>
                </a:rPr>
                <a:t>添加文字</a:t>
              </a:r>
            </a:p>
          </p:txBody>
        </p:sp>
        <p:sp>
          <p:nvSpPr>
            <p:cNvPr id="13" name="矩形 12"/>
            <p:cNvSpPr/>
            <p:nvPr/>
          </p:nvSpPr>
          <p:spPr>
            <a:xfrm>
              <a:off x="4062170" y="3877469"/>
              <a:ext cx="589280" cy="345440"/>
            </a:xfrm>
            <a:prstGeom prst="rect">
              <a:avLst/>
            </a:prstGeom>
          </p:spPr>
          <p:txBody>
            <a:bodyPr wrap="none">
              <a:spAutoFit/>
            </a:bodyPr>
            <a:lstStyle/>
            <a:p>
              <a:pPr algn="ctr">
                <a:lnSpc>
                  <a:spcPts val="2000"/>
                </a:lnSpc>
              </a:pPr>
              <a:r>
                <a:rPr altLang="en-US" kern="0" lang="zh-CN" sz="800">
                  <a:solidFill>
                    <a:schemeClr val="bg1"/>
                  </a:solidFill>
                  <a:latin charset="-122" panose="020b0503020204020204" pitchFamily="34" typeface="微软雅黑"/>
                  <a:ea charset="-122" panose="020b0503020204020204" pitchFamily="34" typeface="微软雅黑"/>
                </a:rPr>
                <a:t>添加文字</a:t>
              </a:r>
            </a:p>
          </p:txBody>
        </p:sp>
        <p:sp>
          <p:nvSpPr>
            <p:cNvPr id="14" name="矩形 13"/>
            <p:cNvSpPr/>
            <p:nvPr/>
          </p:nvSpPr>
          <p:spPr>
            <a:xfrm>
              <a:off x="4943232" y="3885088"/>
              <a:ext cx="589280" cy="345440"/>
            </a:xfrm>
            <a:prstGeom prst="rect">
              <a:avLst/>
            </a:prstGeom>
          </p:spPr>
          <p:txBody>
            <a:bodyPr wrap="none">
              <a:spAutoFit/>
            </a:bodyPr>
            <a:lstStyle/>
            <a:p>
              <a:pPr algn="ctr">
                <a:lnSpc>
                  <a:spcPts val="2000"/>
                </a:lnSpc>
              </a:pPr>
              <a:r>
                <a:rPr altLang="en-US" kern="0" lang="zh-CN" sz="800">
                  <a:solidFill>
                    <a:schemeClr val="bg1"/>
                  </a:solidFill>
                  <a:latin charset="-122" panose="020b0503020204020204" pitchFamily="34" typeface="微软雅黑"/>
                  <a:ea charset="-122" panose="020b0503020204020204" pitchFamily="34" typeface="微软雅黑"/>
                </a:rPr>
                <a:t>添加文字</a:t>
              </a:r>
            </a:p>
          </p:txBody>
        </p:sp>
      </p:grpSp>
      <p:grpSp>
        <p:nvGrpSpPr>
          <p:cNvPr id="28" name="组合 27"/>
          <p:cNvGrpSpPr/>
          <p:nvPr/>
        </p:nvGrpSpPr>
        <p:grpSpPr>
          <a:xfrm>
            <a:off x="3802703" y="4884688"/>
            <a:ext cx="2465387" cy="82550"/>
            <a:chOff x="3309938" y="4394200"/>
            <a:chExt cx="2465387" cy="82550"/>
          </a:xfrm>
          <a:solidFill>
            <a:srgbClr val="00544A"/>
          </a:solidFill>
        </p:grpSpPr>
        <p:sp>
          <p:nvSpPr>
            <p:cNvPr id="29" name="Freeform 69"/>
            <p:cNvSpPr/>
            <p:nvPr/>
          </p:nvSpPr>
          <p:spPr bwMode="auto">
            <a:xfrm>
              <a:off x="4167188"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0" name="Freeform 70"/>
            <p:cNvSpPr/>
            <p:nvPr/>
          </p:nvSpPr>
          <p:spPr bwMode="auto">
            <a:xfrm>
              <a:off x="4067175" y="4394200"/>
              <a:ext cx="73025" cy="82550"/>
            </a:xfrm>
            <a:custGeom>
              <a:gdLst>
                <a:gd fmla="*/ 46 w 46" name="T0"/>
                <a:gd fmla="*/ 52 h 52" name="T1"/>
                <a:gd fmla="*/ 35 w 46" name="T2"/>
                <a:gd fmla="*/ 52 h 52" name="T3"/>
                <a:gd fmla="*/ 0 w 46" name="T4"/>
                <a:gd fmla="*/ 0 h 52" name="T5"/>
                <a:gd fmla="*/ 9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5" y="52"/>
                  </a:lnTo>
                  <a:lnTo>
                    <a:pt x="0" y="0"/>
                  </a:lnTo>
                  <a:lnTo>
                    <a:pt x="9"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1" name="Freeform 71"/>
            <p:cNvSpPr/>
            <p:nvPr/>
          </p:nvSpPr>
          <p:spPr bwMode="auto">
            <a:xfrm>
              <a:off x="4132263" y="4394200"/>
              <a:ext cx="73025" cy="82550"/>
            </a:xfrm>
            <a:custGeom>
              <a:gdLst>
                <a:gd fmla="*/ 46 w 46" name="T0"/>
                <a:gd fmla="*/ 52 h 52" name="T1"/>
                <a:gd fmla="*/ 37 w 46" name="T2"/>
                <a:gd fmla="*/ 52 h 52" name="T3"/>
                <a:gd fmla="*/ 0 w 46" name="T4"/>
                <a:gd fmla="*/ 0 h 52" name="T5"/>
                <a:gd fmla="*/ 11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7" y="52"/>
                  </a:lnTo>
                  <a:lnTo>
                    <a:pt x="0" y="0"/>
                  </a:lnTo>
                  <a:lnTo>
                    <a:pt x="11"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2" name="Freeform 72"/>
            <p:cNvSpPr/>
            <p:nvPr/>
          </p:nvSpPr>
          <p:spPr bwMode="auto">
            <a:xfrm>
              <a:off x="4033838" y="4394200"/>
              <a:ext cx="71437" cy="82550"/>
            </a:xfrm>
            <a:custGeom>
              <a:gdLst>
                <a:gd fmla="*/ 45 w 45" name="T0"/>
                <a:gd fmla="*/ 52 h 52" name="T1"/>
                <a:gd fmla="*/ 36 w 45" name="T2"/>
                <a:gd fmla="*/ 52 h 52" name="T3"/>
                <a:gd fmla="*/ 0 w 45" name="T4"/>
                <a:gd fmla="*/ 0 h 52" name="T5"/>
                <a:gd fmla="*/ 10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6" y="52"/>
                  </a:lnTo>
                  <a:lnTo>
                    <a:pt x="0" y="0"/>
                  </a:lnTo>
                  <a:lnTo>
                    <a:pt x="10"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3" name="Freeform 73"/>
            <p:cNvSpPr/>
            <p:nvPr/>
          </p:nvSpPr>
          <p:spPr bwMode="auto">
            <a:xfrm>
              <a:off x="4102100"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4" name="Freeform 74"/>
            <p:cNvSpPr/>
            <p:nvPr/>
          </p:nvSpPr>
          <p:spPr bwMode="auto">
            <a:xfrm>
              <a:off x="3933825" y="4394200"/>
              <a:ext cx="71437" cy="82550"/>
            </a:xfrm>
            <a:custGeom>
              <a:gdLst>
                <a:gd fmla="*/ 45 w 45" name="T0"/>
                <a:gd fmla="*/ 52 h 52" name="T1"/>
                <a:gd fmla="*/ 37 w 45" name="T2"/>
                <a:gd fmla="*/ 52 h 52" name="T3"/>
                <a:gd fmla="*/ 0 w 45" name="T4"/>
                <a:gd fmla="*/ 0 h 52" name="T5"/>
                <a:gd fmla="*/ 11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7" y="52"/>
                  </a:lnTo>
                  <a:lnTo>
                    <a:pt x="0" y="0"/>
                  </a:lnTo>
                  <a:lnTo>
                    <a:pt x="11"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5" name="Freeform 75"/>
            <p:cNvSpPr/>
            <p:nvPr/>
          </p:nvSpPr>
          <p:spPr bwMode="auto">
            <a:xfrm>
              <a:off x="3968750" y="4394200"/>
              <a:ext cx="71437" cy="82550"/>
            </a:xfrm>
            <a:custGeom>
              <a:gdLst>
                <a:gd fmla="*/ 45 w 45" name="T0"/>
                <a:gd fmla="*/ 52 h 52" name="T1"/>
                <a:gd fmla="*/ 34 w 45" name="T2"/>
                <a:gd fmla="*/ 52 h 52" name="T3"/>
                <a:gd fmla="*/ 0 w 45" name="T4"/>
                <a:gd fmla="*/ 0 h 52" name="T5"/>
                <a:gd fmla="*/ 8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4" y="52"/>
                  </a:lnTo>
                  <a:lnTo>
                    <a:pt x="0" y="0"/>
                  </a:lnTo>
                  <a:lnTo>
                    <a:pt x="8"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6" name="Freeform 76"/>
            <p:cNvSpPr/>
            <p:nvPr/>
          </p:nvSpPr>
          <p:spPr bwMode="auto">
            <a:xfrm>
              <a:off x="4002088"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7" name="Freeform 77"/>
            <p:cNvSpPr/>
            <p:nvPr/>
          </p:nvSpPr>
          <p:spPr bwMode="auto">
            <a:xfrm>
              <a:off x="3903663"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8" name="Freeform 78"/>
            <p:cNvSpPr/>
            <p:nvPr/>
          </p:nvSpPr>
          <p:spPr bwMode="auto">
            <a:xfrm>
              <a:off x="4430713" y="4394200"/>
              <a:ext cx="73025" cy="82550"/>
            </a:xfrm>
            <a:custGeom>
              <a:gdLst>
                <a:gd fmla="*/ 46 w 46" name="T0"/>
                <a:gd fmla="*/ 52 h 52" name="T1"/>
                <a:gd fmla="*/ 37 w 46" name="T2"/>
                <a:gd fmla="*/ 52 h 52" name="T3"/>
                <a:gd fmla="*/ 0 w 46" name="T4"/>
                <a:gd fmla="*/ 0 h 52" name="T5"/>
                <a:gd fmla="*/ 11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7" y="52"/>
                  </a:lnTo>
                  <a:lnTo>
                    <a:pt x="0" y="0"/>
                  </a:lnTo>
                  <a:lnTo>
                    <a:pt x="11"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39" name="Freeform 79"/>
            <p:cNvSpPr/>
            <p:nvPr/>
          </p:nvSpPr>
          <p:spPr bwMode="auto">
            <a:xfrm>
              <a:off x="4365625"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0" name="Freeform 80"/>
            <p:cNvSpPr/>
            <p:nvPr/>
          </p:nvSpPr>
          <p:spPr bwMode="auto">
            <a:xfrm>
              <a:off x="4200525" y="4394200"/>
              <a:ext cx="69850" cy="82550"/>
            </a:xfrm>
            <a:custGeom>
              <a:gdLst>
                <a:gd fmla="*/ 44 w 44" name="T0"/>
                <a:gd fmla="*/ 52 h 52" name="T1"/>
                <a:gd fmla="*/ 35 w 44" name="T2"/>
                <a:gd fmla="*/ 52 h 52" name="T3"/>
                <a:gd fmla="*/ 0 w 44" name="T4"/>
                <a:gd fmla="*/ 0 h 52" name="T5"/>
                <a:gd fmla="*/ 9 w 44" name="T6"/>
                <a:gd fmla="*/ 0 h 52" name="T7"/>
                <a:gd fmla="*/ 44 w 44" name="T8"/>
                <a:gd fmla="*/ 52 h 52" name="T9"/>
              </a:gdLst>
              <a:cxnLst>
                <a:cxn ang="0">
                  <a:pos x="T0" y="T1"/>
                </a:cxn>
                <a:cxn ang="0">
                  <a:pos x="T2" y="T3"/>
                </a:cxn>
                <a:cxn ang="0">
                  <a:pos x="T4" y="T5"/>
                </a:cxn>
                <a:cxn ang="0">
                  <a:pos x="T6" y="T7"/>
                </a:cxn>
                <a:cxn ang="0">
                  <a:pos x="T8" y="T9"/>
                </a:cxn>
              </a:cxnLst>
              <a:rect b="b" l="0" r="r" t="0"/>
              <a:pathLst>
                <a:path h="52" w="44">
                  <a:moveTo>
                    <a:pt x="44" y="52"/>
                  </a:moveTo>
                  <a:lnTo>
                    <a:pt x="35" y="52"/>
                  </a:lnTo>
                  <a:lnTo>
                    <a:pt x="0" y="0"/>
                  </a:lnTo>
                  <a:lnTo>
                    <a:pt x="9" y="0"/>
                  </a:lnTo>
                  <a:lnTo>
                    <a:pt x="44"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1" name="Freeform 81"/>
            <p:cNvSpPr/>
            <p:nvPr/>
          </p:nvSpPr>
          <p:spPr bwMode="auto">
            <a:xfrm>
              <a:off x="4498975" y="4394200"/>
              <a:ext cx="69850" cy="82550"/>
            </a:xfrm>
            <a:custGeom>
              <a:gdLst>
                <a:gd fmla="*/ 44 w 44" name="T0"/>
                <a:gd fmla="*/ 52 h 52" name="T1"/>
                <a:gd fmla="*/ 35 w 44" name="T2"/>
                <a:gd fmla="*/ 52 h 52" name="T3"/>
                <a:gd fmla="*/ 0 w 44" name="T4"/>
                <a:gd fmla="*/ 0 h 52" name="T5"/>
                <a:gd fmla="*/ 9 w 44" name="T6"/>
                <a:gd fmla="*/ 0 h 52" name="T7"/>
                <a:gd fmla="*/ 44 w 44" name="T8"/>
                <a:gd fmla="*/ 52 h 52" name="T9"/>
              </a:gdLst>
              <a:cxnLst>
                <a:cxn ang="0">
                  <a:pos x="T0" y="T1"/>
                </a:cxn>
                <a:cxn ang="0">
                  <a:pos x="T2" y="T3"/>
                </a:cxn>
                <a:cxn ang="0">
                  <a:pos x="T4" y="T5"/>
                </a:cxn>
                <a:cxn ang="0">
                  <a:pos x="T6" y="T7"/>
                </a:cxn>
                <a:cxn ang="0">
                  <a:pos x="T8" y="T9"/>
                </a:cxn>
              </a:cxnLst>
              <a:rect b="b" l="0" r="r" t="0"/>
              <a:pathLst>
                <a:path h="52" w="44">
                  <a:moveTo>
                    <a:pt x="44" y="52"/>
                  </a:moveTo>
                  <a:lnTo>
                    <a:pt x="35" y="52"/>
                  </a:lnTo>
                  <a:lnTo>
                    <a:pt x="0" y="0"/>
                  </a:lnTo>
                  <a:lnTo>
                    <a:pt x="9" y="0"/>
                  </a:lnTo>
                  <a:lnTo>
                    <a:pt x="44"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2" name="Freeform 82"/>
            <p:cNvSpPr/>
            <p:nvPr/>
          </p:nvSpPr>
          <p:spPr bwMode="auto">
            <a:xfrm>
              <a:off x="4465638"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3" name="Freeform 83"/>
            <p:cNvSpPr/>
            <p:nvPr/>
          </p:nvSpPr>
          <p:spPr bwMode="auto">
            <a:xfrm>
              <a:off x="4332288" y="4394200"/>
              <a:ext cx="71437" cy="82550"/>
            </a:xfrm>
            <a:custGeom>
              <a:gdLst>
                <a:gd fmla="*/ 45 w 45" name="T0"/>
                <a:gd fmla="*/ 52 h 52" name="T1"/>
                <a:gd fmla="*/ 36 w 45" name="T2"/>
                <a:gd fmla="*/ 52 h 52" name="T3"/>
                <a:gd fmla="*/ 0 w 45" name="T4"/>
                <a:gd fmla="*/ 0 h 52" name="T5"/>
                <a:gd fmla="*/ 10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6" y="52"/>
                  </a:lnTo>
                  <a:lnTo>
                    <a:pt x="0" y="0"/>
                  </a:lnTo>
                  <a:lnTo>
                    <a:pt x="10"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4" name="Freeform 84"/>
            <p:cNvSpPr/>
            <p:nvPr/>
          </p:nvSpPr>
          <p:spPr bwMode="auto">
            <a:xfrm>
              <a:off x="4232275" y="4394200"/>
              <a:ext cx="71437" cy="82550"/>
            </a:xfrm>
            <a:custGeom>
              <a:gdLst>
                <a:gd fmla="*/ 45 w 45" name="T0"/>
                <a:gd fmla="*/ 52 h 52" name="T1"/>
                <a:gd fmla="*/ 37 w 45" name="T2"/>
                <a:gd fmla="*/ 52 h 52" name="T3"/>
                <a:gd fmla="*/ 0 w 45" name="T4"/>
                <a:gd fmla="*/ 0 h 52" name="T5"/>
                <a:gd fmla="*/ 11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7" y="52"/>
                  </a:lnTo>
                  <a:lnTo>
                    <a:pt x="0" y="0"/>
                  </a:lnTo>
                  <a:lnTo>
                    <a:pt x="11"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5" name="Freeform 85"/>
            <p:cNvSpPr/>
            <p:nvPr/>
          </p:nvSpPr>
          <p:spPr bwMode="auto">
            <a:xfrm>
              <a:off x="4265613" y="4394200"/>
              <a:ext cx="69850" cy="82550"/>
            </a:xfrm>
            <a:custGeom>
              <a:gdLst>
                <a:gd fmla="*/ 44 w 44" name="T0"/>
                <a:gd fmla="*/ 52 h 52" name="T1"/>
                <a:gd fmla="*/ 35 w 44" name="T2"/>
                <a:gd fmla="*/ 52 h 52" name="T3"/>
                <a:gd fmla="*/ 0 w 44" name="T4"/>
                <a:gd fmla="*/ 0 h 52" name="T5"/>
                <a:gd fmla="*/ 9 w 44" name="T6"/>
                <a:gd fmla="*/ 0 h 52" name="T7"/>
                <a:gd fmla="*/ 44 w 44" name="T8"/>
                <a:gd fmla="*/ 52 h 52" name="T9"/>
              </a:gdLst>
              <a:cxnLst>
                <a:cxn ang="0">
                  <a:pos x="T0" y="T1"/>
                </a:cxn>
                <a:cxn ang="0">
                  <a:pos x="T2" y="T3"/>
                </a:cxn>
                <a:cxn ang="0">
                  <a:pos x="T4" y="T5"/>
                </a:cxn>
                <a:cxn ang="0">
                  <a:pos x="T6" y="T7"/>
                </a:cxn>
                <a:cxn ang="0">
                  <a:pos x="T8" y="T9"/>
                </a:cxn>
              </a:cxnLst>
              <a:rect b="b" l="0" r="r" t="0"/>
              <a:pathLst>
                <a:path h="52" w="44">
                  <a:moveTo>
                    <a:pt x="44" y="52"/>
                  </a:moveTo>
                  <a:lnTo>
                    <a:pt x="35" y="52"/>
                  </a:lnTo>
                  <a:lnTo>
                    <a:pt x="0" y="0"/>
                  </a:lnTo>
                  <a:lnTo>
                    <a:pt x="9" y="0"/>
                  </a:lnTo>
                  <a:lnTo>
                    <a:pt x="44"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6" name="Freeform 86"/>
            <p:cNvSpPr/>
            <p:nvPr/>
          </p:nvSpPr>
          <p:spPr bwMode="auto">
            <a:xfrm>
              <a:off x="4300538"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7" name="Freeform 87"/>
            <p:cNvSpPr/>
            <p:nvPr/>
          </p:nvSpPr>
          <p:spPr bwMode="auto">
            <a:xfrm>
              <a:off x="4400550"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8" name="Freeform 88"/>
            <p:cNvSpPr/>
            <p:nvPr/>
          </p:nvSpPr>
          <p:spPr bwMode="auto">
            <a:xfrm>
              <a:off x="3440113"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49" name="Freeform 89"/>
            <p:cNvSpPr/>
            <p:nvPr/>
          </p:nvSpPr>
          <p:spPr bwMode="auto">
            <a:xfrm>
              <a:off x="3470275" y="4394200"/>
              <a:ext cx="73025" cy="82550"/>
            </a:xfrm>
            <a:custGeom>
              <a:gdLst>
                <a:gd fmla="*/ 46 w 46" name="T0"/>
                <a:gd fmla="*/ 52 h 52" name="T1"/>
                <a:gd fmla="*/ 35 w 46" name="T2"/>
                <a:gd fmla="*/ 52 h 52" name="T3"/>
                <a:gd fmla="*/ 0 w 46" name="T4"/>
                <a:gd fmla="*/ 0 h 52" name="T5"/>
                <a:gd fmla="*/ 9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5" y="52"/>
                  </a:lnTo>
                  <a:lnTo>
                    <a:pt x="0" y="0"/>
                  </a:lnTo>
                  <a:lnTo>
                    <a:pt x="9"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0" name="Freeform 90"/>
            <p:cNvSpPr/>
            <p:nvPr/>
          </p:nvSpPr>
          <p:spPr bwMode="auto">
            <a:xfrm>
              <a:off x="3405188" y="4394200"/>
              <a:ext cx="69850" cy="82550"/>
            </a:xfrm>
            <a:custGeom>
              <a:gdLst>
                <a:gd fmla="*/ 44 w 44" name="T0"/>
                <a:gd fmla="*/ 52 h 52" name="T1"/>
                <a:gd fmla="*/ 35 w 44" name="T2"/>
                <a:gd fmla="*/ 52 h 52" name="T3"/>
                <a:gd fmla="*/ 0 w 44" name="T4"/>
                <a:gd fmla="*/ 0 h 52" name="T5"/>
                <a:gd fmla="*/ 9 w 44" name="T6"/>
                <a:gd fmla="*/ 0 h 52" name="T7"/>
                <a:gd fmla="*/ 44 w 44" name="T8"/>
                <a:gd fmla="*/ 52 h 52" name="T9"/>
              </a:gdLst>
              <a:cxnLst>
                <a:cxn ang="0">
                  <a:pos x="T0" y="T1"/>
                </a:cxn>
                <a:cxn ang="0">
                  <a:pos x="T2" y="T3"/>
                </a:cxn>
                <a:cxn ang="0">
                  <a:pos x="T4" y="T5"/>
                </a:cxn>
                <a:cxn ang="0">
                  <a:pos x="T6" y="T7"/>
                </a:cxn>
                <a:cxn ang="0">
                  <a:pos x="T8" y="T9"/>
                </a:cxn>
              </a:cxnLst>
              <a:rect b="b" l="0" r="r" t="0"/>
              <a:pathLst>
                <a:path h="52" w="44">
                  <a:moveTo>
                    <a:pt x="44" y="52"/>
                  </a:moveTo>
                  <a:lnTo>
                    <a:pt x="35" y="52"/>
                  </a:lnTo>
                  <a:lnTo>
                    <a:pt x="0" y="0"/>
                  </a:lnTo>
                  <a:lnTo>
                    <a:pt x="9" y="0"/>
                  </a:lnTo>
                  <a:lnTo>
                    <a:pt x="44"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1" name="Freeform 91"/>
            <p:cNvSpPr/>
            <p:nvPr/>
          </p:nvSpPr>
          <p:spPr bwMode="auto">
            <a:xfrm>
              <a:off x="3505200"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2" name="Freeform 92"/>
            <p:cNvSpPr/>
            <p:nvPr/>
          </p:nvSpPr>
          <p:spPr bwMode="auto">
            <a:xfrm>
              <a:off x="3309938" y="4429125"/>
              <a:ext cx="34925" cy="47625"/>
            </a:xfrm>
            <a:custGeom>
              <a:gdLst>
                <a:gd fmla="*/ 0 w 22" name="T0"/>
                <a:gd fmla="*/ 15 h 30" name="T1"/>
                <a:gd fmla="*/ 0 w 22" name="T2"/>
                <a:gd fmla="*/ 0 h 30" name="T3"/>
                <a:gd fmla="*/ 22 w 22" name="T4"/>
                <a:gd fmla="*/ 30 h 30" name="T5"/>
                <a:gd fmla="*/ 11 w 22" name="T6"/>
                <a:gd fmla="*/ 30 h 30" name="T7"/>
                <a:gd fmla="*/ 0 w 22" name="T8"/>
                <a:gd fmla="*/ 15 h 30" name="T9"/>
              </a:gdLst>
              <a:cxnLst>
                <a:cxn ang="0">
                  <a:pos x="T0" y="T1"/>
                </a:cxn>
                <a:cxn ang="0">
                  <a:pos x="T2" y="T3"/>
                </a:cxn>
                <a:cxn ang="0">
                  <a:pos x="T4" y="T5"/>
                </a:cxn>
                <a:cxn ang="0">
                  <a:pos x="T6" y="T7"/>
                </a:cxn>
                <a:cxn ang="0">
                  <a:pos x="T8" y="T9"/>
                </a:cxn>
              </a:cxnLst>
              <a:rect b="b" l="0" r="r" t="0"/>
              <a:pathLst>
                <a:path h="30" w="22">
                  <a:moveTo>
                    <a:pt x="0" y="15"/>
                  </a:moveTo>
                  <a:lnTo>
                    <a:pt x="0" y="0"/>
                  </a:lnTo>
                  <a:lnTo>
                    <a:pt x="22" y="30"/>
                  </a:lnTo>
                  <a:lnTo>
                    <a:pt x="11" y="30"/>
                  </a:lnTo>
                  <a:lnTo>
                    <a:pt x="0" y="15"/>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3" name="Freeform 93"/>
            <p:cNvSpPr/>
            <p:nvPr/>
          </p:nvSpPr>
          <p:spPr bwMode="auto">
            <a:xfrm>
              <a:off x="3540125"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4" name="Freeform 94"/>
            <p:cNvSpPr/>
            <p:nvPr/>
          </p:nvSpPr>
          <p:spPr bwMode="auto">
            <a:xfrm>
              <a:off x="3309938" y="4394200"/>
              <a:ext cx="65087" cy="82550"/>
            </a:xfrm>
            <a:custGeom>
              <a:gdLst>
                <a:gd fmla="*/ 32 w 41" name="T0"/>
                <a:gd fmla="*/ 52 h 52" name="T1"/>
                <a:gd fmla="*/ 0 w 41" name="T2"/>
                <a:gd fmla="*/ 5 h 52" name="T3"/>
                <a:gd fmla="*/ 0 w 41" name="T4"/>
                <a:gd fmla="*/ 0 h 52" name="T5"/>
                <a:gd fmla="*/ 6 w 41" name="T6"/>
                <a:gd fmla="*/ 0 h 52" name="T7"/>
                <a:gd fmla="*/ 41 w 41" name="T8"/>
                <a:gd fmla="*/ 52 h 52" name="T9"/>
                <a:gd fmla="*/ 32 w 41" name="T10"/>
                <a:gd fmla="*/ 52 h 52" name="T11"/>
              </a:gdLst>
              <a:cxnLst>
                <a:cxn ang="0">
                  <a:pos x="T0" y="T1"/>
                </a:cxn>
                <a:cxn ang="0">
                  <a:pos x="T2" y="T3"/>
                </a:cxn>
                <a:cxn ang="0">
                  <a:pos x="T4" y="T5"/>
                </a:cxn>
                <a:cxn ang="0">
                  <a:pos x="T6" y="T7"/>
                </a:cxn>
                <a:cxn ang="0">
                  <a:pos x="T8" y="T9"/>
                </a:cxn>
                <a:cxn ang="0">
                  <a:pos x="T10" y="T11"/>
                </a:cxn>
              </a:cxnLst>
              <a:rect b="b" l="0" r="r" t="0"/>
              <a:pathLst>
                <a:path h="52" w="41">
                  <a:moveTo>
                    <a:pt x="32" y="52"/>
                  </a:moveTo>
                  <a:lnTo>
                    <a:pt x="0" y="5"/>
                  </a:lnTo>
                  <a:lnTo>
                    <a:pt x="0" y="0"/>
                  </a:lnTo>
                  <a:lnTo>
                    <a:pt x="6" y="0"/>
                  </a:lnTo>
                  <a:lnTo>
                    <a:pt x="41" y="52"/>
                  </a:lnTo>
                  <a:lnTo>
                    <a:pt x="32"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5" name="Freeform 95"/>
            <p:cNvSpPr/>
            <p:nvPr/>
          </p:nvSpPr>
          <p:spPr bwMode="auto">
            <a:xfrm>
              <a:off x="3340100" y="4394200"/>
              <a:ext cx="69850" cy="82550"/>
            </a:xfrm>
            <a:custGeom>
              <a:gdLst>
                <a:gd fmla="*/ 44 w 44" name="T0"/>
                <a:gd fmla="*/ 52 h 52" name="T1"/>
                <a:gd fmla="*/ 35 w 44" name="T2"/>
                <a:gd fmla="*/ 52 h 52" name="T3"/>
                <a:gd fmla="*/ 0 w 44" name="T4"/>
                <a:gd fmla="*/ 0 h 52" name="T5"/>
                <a:gd fmla="*/ 9 w 44" name="T6"/>
                <a:gd fmla="*/ 0 h 52" name="T7"/>
                <a:gd fmla="*/ 44 w 44" name="T8"/>
                <a:gd fmla="*/ 52 h 52" name="T9"/>
              </a:gdLst>
              <a:cxnLst>
                <a:cxn ang="0">
                  <a:pos x="T0" y="T1"/>
                </a:cxn>
                <a:cxn ang="0">
                  <a:pos x="T2" y="T3"/>
                </a:cxn>
                <a:cxn ang="0">
                  <a:pos x="T4" y="T5"/>
                </a:cxn>
                <a:cxn ang="0">
                  <a:pos x="T6" y="T7"/>
                </a:cxn>
                <a:cxn ang="0">
                  <a:pos x="T8" y="T9"/>
                </a:cxn>
              </a:cxnLst>
              <a:rect b="b" l="0" r="r" t="0"/>
              <a:pathLst>
                <a:path h="52" w="44">
                  <a:moveTo>
                    <a:pt x="44" y="52"/>
                  </a:moveTo>
                  <a:lnTo>
                    <a:pt x="35" y="52"/>
                  </a:lnTo>
                  <a:lnTo>
                    <a:pt x="0" y="0"/>
                  </a:lnTo>
                  <a:lnTo>
                    <a:pt x="9" y="0"/>
                  </a:lnTo>
                  <a:lnTo>
                    <a:pt x="44"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6" name="Freeform 96"/>
            <p:cNvSpPr/>
            <p:nvPr/>
          </p:nvSpPr>
          <p:spPr bwMode="auto">
            <a:xfrm>
              <a:off x="3371850" y="4394200"/>
              <a:ext cx="71437" cy="82550"/>
            </a:xfrm>
            <a:custGeom>
              <a:gdLst>
                <a:gd fmla="*/ 45 w 45" name="T0"/>
                <a:gd fmla="*/ 52 h 52" name="T1"/>
                <a:gd fmla="*/ 34 w 45" name="T2"/>
                <a:gd fmla="*/ 52 h 52" name="T3"/>
                <a:gd fmla="*/ 0 w 45" name="T4"/>
                <a:gd fmla="*/ 0 h 52" name="T5"/>
                <a:gd fmla="*/ 8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4" y="52"/>
                  </a:lnTo>
                  <a:lnTo>
                    <a:pt x="0" y="0"/>
                  </a:lnTo>
                  <a:lnTo>
                    <a:pt x="8"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7" name="Freeform 97"/>
            <p:cNvSpPr/>
            <p:nvPr/>
          </p:nvSpPr>
          <p:spPr bwMode="auto">
            <a:xfrm>
              <a:off x="3803650" y="4394200"/>
              <a:ext cx="68262" cy="82550"/>
            </a:xfrm>
            <a:custGeom>
              <a:gdLst>
                <a:gd fmla="*/ 43 w 43" name="T0"/>
                <a:gd fmla="*/ 52 h 52" name="T1"/>
                <a:gd fmla="*/ 34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8" name="Freeform 98"/>
            <p:cNvSpPr/>
            <p:nvPr/>
          </p:nvSpPr>
          <p:spPr bwMode="auto">
            <a:xfrm>
              <a:off x="3735388" y="4394200"/>
              <a:ext cx="71437" cy="82550"/>
            </a:xfrm>
            <a:custGeom>
              <a:gdLst>
                <a:gd fmla="*/ 45 w 45" name="T0"/>
                <a:gd fmla="*/ 52 h 52" name="T1"/>
                <a:gd fmla="*/ 36 w 45" name="T2"/>
                <a:gd fmla="*/ 52 h 52" name="T3"/>
                <a:gd fmla="*/ 0 w 45" name="T4"/>
                <a:gd fmla="*/ 0 h 52" name="T5"/>
                <a:gd fmla="*/ 11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6" y="52"/>
                  </a:lnTo>
                  <a:lnTo>
                    <a:pt x="0" y="0"/>
                  </a:lnTo>
                  <a:lnTo>
                    <a:pt x="11"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59" name="Freeform 99"/>
            <p:cNvSpPr/>
            <p:nvPr/>
          </p:nvSpPr>
          <p:spPr bwMode="auto">
            <a:xfrm>
              <a:off x="3868738" y="4394200"/>
              <a:ext cx="71437" cy="82550"/>
            </a:xfrm>
            <a:custGeom>
              <a:gdLst>
                <a:gd fmla="*/ 45 w 45" name="T0"/>
                <a:gd fmla="*/ 52 h 52" name="T1"/>
                <a:gd fmla="*/ 35 w 45" name="T2"/>
                <a:gd fmla="*/ 52 h 52" name="T3"/>
                <a:gd fmla="*/ 0 w 45" name="T4"/>
                <a:gd fmla="*/ 0 h 52" name="T5"/>
                <a:gd fmla="*/ 9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5" y="52"/>
                  </a:lnTo>
                  <a:lnTo>
                    <a:pt x="0" y="0"/>
                  </a:lnTo>
                  <a:lnTo>
                    <a:pt x="9"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0" name="Freeform 100"/>
            <p:cNvSpPr/>
            <p:nvPr/>
          </p:nvSpPr>
          <p:spPr bwMode="auto">
            <a:xfrm>
              <a:off x="3768725" y="4394200"/>
              <a:ext cx="73025" cy="82550"/>
            </a:xfrm>
            <a:custGeom>
              <a:gdLst>
                <a:gd fmla="*/ 46 w 46" name="T0"/>
                <a:gd fmla="*/ 52 h 52" name="T1"/>
                <a:gd fmla="*/ 35 w 46" name="T2"/>
                <a:gd fmla="*/ 52 h 52" name="T3"/>
                <a:gd fmla="*/ 0 w 46" name="T4"/>
                <a:gd fmla="*/ 0 h 52" name="T5"/>
                <a:gd fmla="*/ 9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5" y="52"/>
                  </a:lnTo>
                  <a:lnTo>
                    <a:pt x="0" y="0"/>
                  </a:lnTo>
                  <a:lnTo>
                    <a:pt x="9"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1" name="Freeform 101"/>
            <p:cNvSpPr/>
            <p:nvPr/>
          </p:nvSpPr>
          <p:spPr bwMode="auto">
            <a:xfrm>
              <a:off x="3833813" y="4394200"/>
              <a:ext cx="73025" cy="82550"/>
            </a:xfrm>
            <a:custGeom>
              <a:gdLst>
                <a:gd fmla="*/ 46 w 46" name="T0"/>
                <a:gd fmla="*/ 52 h 52" name="T1"/>
                <a:gd fmla="*/ 37 w 46" name="T2"/>
                <a:gd fmla="*/ 52 h 52" name="T3"/>
                <a:gd fmla="*/ 0 w 46" name="T4"/>
                <a:gd fmla="*/ 0 h 52" name="T5"/>
                <a:gd fmla="*/ 11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7" y="52"/>
                  </a:lnTo>
                  <a:lnTo>
                    <a:pt x="0" y="0"/>
                  </a:lnTo>
                  <a:lnTo>
                    <a:pt x="11"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2" name="Freeform 102"/>
            <p:cNvSpPr/>
            <p:nvPr/>
          </p:nvSpPr>
          <p:spPr bwMode="auto">
            <a:xfrm>
              <a:off x="3638550"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3" name="Freeform 103"/>
            <p:cNvSpPr/>
            <p:nvPr/>
          </p:nvSpPr>
          <p:spPr bwMode="auto">
            <a:xfrm>
              <a:off x="3703638"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4" name="Freeform 104"/>
            <p:cNvSpPr/>
            <p:nvPr/>
          </p:nvSpPr>
          <p:spPr bwMode="auto">
            <a:xfrm>
              <a:off x="3605213"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5" name="Freeform 105"/>
            <p:cNvSpPr/>
            <p:nvPr/>
          </p:nvSpPr>
          <p:spPr bwMode="auto">
            <a:xfrm>
              <a:off x="3570288" y="4394200"/>
              <a:ext cx="71437" cy="82550"/>
            </a:xfrm>
            <a:custGeom>
              <a:gdLst>
                <a:gd fmla="*/ 45 w 45" name="T0"/>
                <a:gd fmla="*/ 52 h 52" name="T1"/>
                <a:gd fmla="*/ 35 w 45" name="T2"/>
                <a:gd fmla="*/ 52 h 52" name="T3"/>
                <a:gd fmla="*/ 0 w 45" name="T4"/>
                <a:gd fmla="*/ 0 h 52" name="T5"/>
                <a:gd fmla="*/ 9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5" y="52"/>
                  </a:lnTo>
                  <a:lnTo>
                    <a:pt x="0" y="0"/>
                  </a:lnTo>
                  <a:lnTo>
                    <a:pt x="9"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6" name="Freeform 106"/>
            <p:cNvSpPr/>
            <p:nvPr/>
          </p:nvSpPr>
          <p:spPr bwMode="auto">
            <a:xfrm>
              <a:off x="3670300" y="4394200"/>
              <a:ext cx="71437" cy="82550"/>
            </a:xfrm>
            <a:custGeom>
              <a:gdLst>
                <a:gd fmla="*/ 45 w 45" name="T0"/>
                <a:gd fmla="*/ 52 h 52" name="T1"/>
                <a:gd fmla="*/ 34 w 45" name="T2"/>
                <a:gd fmla="*/ 52 h 52" name="T3"/>
                <a:gd fmla="*/ 0 w 45" name="T4"/>
                <a:gd fmla="*/ 0 h 52" name="T5"/>
                <a:gd fmla="*/ 8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4" y="52"/>
                  </a:lnTo>
                  <a:lnTo>
                    <a:pt x="0" y="0"/>
                  </a:lnTo>
                  <a:lnTo>
                    <a:pt x="8"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7" name="Freeform 107"/>
            <p:cNvSpPr/>
            <p:nvPr/>
          </p:nvSpPr>
          <p:spPr bwMode="auto">
            <a:xfrm>
              <a:off x="4997450"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8" name="Freeform 108"/>
            <p:cNvSpPr/>
            <p:nvPr/>
          </p:nvSpPr>
          <p:spPr bwMode="auto">
            <a:xfrm>
              <a:off x="5491163" y="4394200"/>
              <a:ext cx="71437" cy="82550"/>
            </a:xfrm>
            <a:custGeom>
              <a:gdLst>
                <a:gd fmla="*/ 45 w 45" name="T0"/>
                <a:gd fmla="*/ 52 h 52" name="T1"/>
                <a:gd fmla="*/ 36 w 45" name="T2"/>
                <a:gd fmla="*/ 52 h 52" name="T3"/>
                <a:gd fmla="*/ 0 w 45" name="T4"/>
                <a:gd fmla="*/ 0 h 52" name="T5"/>
                <a:gd fmla="*/ 10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6" y="52"/>
                  </a:lnTo>
                  <a:lnTo>
                    <a:pt x="0" y="0"/>
                  </a:lnTo>
                  <a:lnTo>
                    <a:pt x="10"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69" name="Freeform 109"/>
            <p:cNvSpPr/>
            <p:nvPr/>
          </p:nvSpPr>
          <p:spPr bwMode="auto">
            <a:xfrm>
              <a:off x="5394325"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0" name="Freeform 110"/>
            <p:cNvSpPr/>
            <p:nvPr/>
          </p:nvSpPr>
          <p:spPr bwMode="auto">
            <a:xfrm>
              <a:off x="5424488" y="4394200"/>
              <a:ext cx="73025" cy="82550"/>
            </a:xfrm>
            <a:custGeom>
              <a:gdLst>
                <a:gd fmla="*/ 46 w 46" name="T0"/>
                <a:gd fmla="*/ 52 h 52" name="T1"/>
                <a:gd fmla="*/ 35 w 46" name="T2"/>
                <a:gd fmla="*/ 52 h 52" name="T3"/>
                <a:gd fmla="*/ 0 w 46" name="T4"/>
                <a:gd fmla="*/ 0 h 52" name="T5"/>
                <a:gd fmla="*/ 9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5" y="52"/>
                  </a:lnTo>
                  <a:lnTo>
                    <a:pt x="0" y="0"/>
                  </a:lnTo>
                  <a:lnTo>
                    <a:pt x="9"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1" name="Freeform 111"/>
            <p:cNvSpPr/>
            <p:nvPr/>
          </p:nvSpPr>
          <p:spPr bwMode="auto">
            <a:xfrm>
              <a:off x="5459413"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2" name="Freeform 112"/>
            <p:cNvSpPr/>
            <p:nvPr/>
          </p:nvSpPr>
          <p:spPr bwMode="auto">
            <a:xfrm>
              <a:off x="5359400" y="4394200"/>
              <a:ext cx="69850" cy="82550"/>
            </a:xfrm>
            <a:custGeom>
              <a:gdLst>
                <a:gd fmla="*/ 44 w 44" name="T0"/>
                <a:gd fmla="*/ 52 h 52" name="T1"/>
                <a:gd fmla="*/ 35 w 44" name="T2"/>
                <a:gd fmla="*/ 52 h 52" name="T3"/>
                <a:gd fmla="*/ 0 w 44" name="T4"/>
                <a:gd fmla="*/ 0 h 52" name="T5"/>
                <a:gd fmla="*/ 9 w 44" name="T6"/>
                <a:gd fmla="*/ 0 h 52" name="T7"/>
                <a:gd fmla="*/ 44 w 44" name="T8"/>
                <a:gd fmla="*/ 52 h 52" name="T9"/>
              </a:gdLst>
              <a:cxnLst>
                <a:cxn ang="0">
                  <a:pos x="T0" y="T1"/>
                </a:cxn>
                <a:cxn ang="0">
                  <a:pos x="T2" y="T3"/>
                </a:cxn>
                <a:cxn ang="0">
                  <a:pos x="T4" y="T5"/>
                </a:cxn>
                <a:cxn ang="0">
                  <a:pos x="T6" y="T7"/>
                </a:cxn>
                <a:cxn ang="0">
                  <a:pos x="T8" y="T9"/>
                </a:cxn>
              </a:cxnLst>
              <a:rect b="b" l="0" r="r" t="0"/>
              <a:pathLst>
                <a:path h="52" w="44">
                  <a:moveTo>
                    <a:pt x="44" y="52"/>
                  </a:moveTo>
                  <a:lnTo>
                    <a:pt x="35" y="52"/>
                  </a:lnTo>
                  <a:lnTo>
                    <a:pt x="0" y="0"/>
                  </a:lnTo>
                  <a:lnTo>
                    <a:pt x="9" y="0"/>
                  </a:lnTo>
                  <a:lnTo>
                    <a:pt x="44"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3" name="Freeform 113"/>
            <p:cNvSpPr/>
            <p:nvPr/>
          </p:nvSpPr>
          <p:spPr bwMode="auto">
            <a:xfrm>
              <a:off x="5260975"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4" name="Freeform 114"/>
            <p:cNvSpPr/>
            <p:nvPr/>
          </p:nvSpPr>
          <p:spPr bwMode="auto">
            <a:xfrm>
              <a:off x="4530725" y="4394200"/>
              <a:ext cx="71437" cy="82550"/>
            </a:xfrm>
            <a:custGeom>
              <a:gdLst>
                <a:gd fmla="*/ 45 w 45" name="T0"/>
                <a:gd fmla="*/ 52 h 52" name="T1"/>
                <a:gd fmla="*/ 36 w 45" name="T2"/>
                <a:gd fmla="*/ 52 h 52" name="T3"/>
                <a:gd fmla="*/ 0 w 45" name="T4"/>
                <a:gd fmla="*/ 0 h 52" name="T5"/>
                <a:gd fmla="*/ 11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6" y="52"/>
                  </a:lnTo>
                  <a:lnTo>
                    <a:pt x="0" y="0"/>
                  </a:lnTo>
                  <a:lnTo>
                    <a:pt x="11"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5" name="Freeform 115"/>
            <p:cNvSpPr/>
            <p:nvPr/>
          </p:nvSpPr>
          <p:spPr bwMode="auto">
            <a:xfrm>
              <a:off x="5294313" y="4394200"/>
              <a:ext cx="69850" cy="82550"/>
            </a:xfrm>
            <a:custGeom>
              <a:gdLst>
                <a:gd fmla="*/ 44 w 44" name="T0"/>
                <a:gd fmla="*/ 52 h 52" name="T1"/>
                <a:gd fmla="*/ 35 w 44" name="T2"/>
                <a:gd fmla="*/ 52 h 52" name="T3"/>
                <a:gd fmla="*/ 0 w 44" name="T4"/>
                <a:gd fmla="*/ 0 h 52" name="T5"/>
                <a:gd fmla="*/ 9 w 44" name="T6"/>
                <a:gd fmla="*/ 0 h 52" name="T7"/>
                <a:gd fmla="*/ 44 w 44" name="T8"/>
                <a:gd fmla="*/ 52 h 52" name="T9"/>
              </a:gdLst>
              <a:cxnLst>
                <a:cxn ang="0">
                  <a:pos x="T0" y="T1"/>
                </a:cxn>
                <a:cxn ang="0">
                  <a:pos x="T2" y="T3"/>
                </a:cxn>
                <a:cxn ang="0">
                  <a:pos x="T4" y="T5"/>
                </a:cxn>
                <a:cxn ang="0">
                  <a:pos x="T6" y="T7"/>
                </a:cxn>
                <a:cxn ang="0">
                  <a:pos x="T8" y="T9"/>
                </a:cxn>
              </a:cxnLst>
              <a:rect b="b" l="0" r="r" t="0"/>
              <a:pathLst>
                <a:path h="52" w="44">
                  <a:moveTo>
                    <a:pt x="44" y="52"/>
                  </a:moveTo>
                  <a:lnTo>
                    <a:pt x="35" y="52"/>
                  </a:lnTo>
                  <a:lnTo>
                    <a:pt x="0" y="0"/>
                  </a:lnTo>
                  <a:lnTo>
                    <a:pt x="9" y="0"/>
                  </a:lnTo>
                  <a:lnTo>
                    <a:pt x="44"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6" name="Freeform 116"/>
            <p:cNvSpPr/>
            <p:nvPr/>
          </p:nvSpPr>
          <p:spPr bwMode="auto">
            <a:xfrm>
              <a:off x="5326063" y="4394200"/>
              <a:ext cx="71437" cy="82550"/>
            </a:xfrm>
            <a:custGeom>
              <a:gdLst>
                <a:gd fmla="*/ 45 w 45" name="T0"/>
                <a:gd fmla="*/ 52 h 52" name="T1"/>
                <a:gd fmla="*/ 34 w 45" name="T2"/>
                <a:gd fmla="*/ 52 h 52" name="T3"/>
                <a:gd fmla="*/ 0 w 45" name="T4"/>
                <a:gd fmla="*/ 0 h 52" name="T5"/>
                <a:gd fmla="*/ 8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4" y="52"/>
                  </a:lnTo>
                  <a:lnTo>
                    <a:pt x="0" y="0"/>
                  </a:lnTo>
                  <a:lnTo>
                    <a:pt x="8"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7" name="Freeform 117"/>
            <p:cNvSpPr/>
            <p:nvPr/>
          </p:nvSpPr>
          <p:spPr bwMode="auto">
            <a:xfrm>
              <a:off x="5559425"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8" name="Freeform 118"/>
            <p:cNvSpPr/>
            <p:nvPr/>
          </p:nvSpPr>
          <p:spPr bwMode="auto">
            <a:xfrm>
              <a:off x="5689600" y="4394200"/>
              <a:ext cx="71437" cy="82550"/>
            </a:xfrm>
            <a:custGeom>
              <a:gdLst>
                <a:gd fmla="*/ 45 w 45" name="T0"/>
                <a:gd fmla="*/ 52 h 52" name="T1"/>
                <a:gd fmla="*/ 36 w 45" name="T2"/>
                <a:gd fmla="*/ 52 h 52" name="T3"/>
                <a:gd fmla="*/ 0 w 45" name="T4"/>
                <a:gd fmla="*/ 0 h 52" name="T5"/>
                <a:gd fmla="*/ 11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6" y="52"/>
                  </a:lnTo>
                  <a:lnTo>
                    <a:pt x="0" y="0"/>
                  </a:lnTo>
                  <a:lnTo>
                    <a:pt x="11"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79" name="Freeform 119"/>
            <p:cNvSpPr/>
            <p:nvPr/>
          </p:nvSpPr>
          <p:spPr bwMode="auto">
            <a:xfrm>
              <a:off x="5524500" y="4394200"/>
              <a:ext cx="71437" cy="82550"/>
            </a:xfrm>
            <a:custGeom>
              <a:gdLst>
                <a:gd fmla="*/ 45 w 45" name="T0"/>
                <a:gd fmla="*/ 52 h 52" name="T1"/>
                <a:gd fmla="*/ 35 w 45" name="T2"/>
                <a:gd fmla="*/ 52 h 52" name="T3"/>
                <a:gd fmla="*/ 0 w 45" name="T4"/>
                <a:gd fmla="*/ 0 h 52" name="T5"/>
                <a:gd fmla="*/ 9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5" y="52"/>
                  </a:lnTo>
                  <a:lnTo>
                    <a:pt x="0" y="0"/>
                  </a:lnTo>
                  <a:lnTo>
                    <a:pt x="9"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0" name="Freeform 120"/>
            <p:cNvSpPr/>
            <p:nvPr/>
          </p:nvSpPr>
          <p:spPr bwMode="auto">
            <a:xfrm>
              <a:off x="5757863" y="4394200"/>
              <a:ext cx="17462" cy="28575"/>
            </a:xfrm>
            <a:custGeom>
              <a:gdLst>
                <a:gd fmla="*/ 11 w 11" name="T0"/>
                <a:gd fmla="*/ 5 h 18" name="T1"/>
                <a:gd fmla="*/ 11 w 11" name="T2"/>
                <a:gd fmla="*/ 18 h 18" name="T3"/>
                <a:gd fmla="*/ 0 w 11" name="T4"/>
                <a:gd fmla="*/ 0 h 18" name="T5"/>
                <a:gd fmla="*/ 9 w 11" name="T6"/>
                <a:gd fmla="*/ 0 h 18" name="T7"/>
                <a:gd fmla="*/ 11 w 11" name="T8"/>
                <a:gd fmla="*/ 5 h 18" name="T9"/>
              </a:gdLst>
              <a:cxnLst>
                <a:cxn ang="0">
                  <a:pos x="T0" y="T1"/>
                </a:cxn>
                <a:cxn ang="0">
                  <a:pos x="T2" y="T3"/>
                </a:cxn>
                <a:cxn ang="0">
                  <a:pos x="T4" y="T5"/>
                </a:cxn>
                <a:cxn ang="0">
                  <a:pos x="T6" y="T7"/>
                </a:cxn>
                <a:cxn ang="0">
                  <a:pos x="T8" y="T9"/>
                </a:cxn>
              </a:cxnLst>
              <a:rect b="b" l="0" r="r" t="0"/>
              <a:pathLst>
                <a:path h="18" w="11">
                  <a:moveTo>
                    <a:pt x="11" y="5"/>
                  </a:moveTo>
                  <a:lnTo>
                    <a:pt x="11" y="18"/>
                  </a:lnTo>
                  <a:lnTo>
                    <a:pt x="0" y="0"/>
                  </a:lnTo>
                  <a:lnTo>
                    <a:pt x="9" y="0"/>
                  </a:lnTo>
                  <a:lnTo>
                    <a:pt x="11" y="5"/>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1" name="Freeform 121"/>
            <p:cNvSpPr/>
            <p:nvPr/>
          </p:nvSpPr>
          <p:spPr bwMode="auto">
            <a:xfrm>
              <a:off x="5657850" y="4394200"/>
              <a:ext cx="69850" cy="82550"/>
            </a:xfrm>
            <a:custGeom>
              <a:gdLst>
                <a:gd fmla="*/ 44 w 44" name="T0"/>
                <a:gd fmla="*/ 52 h 52" name="T1"/>
                <a:gd fmla="*/ 35 w 44" name="T2"/>
                <a:gd fmla="*/ 52 h 52" name="T3"/>
                <a:gd fmla="*/ 0 w 44" name="T4"/>
                <a:gd fmla="*/ 0 h 52" name="T5"/>
                <a:gd fmla="*/ 9 w 44" name="T6"/>
                <a:gd fmla="*/ 0 h 52" name="T7"/>
                <a:gd fmla="*/ 44 w 44" name="T8"/>
                <a:gd fmla="*/ 52 h 52" name="T9"/>
              </a:gdLst>
              <a:cxnLst>
                <a:cxn ang="0">
                  <a:pos x="T0" y="T1"/>
                </a:cxn>
                <a:cxn ang="0">
                  <a:pos x="T2" y="T3"/>
                </a:cxn>
                <a:cxn ang="0">
                  <a:pos x="T4" y="T5"/>
                </a:cxn>
                <a:cxn ang="0">
                  <a:pos x="T6" y="T7"/>
                </a:cxn>
                <a:cxn ang="0">
                  <a:pos x="T8" y="T9"/>
                </a:cxn>
              </a:cxnLst>
              <a:rect b="b" l="0" r="r" t="0"/>
              <a:pathLst>
                <a:path h="52" w="44">
                  <a:moveTo>
                    <a:pt x="44" y="52"/>
                  </a:moveTo>
                  <a:lnTo>
                    <a:pt x="35" y="52"/>
                  </a:lnTo>
                  <a:lnTo>
                    <a:pt x="0" y="0"/>
                  </a:lnTo>
                  <a:lnTo>
                    <a:pt x="9" y="0"/>
                  </a:lnTo>
                  <a:lnTo>
                    <a:pt x="44"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2" name="Freeform 122"/>
            <p:cNvSpPr/>
            <p:nvPr/>
          </p:nvSpPr>
          <p:spPr bwMode="auto">
            <a:xfrm>
              <a:off x="5722938" y="4394200"/>
              <a:ext cx="52387" cy="79375"/>
            </a:xfrm>
            <a:custGeom>
              <a:gdLst>
                <a:gd fmla="*/ 33 w 33" name="T0"/>
                <a:gd fmla="*/ 35 h 50" name="T1"/>
                <a:gd fmla="*/ 33 w 33" name="T2"/>
                <a:gd fmla="*/ 50 h 50" name="T3"/>
                <a:gd fmla="*/ 0 w 33" name="T4"/>
                <a:gd fmla="*/ 0 h 50" name="T5"/>
                <a:gd fmla="*/ 9 w 33" name="T6"/>
                <a:gd fmla="*/ 0 h 50" name="T7"/>
                <a:gd fmla="*/ 33 w 33" name="T8"/>
                <a:gd fmla="*/ 35 h 50" name="T9"/>
              </a:gdLst>
              <a:cxnLst>
                <a:cxn ang="0">
                  <a:pos x="T0" y="T1"/>
                </a:cxn>
                <a:cxn ang="0">
                  <a:pos x="T2" y="T3"/>
                </a:cxn>
                <a:cxn ang="0">
                  <a:pos x="T4" y="T5"/>
                </a:cxn>
                <a:cxn ang="0">
                  <a:pos x="T6" y="T7"/>
                </a:cxn>
                <a:cxn ang="0">
                  <a:pos x="T8" y="T9"/>
                </a:cxn>
              </a:cxnLst>
              <a:rect b="b" l="0" r="r" t="0"/>
              <a:pathLst>
                <a:path h="50" w="33">
                  <a:moveTo>
                    <a:pt x="33" y="35"/>
                  </a:moveTo>
                  <a:lnTo>
                    <a:pt x="33" y="50"/>
                  </a:lnTo>
                  <a:lnTo>
                    <a:pt x="0" y="0"/>
                  </a:lnTo>
                  <a:lnTo>
                    <a:pt x="9" y="0"/>
                  </a:lnTo>
                  <a:lnTo>
                    <a:pt x="33" y="35"/>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3" name="Freeform 123"/>
            <p:cNvSpPr/>
            <p:nvPr/>
          </p:nvSpPr>
          <p:spPr bwMode="auto">
            <a:xfrm>
              <a:off x="5624513" y="4394200"/>
              <a:ext cx="71437" cy="82550"/>
            </a:xfrm>
            <a:custGeom>
              <a:gdLst>
                <a:gd fmla="*/ 45 w 45" name="T0"/>
                <a:gd fmla="*/ 52 h 52" name="T1"/>
                <a:gd fmla="*/ 34 w 45" name="T2"/>
                <a:gd fmla="*/ 52 h 52" name="T3"/>
                <a:gd fmla="*/ 0 w 45" name="T4"/>
                <a:gd fmla="*/ 0 h 52" name="T5"/>
                <a:gd fmla="*/ 8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4" y="52"/>
                  </a:lnTo>
                  <a:lnTo>
                    <a:pt x="0" y="0"/>
                  </a:lnTo>
                  <a:lnTo>
                    <a:pt x="8"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4" name="Freeform 124"/>
            <p:cNvSpPr/>
            <p:nvPr/>
          </p:nvSpPr>
          <p:spPr bwMode="auto">
            <a:xfrm>
              <a:off x="5195888"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5" name="Freeform 125"/>
            <p:cNvSpPr/>
            <p:nvPr/>
          </p:nvSpPr>
          <p:spPr bwMode="auto">
            <a:xfrm>
              <a:off x="5589588" y="4394200"/>
              <a:ext cx="71437" cy="82550"/>
            </a:xfrm>
            <a:custGeom>
              <a:gdLst>
                <a:gd fmla="*/ 45 w 45" name="T0"/>
                <a:gd fmla="*/ 52 h 52" name="T1"/>
                <a:gd fmla="*/ 37 w 45" name="T2"/>
                <a:gd fmla="*/ 52 h 52" name="T3"/>
                <a:gd fmla="*/ 0 w 45" name="T4"/>
                <a:gd fmla="*/ 0 h 52" name="T5"/>
                <a:gd fmla="*/ 11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7" y="52"/>
                  </a:lnTo>
                  <a:lnTo>
                    <a:pt x="0" y="0"/>
                  </a:lnTo>
                  <a:lnTo>
                    <a:pt x="11"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6" name="Freeform 126"/>
            <p:cNvSpPr/>
            <p:nvPr/>
          </p:nvSpPr>
          <p:spPr bwMode="auto">
            <a:xfrm>
              <a:off x="5226050" y="4394200"/>
              <a:ext cx="73025" cy="82550"/>
            </a:xfrm>
            <a:custGeom>
              <a:gdLst>
                <a:gd fmla="*/ 46 w 46" name="T0"/>
                <a:gd fmla="*/ 52 h 52" name="T1"/>
                <a:gd fmla="*/ 35 w 46" name="T2"/>
                <a:gd fmla="*/ 52 h 52" name="T3"/>
                <a:gd fmla="*/ 0 w 46" name="T4"/>
                <a:gd fmla="*/ 0 h 52" name="T5"/>
                <a:gd fmla="*/ 9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5" y="52"/>
                  </a:lnTo>
                  <a:lnTo>
                    <a:pt x="0" y="0"/>
                  </a:lnTo>
                  <a:lnTo>
                    <a:pt x="9"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7" name="Freeform 127"/>
            <p:cNvSpPr/>
            <p:nvPr/>
          </p:nvSpPr>
          <p:spPr bwMode="auto">
            <a:xfrm>
              <a:off x="4729163" y="4394200"/>
              <a:ext cx="71437" cy="82550"/>
            </a:xfrm>
            <a:custGeom>
              <a:gdLst>
                <a:gd fmla="*/ 45 w 45" name="T0"/>
                <a:gd fmla="*/ 52 h 52" name="T1"/>
                <a:gd fmla="*/ 35 w 45" name="T2"/>
                <a:gd fmla="*/ 52 h 52" name="T3"/>
                <a:gd fmla="*/ 0 w 45" name="T4"/>
                <a:gd fmla="*/ 0 h 52" name="T5"/>
                <a:gd fmla="*/ 11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5" y="52"/>
                  </a:lnTo>
                  <a:lnTo>
                    <a:pt x="0" y="0"/>
                  </a:lnTo>
                  <a:lnTo>
                    <a:pt x="11"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8" name="Freeform 128"/>
            <p:cNvSpPr/>
            <p:nvPr/>
          </p:nvSpPr>
          <p:spPr bwMode="auto">
            <a:xfrm>
              <a:off x="5160963"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89" name="Freeform 129"/>
            <p:cNvSpPr/>
            <p:nvPr/>
          </p:nvSpPr>
          <p:spPr bwMode="auto">
            <a:xfrm>
              <a:off x="4699000"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0" name="Freeform 130"/>
            <p:cNvSpPr/>
            <p:nvPr/>
          </p:nvSpPr>
          <p:spPr bwMode="auto">
            <a:xfrm>
              <a:off x="4797425"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1" name="Freeform 131"/>
            <p:cNvSpPr/>
            <p:nvPr/>
          </p:nvSpPr>
          <p:spPr bwMode="auto">
            <a:xfrm>
              <a:off x="4829175" y="4394200"/>
              <a:ext cx="71437" cy="82550"/>
            </a:xfrm>
            <a:custGeom>
              <a:gdLst>
                <a:gd fmla="*/ 45 w 45" name="T0"/>
                <a:gd fmla="*/ 52 h 52" name="T1"/>
                <a:gd fmla="*/ 34 w 45" name="T2"/>
                <a:gd fmla="*/ 52 h 52" name="T3"/>
                <a:gd fmla="*/ 0 w 45" name="T4"/>
                <a:gd fmla="*/ 0 h 52" name="T5"/>
                <a:gd fmla="*/ 10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4" y="52"/>
                  </a:lnTo>
                  <a:lnTo>
                    <a:pt x="0" y="0"/>
                  </a:lnTo>
                  <a:lnTo>
                    <a:pt x="10"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2" name="Freeform 132"/>
            <p:cNvSpPr/>
            <p:nvPr/>
          </p:nvSpPr>
          <p:spPr bwMode="auto">
            <a:xfrm>
              <a:off x="4664075"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3" name="Freeform 133"/>
            <p:cNvSpPr/>
            <p:nvPr/>
          </p:nvSpPr>
          <p:spPr bwMode="auto">
            <a:xfrm>
              <a:off x="4564063" y="4394200"/>
              <a:ext cx="69850" cy="82550"/>
            </a:xfrm>
            <a:custGeom>
              <a:gdLst>
                <a:gd fmla="*/ 44 w 44" name="T0"/>
                <a:gd fmla="*/ 52 h 52" name="T1"/>
                <a:gd fmla="*/ 35 w 44" name="T2"/>
                <a:gd fmla="*/ 52 h 52" name="T3"/>
                <a:gd fmla="*/ 0 w 44" name="T4"/>
                <a:gd fmla="*/ 0 h 52" name="T5"/>
                <a:gd fmla="*/ 9 w 44" name="T6"/>
                <a:gd fmla="*/ 0 h 52" name="T7"/>
                <a:gd fmla="*/ 44 w 44" name="T8"/>
                <a:gd fmla="*/ 52 h 52" name="T9"/>
              </a:gdLst>
              <a:cxnLst>
                <a:cxn ang="0">
                  <a:pos x="T0" y="T1"/>
                </a:cxn>
                <a:cxn ang="0">
                  <a:pos x="T2" y="T3"/>
                </a:cxn>
                <a:cxn ang="0">
                  <a:pos x="T4" y="T5"/>
                </a:cxn>
                <a:cxn ang="0">
                  <a:pos x="T6" y="T7"/>
                </a:cxn>
                <a:cxn ang="0">
                  <a:pos x="T8" y="T9"/>
                </a:cxn>
              </a:cxnLst>
              <a:rect b="b" l="0" r="r" t="0"/>
              <a:pathLst>
                <a:path h="52" w="44">
                  <a:moveTo>
                    <a:pt x="44" y="52"/>
                  </a:moveTo>
                  <a:lnTo>
                    <a:pt x="35" y="52"/>
                  </a:lnTo>
                  <a:lnTo>
                    <a:pt x="0" y="0"/>
                  </a:lnTo>
                  <a:lnTo>
                    <a:pt x="9" y="0"/>
                  </a:lnTo>
                  <a:lnTo>
                    <a:pt x="44"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4" name="Freeform 134"/>
            <p:cNvSpPr/>
            <p:nvPr/>
          </p:nvSpPr>
          <p:spPr bwMode="auto">
            <a:xfrm>
              <a:off x="4598988"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5" name="Freeform 135"/>
            <p:cNvSpPr/>
            <p:nvPr/>
          </p:nvSpPr>
          <p:spPr bwMode="auto">
            <a:xfrm>
              <a:off x="4629150" y="4394200"/>
              <a:ext cx="73025" cy="82550"/>
            </a:xfrm>
            <a:custGeom>
              <a:gdLst>
                <a:gd fmla="*/ 46 w 46" name="T0"/>
                <a:gd fmla="*/ 52 h 52" name="T1"/>
                <a:gd fmla="*/ 35 w 46" name="T2"/>
                <a:gd fmla="*/ 52 h 52" name="T3"/>
                <a:gd fmla="*/ 0 w 46" name="T4"/>
                <a:gd fmla="*/ 0 h 52" name="T5"/>
                <a:gd fmla="*/ 11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5" y="52"/>
                  </a:lnTo>
                  <a:lnTo>
                    <a:pt x="0" y="0"/>
                  </a:lnTo>
                  <a:lnTo>
                    <a:pt x="11"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6" name="Freeform 136"/>
            <p:cNvSpPr/>
            <p:nvPr/>
          </p:nvSpPr>
          <p:spPr bwMode="auto">
            <a:xfrm>
              <a:off x="4764088"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7" name="Freeform 137"/>
            <p:cNvSpPr/>
            <p:nvPr/>
          </p:nvSpPr>
          <p:spPr bwMode="auto">
            <a:xfrm>
              <a:off x="5062538" y="4394200"/>
              <a:ext cx="68262" cy="82550"/>
            </a:xfrm>
            <a:custGeom>
              <a:gdLst>
                <a:gd fmla="*/ 43 w 43" name="T0"/>
                <a:gd fmla="*/ 52 h 52" name="T1"/>
                <a:gd fmla="*/ 34 w 43" name="T2"/>
                <a:gd fmla="*/ 52 h 52" name="T3"/>
                <a:gd fmla="*/ 0 w 43" name="T4"/>
                <a:gd fmla="*/ 0 h 52" name="T5"/>
                <a:gd fmla="*/ 8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8"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8" name="Freeform 138"/>
            <p:cNvSpPr/>
            <p:nvPr/>
          </p:nvSpPr>
          <p:spPr bwMode="auto">
            <a:xfrm>
              <a:off x="5095875"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99" name="Freeform 139"/>
            <p:cNvSpPr/>
            <p:nvPr/>
          </p:nvSpPr>
          <p:spPr bwMode="auto">
            <a:xfrm>
              <a:off x="5127625" y="4394200"/>
              <a:ext cx="71437" cy="82550"/>
            </a:xfrm>
            <a:custGeom>
              <a:gdLst>
                <a:gd fmla="*/ 45 w 45" name="T0"/>
                <a:gd fmla="*/ 52 h 52" name="T1"/>
                <a:gd fmla="*/ 34 w 45" name="T2"/>
                <a:gd fmla="*/ 52 h 52" name="T3"/>
                <a:gd fmla="*/ 0 w 45" name="T4"/>
                <a:gd fmla="*/ 0 h 52" name="T5"/>
                <a:gd fmla="*/ 8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4" y="52"/>
                  </a:lnTo>
                  <a:lnTo>
                    <a:pt x="0" y="0"/>
                  </a:lnTo>
                  <a:lnTo>
                    <a:pt x="8"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100" name="Freeform 140"/>
            <p:cNvSpPr/>
            <p:nvPr/>
          </p:nvSpPr>
          <p:spPr bwMode="auto">
            <a:xfrm>
              <a:off x="4862513" y="4394200"/>
              <a:ext cx="68262" cy="82550"/>
            </a:xfrm>
            <a:custGeom>
              <a:gdLst>
                <a:gd fmla="*/ 43 w 43" name="T0"/>
                <a:gd fmla="*/ 52 h 52" name="T1"/>
                <a:gd fmla="*/ 35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5"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101" name="Freeform 141"/>
            <p:cNvSpPr/>
            <p:nvPr/>
          </p:nvSpPr>
          <p:spPr bwMode="auto">
            <a:xfrm>
              <a:off x="5027613" y="4394200"/>
              <a:ext cx="71437" cy="82550"/>
            </a:xfrm>
            <a:custGeom>
              <a:gdLst>
                <a:gd fmla="*/ 45 w 45" name="T0"/>
                <a:gd fmla="*/ 52 h 52" name="T1"/>
                <a:gd fmla="*/ 34 w 45" name="T2"/>
                <a:gd fmla="*/ 52 h 52" name="T3"/>
                <a:gd fmla="*/ 0 w 45" name="T4"/>
                <a:gd fmla="*/ 0 h 52" name="T5"/>
                <a:gd fmla="*/ 9 w 45" name="T6"/>
                <a:gd fmla="*/ 0 h 52" name="T7"/>
                <a:gd fmla="*/ 45 w 45" name="T8"/>
                <a:gd fmla="*/ 52 h 52" name="T9"/>
              </a:gdLst>
              <a:cxnLst>
                <a:cxn ang="0">
                  <a:pos x="T0" y="T1"/>
                </a:cxn>
                <a:cxn ang="0">
                  <a:pos x="T2" y="T3"/>
                </a:cxn>
                <a:cxn ang="0">
                  <a:pos x="T4" y="T5"/>
                </a:cxn>
                <a:cxn ang="0">
                  <a:pos x="T6" y="T7"/>
                </a:cxn>
                <a:cxn ang="0">
                  <a:pos x="T8" y="T9"/>
                </a:cxn>
              </a:cxnLst>
              <a:rect b="b" l="0" r="r" t="0"/>
              <a:pathLst>
                <a:path h="52" w="45">
                  <a:moveTo>
                    <a:pt x="45" y="52"/>
                  </a:moveTo>
                  <a:lnTo>
                    <a:pt x="34" y="52"/>
                  </a:lnTo>
                  <a:lnTo>
                    <a:pt x="0" y="0"/>
                  </a:lnTo>
                  <a:lnTo>
                    <a:pt x="9" y="0"/>
                  </a:lnTo>
                  <a:lnTo>
                    <a:pt x="45"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102" name="Freeform 142"/>
            <p:cNvSpPr/>
            <p:nvPr/>
          </p:nvSpPr>
          <p:spPr bwMode="auto">
            <a:xfrm>
              <a:off x="4897438" y="4394200"/>
              <a:ext cx="68262" cy="82550"/>
            </a:xfrm>
            <a:custGeom>
              <a:gdLst>
                <a:gd fmla="*/ 43 w 43" name="T0"/>
                <a:gd fmla="*/ 52 h 52" name="T1"/>
                <a:gd fmla="*/ 34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103" name="Freeform 143"/>
            <p:cNvSpPr/>
            <p:nvPr/>
          </p:nvSpPr>
          <p:spPr bwMode="auto">
            <a:xfrm>
              <a:off x="4927600" y="4394200"/>
              <a:ext cx="73025" cy="82550"/>
            </a:xfrm>
            <a:custGeom>
              <a:gdLst>
                <a:gd fmla="*/ 46 w 46" name="T0"/>
                <a:gd fmla="*/ 52 h 52" name="T1"/>
                <a:gd fmla="*/ 35 w 46" name="T2"/>
                <a:gd fmla="*/ 52 h 52" name="T3"/>
                <a:gd fmla="*/ 0 w 46" name="T4"/>
                <a:gd fmla="*/ 0 h 52" name="T5"/>
                <a:gd fmla="*/ 11 w 46" name="T6"/>
                <a:gd fmla="*/ 0 h 52" name="T7"/>
                <a:gd fmla="*/ 46 w 46" name="T8"/>
                <a:gd fmla="*/ 52 h 52" name="T9"/>
              </a:gdLst>
              <a:cxnLst>
                <a:cxn ang="0">
                  <a:pos x="T0" y="T1"/>
                </a:cxn>
                <a:cxn ang="0">
                  <a:pos x="T2" y="T3"/>
                </a:cxn>
                <a:cxn ang="0">
                  <a:pos x="T4" y="T5"/>
                </a:cxn>
                <a:cxn ang="0">
                  <a:pos x="T6" y="T7"/>
                </a:cxn>
                <a:cxn ang="0">
                  <a:pos x="T8" y="T9"/>
                </a:cxn>
              </a:cxnLst>
              <a:rect b="b" l="0" r="r" t="0"/>
              <a:pathLst>
                <a:path h="52" w="46">
                  <a:moveTo>
                    <a:pt x="46" y="52"/>
                  </a:moveTo>
                  <a:lnTo>
                    <a:pt x="35" y="52"/>
                  </a:lnTo>
                  <a:lnTo>
                    <a:pt x="0" y="0"/>
                  </a:lnTo>
                  <a:lnTo>
                    <a:pt x="11" y="0"/>
                  </a:lnTo>
                  <a:lnTo>
                    <a:pt x="46"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104" name="Freeform 144"/>
            <p:cNvSpPr/>
            <p:nvPr/>
          </p:nvSpPr>
          <p:spPr bwMode="auto">
            <a:xfrm>
              <a:off x="4962525" y="4394200"/>
              <a:ext cx="68262" cy="82550"/>
            </a:xfrm>
            <a:custGeom>
              <a:gdLst>
                <a:gd fmla="*/ 43 w 43" name="T0"/>
                <a:gd fmla="*/ 52 h 52" name="T1"/>
                <a:gd fmla="*/ 34 w 43" name="T2"/>
                <a:gd fmla="*/ 52 h 52" name="T3"/>
                <a:gd fmla="*/ 0 w 43" name="T4"/>
                <a:gd fmla="*/ 0 h 52" name="T5"/>
                <a:gd fmla="*/ 9 w 43" name="T6"/>
                <a:gd fmla="*/ 0 h 52" name="T7"/>
                <a:gd fmla="*/ 43 w 43" name="T8"/>
                <a:gd fmla="*/ 52 h 52" name="T9"/>
              </a:gdLst>
              <a:cxnLst>
                <a:cxn ang="0">
                  <a:pos x="T0" y="T1"/>
                </a:cxn>
                <a:cxn ang="0">
                  <a:pos x="T2" y="T3"/>
                </a:cxn>
                <a:cxn ang="0">
                  <a:pos x="T4" y="T5"/>
                </a:cxn>
                <a:cxn ang="0">
                  <a:pos x="T6" y="T7"/>
                </a:cxn>
                <a:cxn ang="0">
                  <a:pos x="T8" y="T9"/>
                </a:cxn>
              </a:cxnLst>
              <a:rect b="b" l="0" r="r" t="0"/>
              <a:pathLst>
                <a:path h="52" w="43">
                  <a:moveTo>
                    <a:pt x="43" y="52"/>
                  </a:moveTo>
                  <a:lnTo>
                    <a:pt x="34" y="52"/>
                  </a:lnTo>
                  <a:lnTo>
                    <a:pt x="0" y="0"/>
                  </a:lnTo>
                  <a:lnTo>
                    <a:pt x="9" y="0"/>
                  </a:lnTo>
                  <a:lnTo>
                    <a:pt x="43" y="52"/>
                  </a:lnTo>
                  <a:close/>
                </a:path>
              </a:pathLst>
            </a:custGeom>
            <a:grpFill/>
            <a:ln>
              <a:noFill/>
            </a:ln>
          </p:spPr>
          <p:txBody>
            <a:bodyPr anchor="t" anchorCtr="0" bIns="45720" compatLnSpc="1" lIns="91440" numCol="1" rIns="91440" tIns="45720" vert="horz" wrap="square">
              <a:prstTxWarp prst="textNoShape">
                <a:avLst/>
              </a:prstTxWarp>
            </a:bodyPr>
            <a:lstStyle/>
            <a:p>
              <a:endParaRPr altLang="en-US" lang="zh-CN"/>
            </a:p>
          </p:txBody>
        </p:sp>
      </p:grpSp>
    </p:spTree>
    <p:extLst>
      <p:ext uri="{BB962C8B-B14F-4D97-AF65-F5344CB8AC3E}">
        <p14:creationId val="3559004846"/>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withEffect" presetClass="entr" presetID="25" presetSubtype="0">
                                  <p:stCondLst>
                                    <p:cond delay="0"/>
                                  </p:stCondLst>
                                  <p:childTnLst>
                                    <p:set>
                                      <p:cBhvr>
                                        <p:cTn dur="1" fill="hold" id="6">
                                          <p:stCondLst>
                                            <p:cond delay="0"/>
                                          </p:stCondLst>
                                        </p:cTn>
                                        <p:tgtEl>
                                          <p:spTgt spid="2"/>
                                        </p:tgtEl>
                                        <p:attrNameLst>
                                          <p:attrName>style.visibility</p:attrName>
                                        </p:attrNameLst>
                                      </p:cBhvr>
                                      <p:to>
                                        <p:strVal val="visible"/>
                                      </p:to>
                                    </p:set>
                                    <p:anim calcmode="lin" valueType="num">
                                      <p:cBhvr>
                                        <p:cTn decel="50000" dur="500" fill="hold" id="7">
                                          <p:stCondLst>
                                            <p:cond delay="0"/>
                                          </p:stCondLst>
                                        </p:cTn>
                                        <p:tgtEl>
                                          <p:spTgt spid="2"/>
                                        </p:tgtEl>
                                        <p:attrNameLst>
                                          <p:attrName>style.rotation</p:attrName>
                                        </p:attrNameLst>
                                      </p:cBhvr>
                                      <p:tavLst>
                                        <p:tav tm="0">
                                          <p:val>
                                            <p:fltVal val="-90"/>
                                          </p:val>
                                        </p:tav>
                                        <p:tav tm="100000">
                                          <p:val>
                                            <p:fltVal val="0"/>
                                          </p:val>
                                        </p:tav>
                                      </p:tavLst>
                                    </p:anim>
                                    <p:anim calcmode="lin" valueType="num">
                                      <p:cBhvr>
                                        <p:cTn decel="50000" dur="500" fill="hold" id="8">
                                          <p:stCondLst>
                                            <p:cond delay="0"/>
                                          </p:stCondLst>
                                        </p:cTn>
                                        <p:tgtEl>
                                          <p:spTgt spid="2"/>
                                        </p:tgtEl>
                                        <p:attrNameLst>
                                          <p:attrName>ppt_w</p:attrName>
                                        </p:attrNameLst>
                                      </p:cBhvr>
                                      <p:tavLst>
                                        <p:tav tm="0">
                                          <p:val>
                                            <p:strVal val="#ppt_w"/>
                                          </p:val>
                                        </p:tav>
                                        <p:tav tm="100000">
                                          <p:val>
                                            <p:strVal val="#ppt_w*.05"/>
                                          </p:val>
                                        </p:tav>
                                      </p:tavLst>
                                    </p:anim>
                                    <p:anim calcmode="lin" valueType="num">
                                      <p:cBhvr>
                                        <p:cTn accel="50000" dur="500" fill="hold" id="9">
                                          <p:stCondLst>
                                            <p:cond delay="500"/>
                                          </p:stCondLst>
                                        </p:cTn>
                                        <p:tgtEl>
                                          <p:spTgt spid="2"/>
                                        </p:tgtEl>
                                        <p:attrNameLst>
                                          <p:attrName>ppt_w</p:attrName>
                                        </p:attrNameLst>
                                      </p:cBhvr>
                                      <p:tavLst>
                                        <p:tav tm="0">
                                          <p:val>
                                            <p:strVal val="#ppt_w*.05"/>
                                          </p:val>
                                        </p:tav>
                                        <p:tav tm="100000">
                                          <p:val>
                                            <p:strVal val="#ppt_w"/>
                                          </p:val>
                                        </p:tav>
                                      </p:tavLst>
                                    </p:anim>
                                    <p:anim calcmode="lin" valueType="num">
                                      <p:cBhvr>
                                        <p:cTn dur="1000" fill="hold" id="10"/>
                                        <p:tgtEl>
                                          <p:spTgt spid="2"/>
                                        </p:tgtEl>
                                        <p:attrNameLst>
                                          <p:attrName>ppt_h</p:attrName>
                                        </p:attrNameLst>
                                      </p:cBhvr>
                                      <p:tavLst>
                                        <p:tav tm="0">
                                          <p:val>
                                            <p:strVal val="#ppt_h"/>
                                          </p:val>
                                        </p:tav>
                                        <p:tav tm="100000">
                                          <p:val>
                                            <p:strVal val="#ppt_h"/>
                                          </p:val>
                                        </p:tav>
                                      </p:tavLst>
                                    </p:anim>
                                    <p:anim calcmode="lin" valueType="num">
                                      <p:cBhvr>
                                        <p:cTn decel="50000" dur="500" fill="hold" id="11">
                                          <p:stCondLst>
                                            <p:cond delay="0"/>
                                          </p:stCondLst>
                                        </p:cTn>
                                        <p:tgtEl>
                                          <p:spTgt spid="2"/>
                                        </p:tgtEl>
                                        <p:attrNameLst>
                                          <p:attrName>ppt_x</p:attrName>
                                        </p:attrNameLst>
                                      </p:cBhvr>
                                      <p:tavLst>
                                        <p:tav tm="0">
                                          <p:val>
                                            <p:strVal val="#ppt_x+.4"/>
                                          </p:val>
                                        </p:tav>
                                        <p:tav tm="100000">
                                          <p:val>
                                            <p:strVal val="#ppt_x"/>
                                          </p:val>
                                        </p:tav>
                                      </p:tavLst>
                                    </p:anim>
                                    <p:anim calcmode="lin" valueType="num">
                                      <p:cBhvr>
                                        <p:cTn decel="50000" dur="500" fill="hold" id="12">
                                          <p:stCondLst>
                                            <p:cond delay="0"/>
                                          </p:stCondLst>
                                        </p:cTn>
                                        <p:tgtEl>
                                          <p:spTgt spid="2"/>
                                        </p:tgtEl>
                                        <p:attrNameLst>
                                          <p:attrName>ppt_y</p:attrName>
                                        </p:attrNameLst>
                                      </p:cBhvr>
                                      <p:tavLst>
                                        <p:tav tm="0">
                                          <p:val>
                                            <p:strVal val="#ppt_y-.2"/>
                                          </p:val>
                                        </p:tav>
                                        <p:tav tm="100000">
                                          <p:val>
                                            <p:strVal val="#ppt_y+.1"/>
                                          </p:val>
                                        </p:tav>
                                      </p:tavLst>
                                    </p:anim>
                                    <p:anim calcmode="lin" valueType="num">
                                      <p:cBhvr>
                                        <p:cTn accel="50000" dur="500" fill="hold" id="13">
                                          <p:stCondLst>
                                            <p:cond delay="500"/>
                                          </p:stCondLst>
                                        </p:cTn>
                                        <p:tgtEl>
                                          <p:spTgt spid="2"/>
                                        </p:tgtEl>
                                        <p:attrNameLst>
                                          <p:attrName>ppt_y</p:attrName>
                                        </p:attrNameLst>
                                      </p:cBhvr>
                                      <p:tavLst>
                                        <p:tav tm="0">
                                          <p:val>
                                            <p:strVal val="#ppt_y+.1"/>
                                          </p:val>
                                        </p:tav>
                                        <p:tav tm="100000">
                                          <p:val>
                                            <p:strVal val="#ppt_y"/>
                                          </p:val>
                                        </p:tav>
                                      </p:tavLst>
                                    </p:anim>
                                    <p:animEffect filter="fade" transition="in">
                                      <p:cBhvr>
                                        <p:cTn decel="50000" dur="1000" id="14">
                                          <p:stCondLst>
                                            <p:cond delay="0"/>
                                          </p:stCondLst>
                                        </p:cTn>
                                        <p:tgtEl>
                                          <p:spTgt spid="2"/>
                                        </p:tgtEl>
                                      </p:cBhvr>
                                    </p:animEffect>
                                  </p:childTnLst>
                                </p:cTn>
                              </p:par>
                              <p:par>
                                <p:cTn fill="hold" grpId="0" id="15" nodeType="withEffect" presetClass="entr" presetID="18" presetSubtype="6">
                                  <p:stCondLst>
                                    <p:cond delay="1100"/>
                                  </p:stCondLst>
                                  <p:childTnLst>
                                    <p:set>
                                      <p:cBhvr>
                                        <p:cTn dur="1" fill="hold" id="16">
                                          <p:stCondLst>
                                            <p:cond delay="0"/>
                                          </p:stCondLst>
                                        </p:cTn>
                                        <p:tgtEl>
                                          <p:spTgt spid="9"/>
                                        </p:tgtEl>
                                        <p:attrNameLst>
                                          <p:attrName>style.visibility</p:attrName>
                                        </p:attrNameLst>
                                      </p:cBhvr>
                                      <p:to>
                                        <p:strVal val="visible"/>
                                      </p:to>
                                    </p:set>
                                    <p:animEffect filter="strips(downRight)" transition="in">
                                      <p:cBhvr>
                                        <p:cTn dur="500" id="17"/>
                                        <p:tgtEl>
                                          <p:spTgt spid="9"/>
                                        </p:tgtEl>
                                      </p:cBhvr>
                                    </p:animEffect>
                                  </p:childTnLst>
                                </p:cTn>
                              </p:par>
                              <p:par>
                                <p:cTn fill="hold" id="18" nodeType="withEffect" presetClass="entr" presetID="47" presetSubtype="0">
                                  <p:stCondLst>
                                    <p:cond delay="1600"/>
                                  </p:stCondLst>
                                  <p:childTnLst>
                                    <p:set>
                                      <p:cBhvr>
                                        <p:cTn dur="1" fill="hold" id="19">
                                          <p:stCondLst>
                                            <p:cond delay="0"/>
                                          </p:stCondLst>
                                        </p:cTn>
                                        <p:tgtEl>
                                          <p:spTgt spid="10"/>
                                        </p:tgtEl>
                                        <p:attrNameLst>
                                          <p:attrName>style.visibility</p:attrName>
                                        </p:attrNameLst>
                                      </p:cBhvr>
                                      <p:to>
                                        <p:strVal val="visible"/>
                                      </p:to>
                                    </p:set>
                                    <p:animEffect filter="fade" transition="in">
                                      <p:cBhvr>
                                        <p:cTn dur="700" id="20"/>
                                        <p:tgtEl>
                                          <p:spTgt spid="10"/>
                                        </p:tgtEl>
                                      </p:cBhvr>
                                    </p:animEffect>
                                    <p:anim calcmode="lin" valueType="num">
                                      <p:cBhvr>
                                        <p:cTn dur="700" fill="hold" id="21"/>
                                        <p:tgtEl>
                                          <p:spTgt spid="10"/>
                                        </p:tgtEl>
                                        <p:attrNameLst>
                                          <p:attrName>ppt_x</p:attrName>
                                        </p:attrNameLst>
                                      </p:cBhvr>
                                      <p:tavLst>
                                        <p:tav tm="0">
                                          <p:val>
                                            <p:strVal val="#ppt_x"/>
                                          </p:val>
                                        </p:tav>
                                        <p:tav tm="100000">
                                          <p:val>
                                            <p:strVal val="#ppt_x"/>
                                          </p:val>
                                        </p:tav>
                                      </p:tavLst>
                                    </p:anim>
                                    <p:anim calcmode="lin" valueType="num">
                                      <p:cBhvr>
                                        <p:cTn dur="700" fill="hold" id="22"/>
                                        <p:tgtEl>
                                          <p:spTgt spid="10"/>
                                        </p:tgtEl>
                                        <p:attrNameLst>
                                          <p:attrName>ppt_y</p:attrName>
                                        </p:attrNameLst>
                                      </p:cBhvr>
                                      <p:tavLst>
                                        <p:tav tm="0">
                                          <p:val>
                                            <p:strVal val="#ppt_y-.1"/>
                                          </p:val>
                                        </p:tav>
                                        <p:tav tm="100000">
                                          <p:val>
                                            <p:strVal val="#ppt_y"/>
                                          </p:val>
                                        </p:tav>
                                      </p:tavLst>
                                    </p:anim>
                                  </p:childTnLst>
                                </p:cTn>
                              </p:par>
                              <p:par>
                                <p:cTn fill="hold" id="23" nodeType="withEffect" presetClass="entr" presetID="55" presetSubtype="0">
                                  <p:stCondLst>
                                    <p:cond delay="2200"/>
                                  </p:stCondLst>
                                  <p:childTnLst>
                                    <p:set>
                                      <p:cBhvr>
                                        <p:cTn dur="1" fill="hold" id="24">
                                          <p:stCondLst>
                                            <p:cond delay="0"/>
                                          </p:stCondLst>
                                        </p:cTn>
                                        <p:tgtEl>
                                          <p:spTgt spid="28"/>
                                        </p:tgtEl>
                                        <p:attrNameLst>
                                          <p:attrName>style.visibility</p:attrName>
                                        </p:attrNameLst>
                                      </p:cBhvr>
                                      <p:to>
                                        <p:strVal val="visible"/>
                                      </p:to>
                                    </p:set>
                                    <p:anim calcmode="lin" valueType="num">
                                      <p:cBhvr>
                                        <p:cTn dur="1000" fill="hold" id="25"/>
                                        <p:tgtEl>
                                          <p:spTgt spid="28"/>
                                        </p:tgtEl>
                                        <p:attrNameLst>
                                          <p:attrName>ppt_w</p:attrName>
                                        </p:attrNameLst>
                                      </p:cBhvr>
                                      <p:tavLst>
                                        <p:tav tm="0">
                                          <p:val>
                                            <p:strVal val="#ppt_w*0.70"/>
                                          </p:val>
                                        </p:tav>
                                        <p:tav tm="100000">
                                          <p:val>
                                            <p:strVal val="#ppt_w"/>
                                          </p:val>
                                        </p:tav>
                                      </p:tavLst>
                                    </p:anim>
                                    <p:anim calcmode="lin" valueType="num">
                                      <p:cBhvr>
                                        <p:cTn dur="1000" fill="hold" id="26"/>
                                        <p:tgtEl>
                                          <p:spTgt spid="28"/>
                                        </p:tgtEl>
                                        <p:attrNameLst>
                                          <p:attrName>ppt_h</p:attrName>
                                        </p:attrNameLst>
                                      </p:cBhvr>
                                      <p:tavLst>
                                        <p:tav tm="0">
                                          <p:val>
                                            <p:strVal val="#ppt_h"/>
                                          </p:val>
                                        </p:tav>
                                        <p:tav tm="100000">
                                          <p:val>
                                            <p:strVal val="#ppt_h"/>
                                          </p:val>
                                        </p:tav>
                                      </p:tavLst>
                                    </p:anim>
                                    <p:animEffect filter="fade" transition="in">
                                      <p:cBhvr>
                                        <p:cTn dur="1000" id="27"/>
                                        <p:tgtEl>
                                          <p:spTgt spid="28"/>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9"/>
    </p:bldLst>
  </p:timing>
</p:sld>
</file>

<file path=ppt/slides/slide18.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3711848" y="2354956"/>
            <a:ext cx="5940152" cy="1582664"/>
            <a:chOff x="726608" y="1628800"/>
            <a:chExt cx="5940152" cy="1582664"/>
          </a:xfrm>
        </p:grpSpPr>
        <p:sp>
          <p:nvSpPr>
            <p:cNvPr id="3" name="矩形 2"/>
            <p:cNvSpPr/>
            <p:nvPr/>
          </p:nvSpPr>
          <p:spPr>
            <a:xfrm>
              <a:off x="726608" y="1628800"/>
              <a:ext cx="5940152" cy="1582664"/>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p>
          </p:txBody>
        </p:sp>
        <p:sp>
          <p:nvSpPr>
            <p:cNvPr id="4" name="矩形 3"/>
            <p:cNvSpPr>
              <a:spLocks noChangeArrowheads="1"/>
            </p:cNvSpPr>
            <p:nvPr/>
          </p:nvSpPr>
          <p:spPr bwMode="auto">
            <a:xfrm>
              <a:off x="844658" y="1727516"/>
              <a:ext cx="5362284" cy="136144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wrap="square">
              <a:spAutoFit/>
            </a:bodyPr>
            <a:lstStyle/>
            <a:p>
              <a:pPr algn="just">
                <a:lnSpc>
                  <a:spcPts val="2000"/>
                </a:lnSpc>
              </a:pPr>
              <a:r>
                <a:rPr altLang="en-US" lang="zh-CN" sz="1400">
                  <a:solidFill>
                    <a:schemeClr val="bg1"/>
                  </a:solidFill>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您的内容打在这里，或通过复制您的文本后在此框中选择粘贴并选择只保留文字您的内容打在这里您的内容打在这里，或通过复制您的文本后在此框中选择粘贴并选择只保留文字您的内容打在这里</a:t>
              </a:r>
            </a:p>
          </p:txBody>
        </p:sp>
      </p:grpSp>
      <p:grpSp>
        <p:nvGrpSpPr>
          <p:cNvPr id="6" name="组合 5"/>
          <p:cNvGrpSpPr/>
          <p:nvPr/>
        </p:nvGrpSpPr>
        <p:grpSpPr>
          <a:xfrm>
            <a:off x="919163" y="2202186"/>
            <a:ext cx="825500" cy="2109787"/>
            <a:chOff x="296863" y="1549401"/>
            <a:chExt cx="825500" cy="2109787"/>
          </a:xfrm>
          <a:solidFill>
            <a:srgbClr val="00544A"/>
          </a:solidFill>
        </p:grpSpPr>
        <p:sp>
          <p:nvSpPr>
            <p:cNvPr id="8" name="Freeform 6"/>
            <p:cNvSpPr/>
            <p:nvPr/>
          </p:nvSpPr>
          <p:spPr bwMode="auto">
            <a:xfrm>
              <a:off x="296863" y="1912938"/>
              <a:ext cx="825500" cy="1746250"/>
            </a:xfrm>
            <a:custGeom>
              <a:gdLst>
                <a:gd fmla="*/ 32 w 43" name="T0"/>
                <a:gd fmla="*/ 0 h 91" name="T1"/>
                <a:gd fmla="*/ 11 w 43" name="T2"/>
                <a:gd fmla="*/ 0 h 91" name="T3"/>
                <a:gd fmla="*/ 0 w 43" name="T4"/>
                <a:gd fmla="*/ 9 h 91" name="T5"/>
                <a:gd fmla="*/ 0 w 43" name="T6"/>
                <a:gd fmla="*/ 9 h 91" name="T7"/>
                <a:gd fmla="*/ 0 w 43" name="T8"/>
                <a:gd fmla="*/ 10 h 91" name="T9"/>
                <a:gd fmla="*/ 0 w 43" name="T10"/>
                <a:gd fmla="*/ 41 h 91" name="T11"/>
                <a:gd fmla="*/ 3 w 43" name="T12"/>
                <a:gd fmla="*/ 44 h 91" name="T13"/>
                <a:gd fmla="*/ 7 w 43" name="T14"/>
                <a:gd fmla="*/ 41 h 91" name="T15"/>
                <a:gd fmla="*/ 7 w 43" name="T16"/>
                <a:gd fmla="*/ 14 h 91" name="T17"/>
                <a:gd fmla="*/ 10 w 43" name="T18"/>
                <a:gd fmla="*/ 14 h 91" name="T19"/>
                <a:gd fmla="*/ 10 w 43" name="T20"/>
                <a:gd fmla="*/ 40 h 91" name="T21"/>
                <a:gd fmla="*/ 10 w 43" name="T22"/>
                <a:gd fmla="*/ 41 h 91" name="T23"/>
                <a:gd fmla="*/ 10 w 43" name="T24"/>
                <a:gd fmla="*/ 86 h 91" name="T25"/>
                <a:gd fmla="*/ 15 w 43" name="T26"/>
                <a:gd fmla="*/ 91 h 91" name="T27"/>
                <a:gd fmla="*/ 20 w 43" name="T28"/>
                <a:gd fmla="*/ 86 h 91" name="T29"/>
                <a:gd fmla="*/ 20 w 43" name="T30"/>
                <a:gd fmla="*/ 46 h 91" name="T31"/>
                <a:gd fmla="*/ 22 w 43" name="T32"/>
                <a:gd fmla="*/ 46 h 91" name="T33"/>
                <a:gd fmla="*/ 22 w 43" name="T34"/>
                <a:gd fmla="*/ 86 h 91" name="T35"/>
                <a:gd fmla="*/ 27 w 43" name="T36"/>
                <a:gd fmla="*/ 91 h 91" name="T37"/>
                <a:gd fmla="*/ 32 w 43" name="T38"/>
                <a:gd fmla="*/ 86 h 91" name="T39"/>
                <a:gd fmla="*/ 32 w 43" name="T40"/>
                <a:gd fmla="*/ 40 h 91" name="T41"/>
                <a:gd fmla="*/ 32 w 43" name="T42"/>
                <a:gd fmla="*/ 39 h 91" name="T43"/>
                <a:gd fmla="*/ 32 w 43" name="T44"/>
                <a:gd fmla="*/ 14 h 91" name="T45"/>
                <a:gd fmla="*/ 35 w 43" name="T46"/>
                <a:gd fmla="*/ 14 h 91" name="T47"/>
                <a:gd fmla="*/ 35 w 43" name="T48"/>
                <a:gd fmla="*/ 41 h 91" name="T49"/>
                <a:gd fmla="*/ 39 w 43" name="T50"/>
                <a:gd fmla="*/ 44 h 91" name="T51"/>
                <a:gd fmla="*/ 43 w 43" name="T52"/>
                <a:gd fmla="*/ 41 h 91" name="T53"/>
                <a:gd fmla="*/ 43 w 43" name="T54"/>
                <a:gd fmla="*/ 10 h 91" name="T55"/>
                <a:gd fmla="*/ 43 w 43" name="T56"/>
                <a:gd fmla="*/ 9 h 91" name="T57"/>
                <a:gd fmla="*/ 43 w 43" name="T58"/>
                <a:gd fmla="*/ 8 h 91" name="T59"/>
                <a:gd fmla="*/ 32 w 43" name="T60"/>
                <a:gd fmla="*/ 0 h 91"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91" w="43">
                  <a:moveTo>
                    <a:pt x="32" y="0"/>
                  </a:moveTo>
                  <a:cubicBezTo>
                    <a:pt x="11" y="0"/>
                    <a:pt x="11" y="0"/>
                    <a:pt x="11" y="0"/>
                  </a:cubicBezTo>
                  <a:cubicBezTo>
                    <a:pt x="3" y="0"/>
                    <a:pt x="0" y="6"/>
                    <a:pt x="0" y="9"/>
                  </a:cubicBezTo>
                  <a:cubicBezTo>
                    <a:pt x="0" y="9"/>
                    <a:pt x="0" y="9"/>
                    <a:pt x="0" y="9"/>
                  </a:cubicBezTo>
                  <a:cubicBezTo>
                    <a:pt x="0" y="10"/>
                    <a:pt x="0" y="10"/>
                    <a:pt x="0" y="10"/>
                  </a:cubicBezTo>
                  <a:cubicBezTo>
                    <a:pt x="0" y="41"/>
                    <a:pt x="0" y="41"/>
                    <a:pt x="0" y="41"/>
                  </a:cubicBezTo>
                  <a:cubicBezTo>
                    <a:pt x="0" y="43"/>
                    <a:pt x="1" y="44"/>
                    <a:pt x="3" y="44"/>
                  </a:cubicBezTo>
                  <a:cubicBezTo>
                    <a:pt x="5" y="44"/>
                    <a:pt x="7" y="43"/>
                    <a:pt x="7" y="41"/>
                  </a:cubicBezTo>
                  <a:cubicBezTo>
                    <a:pt x="7" y="14"/>
                    <a:pt x="7" y="14"/>
                    <a:pt x="7" y="14"/>
                  </a:cubicBezTo>
                  <a:cubicBezTo>
                    <a:pt x="10" y="14"/>
                    <a:pt x="10" y="14"/>
                    <a:pt x="10" y="14"/>
                  </a:cubicBezTo>
                  <a:cubicBezTo>
                    <a:pt x="10" y="40"/>
                    <a:pt x="10" y="40"/>
                    <a:pt x="10" y="40"/>
                  </a:cubicBezTo>
                  <a:cubicBezTo>
                    <a:pt x="10" y="40"/>
                    <a:pt x="10" y="40"/>
                    <a:pt x="10" y="41"/>
                  </a:cubicBezTo>
                  <a:cubicBezTo>
                    <a:pt x="10" y="86"/>
                    <a:pt x="10" y="86"/>
                    <a:pt x="10" y="86"/>
                  </a:cubicBezTo>
                  <a:cubicBezTo>
                    <a:pt x="10" y="89"/>
                    <a:pt x="12" y="91"/>
                    <a:pt x="15" y="91"/>
                  </a:cubicBezTo>
                  <a:cubicBezTo>
                    <a:pt x="18" y="91"/>
                    <a:pt x="20" y="89"/>
                    <a:pt x="20" y="86"/>
                  </a:cubicBezTo>
                  <a:cubicBezTo>
                    <a:pt x="20" y="46"/>
                    <a:pt x="20" y="46"/>
                    <a:pt x="20" y="46"/>
                  </a:cubicBezTo>
                  <a:cubicBezTo>
                    <a:pt x="22" y="46"/>
                    <a:pt x="22" y="46"/>
                    <a:pt x="22" y="46"/>
                  </a:cubicBezTo>
                  <a:cubicBezTo>
                    <a:pt x="22" y="86"/>
                    <a:pt x="22" y="86"/>
                    <a:pt x="22" y="86"/>
                  </a:cubicBezTo>
                  <a:cubicBezTo>
                    <a:pt x="22" y="89"/>
                    <a:pt x="25" y="91"/>
                    <a:pt x="27" y="91"/>
                  </a:cubicBezTo>
                  <a:cubicBezTo>
                    <a:pt x="30" y="91"/>
                    <a:pt x="32" y="89"/>
                    <a:pt x="32" y="86"/>
                  </a:cubicBezTo>
                  <a:cubicBezTo>
                    <a:pt x="32" y="40"/>
                    <a:pt x="32" y="40"/>
                    <a:pt x="32" y="40"/>
                  </a:cubicBezTo>
                  <a:cubicBezTo>
                    <a:pt x="32" y="39"/>
                    <a:pt x="32" y="39"/>
                    <a:pt x="32" y="39"/>
                  </a:cubicBezTo>
                  <a:cubicBezTo>
                    <a:pt x="32" y="14"/>
                    <a:pt x="32" y="14"/>
                    <a:pt x="32" y="14"/>
                  </a:cubicBezTo>
                  <a:cubicBezTo>
                    <a:pt x="35" y="14"/>
                    <a:pt x="35" y="14"/>
                    <a:pt x="35" y="14"/>
                  </a:cubicBezTo>
                  <a:cubicBezTo>
                    <a:pt x="35" y="41"/>
                    <a:pt x="35" y="41"/>
                    <a:pt x="35" y="41"/>
                  </a:cubicBezTo>
                  <a:cubicBezTo>
                    <a:pt x="35" y="43"/>
                    <a:pt x="37" y="44"/>
                    <a:pt x="39" y="44"/>
                  </a:cubicBezTo>
                  <a:cubicBezTo>
                    <a:pt x="41" y="44"/>
                    <a:pt x="43" y="43"/>
                    <a:pt x="43" y="41"/>
                  </a:cubicBezTo>
                  <a:cubicBezTo>
                    <a:pt x="43" y="10"/>
                    <a:pt x="43" y="10"/>
                    <a:pt x="43" y="10"/>
                  </a:cubicBezTo>
                  <a:cubicBezTo>
                    <a:pt x="43" y="9"/>
                    <a:pt x="43" y="9"/>
                    <a:pt x="43" y="9"/>
                  </a:cubicBezTo>
                  <a:cubicBezTo>
                    <a:pt x="43" y="8"/>
                    <a:pt x="43" y="8"/>
                    <a:pt x="43" y="8"/>
                  </a:cubicBezTo>
                  <a:cubicBezTo>
                    <a:pt x="43" y="5"/>
                    <a:pt x="39" y="0"/>
                    <a:pt x="32"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 name="Oval 7"/>
            <p:cNvSpPr>
              <a:spLocks noChangeArrowheads="1"/>
            </p:cNvSpPr>
            <p:nvPr/>
          </p:nvSpPr>
          <p:spPr bwMode="auto">
            <a:xfrm>
              <a:off x="546101" y="1549401"/>
              <a:ext cx="327025" cy="325438"/>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sp>
        <p:nvSpPr>
          <p:cNvPr id="7" name="TextBox 6"/>
          <p:cNvSpPr txBox="1"/>
          <p:nvPr/>
        </p:nvSpPr>
        <p:spPr>
          <a:xfrm>
            <a:off x="956244" y="1686322"/>
            <a:ext cx="733742" cy="396240"/>
          </a:xfrm>
          <a:prstGeom prst="rect">
            <a:avLst/>
          </a:prstGeom>
          <a:noFill/>
        </p:spPr>
        <p:txBody>
          <a:bodyPr rtlCol="0" wrap="none">
            <a:spAutoFit/>
          </a:bodyPr>
          <a:lstStyle/>
          <a:p>
            <a:r>
              <a:rPr altLang="zh-CN" b="1" lang="en-US" sz="2000">
                <a:latin charset="-122" panose="020b0503020204020204" pitchFamily="34" typeface="微软雅黑"/>
                <a:ea charset="-122" panose="020b0503020204020204" pitchFamily="34" typeface="微软雅黑"/>
              </a:rPr>
              <a:t>60%</a:t>
            </a:r>
          </a:p>
        </p:txBody>
      </p:sp>
      <p:grpSp>
        <p:nvGrpSpPr>
          <p:cNvPr id="11" name="组合 10"/>
          <p:cNvGrpSpPr/>
          <p:nvPr/>
        </p:nvGrpSpPr>
        <p:grpSpPr>
          <a:xfrm>
            <a:off x="1860552" y="2202186"/>
            <a:ext cx="825500" cy="2109787"/>
            <a:chOff x="1238251" y="1549401"/>
            <a:chExt cx="825500" cy="2109787"/>
          </a:xfrm>
          <a:solidFill>
            <a:srgbClr val="002E29"/>
          </a:solidFill>
        </p:grpSpPr>
        <p:sp>
          <p:nvSpPr>
            <p:cNvPr id="13" name="Freeform 8"/>
            <p:cNvSpPr/>
            <p:nvPr/>
          </p:nvSpPr>
          <p:spPr bwMode="auto">
            <a:xfrm>
              <a:off x="1238251" y="1912938"/>
              <a:ext cx="825500" cy="1746250"/>
            </a:xfrm>
            <a:custGeom>
              <a:gdLst>
                <a:gd fmla="*/ 32 w 43" name="T0"/>
                <a:gd fmla="*/ 0 h 91" name="T1"/>
                <a:gd fmla="*/ 11 w 43" name="T2"/>
                <a:gd fmla="*/ 0 h 91" name="T3"/>
                <a:gd fmla="*/ 0 w 43" name="T4"/>
                <a:gd fmla="*/ 9 h 91" name="T5"/>
                <a:gd fmla="*/ 0 w 43" name="T6"/>
                <a:gd fmla="*/ 9 h 91" name="T7"/>
                <a:gd fmla="*/ 0 w 43" name="T8"/>
                <a:gd fmla="*/ 10 h 91" name="T9"/>
                <a:gd fmla="*/ 0 w 43" name="T10"/>
                <a:gd fmla="*/ 41 h 91" name="T11"/>
                <a:gd fmla="*/ 3 w 43" name="T12"/>
                <a:gd fmla="*/ 44 h 91" name="T13"/>
                <a:gd fmla="*/ 7 w 43" name="T14"/>
                <a:gd fmla="*/ 41 h 91" name="T15"/>
                <a:gd fmla="*/ 7 w 43" name="T16"/>
                <a:gd fmla="*/ 14 h 91" name="T17"/>
                <a:gd fmla="*/ 10 w 43" name="T18"/>
                <a:gd fmla="*/ 14 h 91" name="T19"/>
                <a:gd fmla="*/ 10 w 43" name="T20"/>
                <a:gd fmla="*/ 40 h 91" name="T21"/>
                <a:gd fmla="*/ 10 w 43" name="T22"/>
                <a:gd fmla="*/ 41 h 91" name="T23"/>
                <a:gd fmla="*/ 10 w 43" name="T24"/>
                <a:gd fmla="*/ 86 h 91" name="T25"/>
                <a:gd fmla="*/ 15 w 43" name="T26"/>
                <a:gd fmla="*/ 91 h 91" name="T27"/>
                <a:gd fmla="*/ 20 w 43" name="T28"/>
                <a:gd fmla="*/ 86 h 91" name="T29"/>
                <a:gd fmla="*/ 20 w 43" name="T30"/>
                <a:gd fmla="*/ 46 h 91" name="T31"/>
                <a:gd fmla="*/ 22 w 43" name="T32"/>
                <a:gd fmla="*/ 46 h 91" name="T33"/>
                <a:gd fmla="*/ 22 w 43" name="T34"/>
                <a:gd fmla="*/ 86 h 91" name="T35"/>
                <a:gd fmla="*/ 27 w 43" name="T36"/>
                <a:gd fmla="*/ 91 h 91" name="T37"/>
                <a:gd fmla="*/ 32 w 43" name="T38"/>
                <a:gd fmla="*/ 86 h 91" name="T39"/>
                <a:gd fmla="*/ 32 w 43" name="T40"/>
                <a:gd fmla="*/ 40 h 91" name="T41"/>
                <a:gd fmla="*/ 32 w 43" name="T42"/>
                <a:gd fmla="*/ 39 h 91" name="T43"/>
                <a:gd fmla="*/ 32 w 43" name="T44"/>
                <a:gd fmla="*/ 14 h 91" name="T45"/>
                <a:gd fmla="*/ 35 w 43" name="T46"/>
                <a:gd fmla="*/ 14 h 91" name="T47"/>
                <a:gd fmla="*/ 35 w 43" name="T48"/>
                <a:gd fmla="*/ 41 h 91" name="T49"/>
                <a:gd fmla="*/ 39 w 43" name="T50"/>
                <a:gd fmla="*/ 44 h 91" name="T51"/>
                <a:gd fmla="*/ 43 w 43" name="T52"/>
                <a:gd fmla="*/ 41 h 91" name="T53"/>
                <a:gd fmla="*/ 43 w 43" name="T54"/>
                <a:gd fmla="*/ 10 h 91" name="T55"/>
                <a:gd fmla="*/ 43 w 43" name="T56"/>
                <a:gd fmla="*/ 9 h 91" name="T57"/>
                <a:gd fmla="*/ 43 w 43" name="T58"/>
                <a:gd fmla="*/ 8 h 91" name="T59"/>
                <a:gd fmla="*/ 32 w 43" name="T60"/>
                <a:gd fmla="*/ 0 h 91"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91" w="43">
                  <a:moveTo>
                    <a:pt x="32" y="0"/>
                  </a:moveTo>
                  <a:cubicBezTo>
                    <a:pt x="11" y="0"/>
                    <a:pt x="11" y="0"/>
                    <a:pt x="11" y="0"/>
                  </a:cubicBezTo>
                  <a:cubicBezTo>
                    <a:pt x="2" y="0"/>
                    <a:pt x="0" y="6"/>
                    <a:pt x="0" y="9"/>
                  </a:cubicBezTo>
                  <a:cubicBezTo>
                    <a:pt x="0" y="9"/>
                    <a:pt x="0" y="9"/>
                    <a:pt x="0" y="9"/>
                  </a:cubicBezTo>
                  <a:cubicBezTo>
                    <a:pt x="0" y="10"/>
                    <a:pt x="0" y="10"/>
                    <a:pt x="0" y="10"/>
                  </a:cubicBezTo>
                  <a:cubicBezTo>
                    <a:pt x="0" y="41"/>
                    <a:pt x="0" y="41"/>
                    <a:pt x="0" y="41"/>
                  </a:cubicBezTo>
                  <a:cubicBezTo>
                    <a:pt x="0" y="43"/>
                    <a:pt x="1" y="44"/>
                    <a:pt x="3" y="44"/>
                  </a:cubicBezTo>
                  <a:cubicBezTo>
                    <a:pt x="5" y="44"/>
                    <a:pt x="7" y="43"/>
                    <a:pt x="7" y="41"/>
                  </a:cubicBezTo>
                  <a:cubicBezTo>
                    <a:pt x="7" y="14"/>
                    <a:pt x="7" y="14"/>
                    <a:pt x="7" y="14"/>
                  </a:cubicBezTo>
                  <a:cubicBezTo>
                    <a:pt x="10" y="14"/>
                    <a:pt x="10" y="14"/>
                    <a:pt x="10" y="14"/>
                  </a:cubicBezTo>
                  <a:cubicBezTo>
                    <a:pt x="10" y="40"/>
                    <a:pt x="10" y="40"/>
                    <a:pt x="10" y="40"/>
                  </a:cubicBezTo>
                  <a:cubicBezTo>
                    <a:pt x="10" y="40"/>
                    <a:pt x="10" y="40"/>
                    <a:pt x="10" y="41"/>
                  </a:cubicBezTo>
                  <a:cubicBezTo>
                    <a:pt x="10" y="86"/>
                    <a:pt x="10" y="86"/>
                    <a:pt x="10" y="86"/>
                  </a:cubicBezTo>
                  <a:cubicBezTo>
                    <a:pt x="10" y="89"/>
                    <a:pt x="12" y="91"/>
                    <a:pt x="15" y="91"/>
                  </a:cubicBezTo>
                  <a:cubicBezTo>
                    <a:pt x="18" y="91"/>
                    <a:pt x="20" y="89"/>
                    <a:pt x="20" y="86"/>
                  </a:cubicBezTo>
                  <a:cubicBezTo>
                    <a:pt x="20" y="46"/>
                    <a:pt x="20" y="46"/>
                    <a:pt x="20" y="46"/>
                  </a:cubicBezTo>
                  <a:cubicBezTo>
                    <a:pt x="22" y="46"/>
                    <a:pt x="22" y="46"/>
                    <a:pt x="22" y="46"/>
                  </a:cubicBezTo>
                  <a:cubicBezTo>
                    <a:pt x="22" y="86"/>
                    <a:pt x="22" y="86"/>
                    <a:pt x="22" y="86"/>
                  </a:cubicBezTo>
                  <a:cubicBezTo>
                    <a:pt x="22" y="89"/>
                    <a:pt x="25" y="91"/>
                    <a:pt x="27" y="91"/>
                  </a:cubicBezTo>
                  <a:cubicBezTo>
                    <a:pt x="30" y="91"/>
                    <a:pt x="32" y="89"/>
                    <a:pt x="32" y="86"/>
                  </a:cubicBezTo>
                  <a:cubicBezTo>
                    <a:pt x="32" y="40"/>
                    <a:pt x="32" y="40"/>
                    <a:pt x="32" y="40"/>
                  </a:cubicBezTo>
                  <a:cubicBezTo>
                    <a:pt x="32" y="39"/>
                    <a:pt x="32" y="39"/>
                    <a:pt x="32" y="39"/>
                  </a:cubicBezTo>
                  <a:cubicBezTo>
                    <a:pt x="32" y="14"/>
                    <a:pt x="32" y="14"/>
                    <a:pt x="32" y="14"/>
                  </a:cubicBezTo>
                  <a:cubicBezTo>
                    <a:pt x="35" y="14"/>
                    <a:pt x="35" y="14"/>
                    <a:pt x="35" y="14"/>
                  </a:cubicBezTo>
                  <a:cubicBezTo>
                    <a:pt x="35" y="41"/>
                    <a:pt x="35" y="41"/>
                    <a:pt x="35" y="41"/>
                  </a:cubicBezTo>
                  <a:cubicBezTo>
                    <a:pt x="35" y="43"/>
                    <a:pt x="37" y="44"/>
                    <a:pt x="39" y="44"/>
                  </a:cubicBezTo>
                  <a:cubicBezTo>
                    <a:pt x="41" y="44"/>
                    <a:pt x="43" y="43"/>
                    <a:pt x="43" y="41"/>
                  </a:cubicBezTo>
                  <a:cubicBezTo>
                    <a:pt x="43" y="10"/>
                    <a:pt x="43" y="10"/>
                    <a:pt x="43" y="10"/>
                  </a:cubicBezTo>
                  <a:cubicBezTo>
                    <a:pt x="43" y="9"/>
                    <a:pt x="43" y="9"/>
                    <a:pt x="43" y="9"/>
                  </a:cubicBezTo>
                  <a:cubicBezTo>
                    <a:pt x="43" y="8"/>
                    <a:pt x="43" y="8"/>
                    <a:pt x="43" y="8"/>
                  </a:cubicBezTo>
                  <a:cubicBezTo>
                    <a:pt x="43" y="5"/>
                    <a:pt x="39" y="0"/>
                    <a:pt x="32"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4" name="Oval 9"/>
            <p:cNvSpPr>
              <a:spLocks noChangeArrowheads="1"/>
            </p:cNvSpPr>
            <p:nvPr/>
          </p:nvSpPr>
          <p:spPr bwMode="auto">
            <a:xfrm>
              <a:off x="1468438" y="1549401"/>
              <a:ext cx="346075" cy="325438"/>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sp>
        <p:nvSpPr>
          <p:cNvPr id="12" name="TextBox 11"/>
          <p:cNvSpPr txBox="1"/>
          <p:nvPr/>
        </p:nvSpPr>
        <p:spPr>
          <a:xfrm>
            <a:off x="1930274" y="1686322"/>
            <a:ext cx="733742" cy="396240"/>
          </a:xfrm>
          <a:prstGeom prst="rect">
            <a:avLst/>
          </a:prstGeom>
          <a:noFill/>
        </p:spPr>
        <p:txBody>
          <a:bodyPr rtlCol="0" wrap="none">
            <a:spAutoFit/>
          </a:bodyPr>
          <a:lstStyle/>
          <a:p>
            <a:r>
              <a:rPr altLang="zh-CN" b="1" lang="en-US" sz="2000">
                <a:latin charset="-122" panose="020b0503020204020204" pitchFamily="34" typeface="微软雅黑"/>
                <a:ea charset="-122" panose="020b0503020204020204" pitchFamily="34" typeface="微软雅黑"/>
              </a:rPr>
              <a:t>80%</a:t>
            </a:r>
          </a:p>
        </p:txBody>
      </p:sp>
      <p:grpSp>
        <p:nvGrpSpPr>
          <p:cNvPr id="16" name="组合 15"/>
          <p:cNvGrpSpPr/>
          <p:nvPr/>
        </p:nvGrpSpPr>
        <p:grpSpPr>
          <a:xfrm>
            <a:off x="2782890" y="2202186"/>
            <a:ext cx="844550" cy="2109787"/>
            <a:chOff x="2160588" y="1549401"/>
            <a:chExt cx="844550" cy="2109787"/>
          </a:xfrm>
          <a:solidFill>
            <a:srgbClr val="CABD6C"/>
          </a:solidFill>
        </p:grpSpPr>
        <p:sp>
          <p:nvSpPr>
            <p:cNvPr id="18" name="Freeform 10"/>
            <p:cNvSpPr/>
            <p:nvPr/>
          </p:nvSpPr>
          <p:spPr bwMode="auto">
            <a:xfrm>
              <a:off x="2160588" y="1912938"/>
              <a:ext cx="844550" cy="1746250"/>
            </a:xfrm>
            <a:custGeom>
              <a:gdLst>
                <a:gd fmla="*/ 33 w 44" name="T0"/>
                <a:gd fmla="*/ 0 h 91" name="T1"/>
                <a:gd fmla="*/ 11 w 44" name="T2"/>
                <a:gd fmla="*/ 0 h 91" name="T3"/>
                <a:gd fmla="*/ 0 w 44" name="T4"/>
                <a:gd fmla="*/ 9 h 91" name="T5"/>
                <a:gd fmla="*/ 0 w 44" name="T6"/>
                <a:gd fmla="*/ 9 h 91" name="T7"/>
                <a:gd fmla="*/ 0 w 44" name="T8"/>
                <a:gd fmla="*/ 10 h 91" name="T9"/>
                <a:gd fmla="*/ 0 w 44" name="T10"/>
                <a:gd fmla="*/ 41 h 91" name="T11"/>
                <a:gd fmla="*/ 4 w 44" name="T12"/>
                <a:gd fmla="*/ 44 h 91" name="T13"/>
                <a:gd fmla="*/ 8 w 44" name="T14"/>
                <a:gd fmla="*/ 41 h 91" name="T15"/>
                <a:gd fmla="*/ 8 w 44" name="T16"/>
                <a:gd fmla="*/ 14 h 91" name="T17"/>
                <a:gd fmla="*/ 11 w 44" name="T18"/>
                <a:gd fmla="*/ 14 h 91" name="T19"/>
                <a:gd fmla="*/ 11 w 44" name="T20"/>
                <a:gd fmla="*/ 40 h 91" name="T21"/>
                <a:gd fmla="*/ 11 w 44" name="T22"/>
                <a:gd fmla="*/ 41 h 91" name="T23"/>
                <a:gd fmla="*/ 11 w 44" name="T24"/>
                <a:gd fmla="*/ 86 h 91" name="T25"/>
                <a:gd fmla="*/ 16 w 44" name="T26"/>
                <a:gd fmla="*/ 91 h 91" name="T27"/>
                <a:gd fmla="*/ 21 w 44" name="T28"/>
                <a:gd fmla="*/ 86 h 91" name="T29"/>
                <a:gd fmla="*/ 21 w 44" name="T30"/>
                <a:gd fmla="*/ 46 h 91" name="T31"/>
                <a:gd fmla="*/ 23 w 44" name="T32"/>
                <a:gd fmla="*/ 46 h 91" name="T33"/>
                <a:gd fmla="*/ 23 w 44" name="T34"/>
                <a:gd fmla="*/ 86 h 91" name="T35"/>
                <a:gd fmla="*/ 28 w 44" name="T36"/>
                <a:gd fmla="*/ 91 h 91" name="T37"/>
                <a:gd fmla="*/ 33 w 44" name="T38"/>
                <a:gd fmla="*/ 86 h 91" name="T39"/>
                <a:gd fmla="*/ 33 w 44" name="T40"/>
                <a:gd fmla="*/ 40 h 91" name="T41"/>
                <a:gd fmla="*/ 33 w 44" name="T42"/>
                <a:gd fmla="*/ 39 h 91" name="T43"/>
                <a:gd fmla="*/ 33 w 44" name="T44"/>
                <a:gd fmla="*/ 14 h 91" name="T45"/>
                <a:gd fmla="*/ 36 w 44" name="T46"/>
                <a:gd fmla="*/ 14 h 91" name="T47"/>
                <a:gd fmla="*/ 36 w 44" name="T48"/>
                <a:gd fmla="*/ 41 h 91" name="T49"/>
                <a:gd fmla="*/ 40 w 44" name="T50"/>
                <a:gd fmla="*/ 44 h 91" name="T51"/>
                <a:gd fmla="*/ 44 w 44" name="T52"/>
                <a:gd fmla="*/ 41 h 91" name="T53"/>
                <a:gd fmla="*/ 44 w 44" name="T54"/>
                <a:gd fmla="*/ 10 h 91" name="T55"/>
                <a:gd fmla="*/ 44 w 44" name="T56"/>
                <a:gd fmla="*/ 9 h 91" name="T57"/>
                <a:gd fmla="*/ 44 w 44" name="T58"/>
                <a:gd fmla="*/ 8 h 91" name="T59"/>
                <a:gd fmla="*/ 33 w 44" name="T60"/>
                <a:gd fmla="*/ 0 h 91"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91" w="44">
                  <a:moveTo>
                    <a:pt x="33" y="0"/>
                  </a:moveTo>
                  <a:cubicBezTo>
                    <a:pt x="11" y="0"/>
                    <a:pt x="11" y="0"/>
                    <a:pt x="11" y="0"/>
                  </a:cubicBezTo>
                  <a:cubicBezTo>
                    <a:pt x="3" y="0"/>
                    <a:pt x="0" y="6"/>
                    <a:pt x="0" y="9"/>
                  </a:cubicBezTo>
                  <a:cubicBezTo>
                    <a:pt x="0" y="9"/>
                    <a:pt x="0" y="9"/>
                    <a:pt x="0" y="9"/>
                  </a:cubicBezTo>
                  <a:cubicBezTo>
                    <a:pt x="0" y="10"/>
                    <a:pt x="0" y="10"/>
                    <a:pt x="0" y="10"/>
                  </a:cubicBezTo>
                  <a:cubicBezTo>
                    <a:pt x="0" y="41"/>
                    <a:pt x="0" y="41"/>
                    <a:pt x="0" y="41"/>
                  </a:cubicBezTo>
                  <a:cubicBezTo>
                    <a:pt x="0" y="43"/>
                    <a:pt x="2" y="44"/>
                    <a:pt x="4" y="44"/>
                  </a:cubicBezTo>
                  <a:cubicBezTo>
                    <a:pt x="6" y="44"/>
                    <a:pt x="8" y="43"/>
                    <a:pt x="8" y="41"/>
                  </a:cubicBezTo>
                  <a:cubicBezTo>
                    <a:pt x="8" y="14"/>
                    <a:pt x="8" y="14"/>
                    <a:pt x="8" y="14"/>
                  </a:cubicBezTo>
                  <a:cubicBezTo>
                    <a:pt x="11" y="14"/>
                    <a:pt x="11" y="14"/>
                    <a:pt x="11" y="14"/>
                  </a:cubicBezTo>
                  <a:cubicBezTo>
                    <a:pt x="11" y="40"/>
                    <a:pt x="11" y="40"/>
                    <a:pt x="11" y="40"/>
                  </a:cubicBezTo>
                  <a:cubicBezTo>
                    <a:pt x="11" y="40"/>
                    <a:pt x="11" y="40"/>
                    <a:pt x="11" y="41"/>
                  </a:cubicBezTo>
                  <a:cubicBezTo>
                    <a:pt x="11" y="86"/>
                    <a:pt x="11" y="86"/>
                    <a:pt x="11" y="86"/>
                  </a:cubicBezTo>
                  <a:cubicBezTo>
                    <a:pt x="11" y="89"/>
                    <a:pt x="13" y="91"/>
                    <a:pt x="16" y="91"/>
                  </a:cubicBezTo>
                  <a:cubicBezTo>
                    <a:pt x="18" y="91"/>
                    <a:pt x="21" y="89"/>
                    <a:pt x="21" y="86"/>
                  </a:cubicBezTo>
                  <a:cubicBezTo>
                    <a:pt x="21" y="46"/>
                    <a:pt x="21" y="46"/>
                    <a:pt x="21" y="46"/>
                  </a:cubicBezTo>
                  <a:cubicBezTo>
                    <a:pt x="23" y="46"/>
                    <a:pt x="23" y="46"/>
                    <a:pt x="23" y="46"/>
                  </a:cubicBezTo>
                  <a:cubicBezTo>
                    <a:pt x="23" y="86"/>
                    <a:pt x="23" y="86"/>
                    <a:pt x="23" y="86"/>
                  </a:cubicBezTo>
                  <a:cubicBezTo>
                    <a:pt x="23" y="89"/>
                    <a:pt x="25" y="91"/>
                    <a:pt x="28" y="91"/>
                  </a:cubicBezTo>
                  <a:cubicBezTo>
                    <a:pt x="31" y="91"/>
                    <a:pt x="33" y="89"/>
                    <a:pt x="33" y="86"/>
                  </a:cubicBezTo>
                  <a:cubicBezTo>
                    <a:pt x="33" y="40"/>
                    <a:pt x="33" y="40"/>
                    <a:pt x="33" y="40"/>
                  </a:cubicBezTo>
                  <a:cubicBezTo>
                    <a:pt x="33" y="39"/>
                    <a:pt x="33" y="39"/>
                    <a:pt x="33" y="39"/>
                  </a:cubicBezTo>
                  <a:cubicBezTo>
                    <a:pt x="33" y="14"/>
                    <a:pt x="33" y="14"/>
                    <a:pt x="33" y="14"/>
                  </a:cubicBezTo>
                  <a:cubicBezTo>
                    <a:pt x="36" y="14"/>
                    <a:pt x="36" y="14"/>
                    <a:pt x="36" y="14"/>
                  </a:cubicBezTo>
                  <a:cubicBezTo>
                    <a:pt x="36" y="41"/>
                    <a:pt x="36" y="41"/>
                    <a:pt x="36" y="41"/>
                  </a:cubicBezTo>
                  <a:cubicBezTo>
                    <a:pt x="36" y="43"/>
                    <a:pt x="38" y="44"/>
                    <a:pt x="40" y="44"/>
                  </a:cubicBezTo>
                  <a:cubicBezTo>
                    <a:pt x="42" y="44"/>
                    <a:pt x="44" y="43"/>
                    <a:pt x="44" y="41"/>
                  </a:cubicBezTo>
                  <a:cubicBezTo>
                    <a:pt x="44" y="10"/>
                    <a:pt x="44" y="10"/>
                    <a:pt x="44" y="10"/>
                  </a:cubicBezTo>
                  <a:cubicBezTo>
                    <a:pt x="44" y="9"/>
                    <a:pt x="44" y="9"/>
                    <a:pt x="44" y="9"/>
                  </a:cubicBezTo>
                  <a:cubicBezTo>
                    <a:pt x="44" y="8"/>
                    <a:pt x="44" y="8"/>
                    <a:pt x="44" y="8"/>
                  </a:cubicBezTo>
                  <a:cubicBezTo>
                    <a:pt x="44" y="5"/>
                    <a:pt x="40" y="0"/>
                    <a:pt x="33" y="0"/>
                  </a:cubicBezTo>
                </a:path>
              </a:pathLst>
            </a:custGeom>
            <a:solidFill>
              <a:srgbClr val="016758"/>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9" name="Oval 11"/>
            <p:cNvSpPr>
              <a:spLocks noChangeArrowheads="1"/>
            </p:cNvSpPr>
            <p:nvPr/>
          </p:nvSpPr>
          <p:spPr bwMode="auto">
            <a:xfrm>
              <a:off x="2409826" y="1549401"/>
              <a:ext cx="346075" cy="325438"/>
            </a:xfrm>
            <a:prstGeom prst="ellipse">
              <a:avLst/>
            </a:prstGeom>
            <a:solidFill>
              <a:srgbClr val="016758"/>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sp>
        <p:nvSpPr>
          <p:cNvPr id="17" name="TextBox 16"/>
          <p:cNvSpPr txBox="1"/>
          <p:nvPr/>
        </p:nvSpPr>
        <p:spPr>
          <a:xfrm>
            <a:off x="2869727" y="1686322"/>
            <a:ext cx="733742" cy="396240"/>
          </a:xfrm>
          <a:prstGeom prst="rect">
            <a:avLst/>
          </a:prstGeom>
          <a:noFill/>
        </p:spPr>
        <p:txBody>
          <a:bodyPr rtlCol="0" wrap="none">
            <a:spAutoFit/>
          </a:bodyPr>
          <a:lstStyle/>
          <a:p>
            <a:r>
              <a:rPr altLang="zh-CN" b="1" lang="en-US" sz="2000">
                <a:latin charset="-122" panose="020b0503020204020204" pitchFamily="34" typeface="微软雅黑"/>
                <a:ea charset="-122" panose="020b0503020204020204" pitchFamily="34" typeface="微软雅黑"/>
              </a:rPr>
              <a:t>90%</a:t>
            </a:r>
          </a:p>
        </p:txBody>
      </p:sp>
    </p:spTree>
    <p:extLst>
      <p:ext uri="{BB962C8B-B14F-4D97-AF65-F5344CB8AC3E}">
        <p14:creationId val="928621310"/>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2" presetSubtype="4">
                                  <p:stCondLst>
                                    <p:cond delay="0"/>
                                  </p:stCondLst>
                                  <p:childTnLst>
                                    <p:set>
                                      <p:cBhvr>
                                        <p:cTn dur="1" fill="hold" id="6">
                                          <p:stCondLst>
                                            <p:cond delay="0"/>
                                          </p:stCondLst>
                                        </p:cTn>
                                        <p:tgtEl>
                                          <p:spTgt spid="6"/>
                                        </p:tgtEl>
                                        <p:attrNameLst>
                                          <p:attrName>style.visibility</p:attrName>
                                        </p:attrNameLst>
                                      </p:cBhvr>
                                      <p:to>
                                        <p:strVal val="visible"/>
                                      </p:to>
                                    </p:set>
                                    <p:animEffect filter="wipe(down)" transition="in">
                                      <p:cBhvr>
                                        <p:cTn dur="1000" id="7"/>
                                        <p:tgtEl>
                                          <p:spTgt spid="6"/>
                                        </p:tgtEl>
                                      </p:cBhvr>
                                    </p:animEffect>
                                  </p:childTnLst>
                                </p:cTn>
                              </p:par>
                            </p:childTnLst>
                          </p:cTn>
                        </p:par>
                        <p:par>
                          <p:cTn fill="hold" id="8" nodeType="afterGroup">
                            <p:stCondLst>
                              <p:cond delay="1000"/>
                            </p:stCondLst>
                            <p:childTnLst>
                              <p:par>
                                <p:cTn fill="hold" grpId="0" id="9" nodeType="afterEffect" presetClass="entr" presetID="10" presetSubtype="0">
                                  <p:stCondLst>
                                    <p:cond delay="0"/>
                                  </p:stCondLst>
                                  <p:childTnLst>
                                    <p:set>
                                      <p:cBhvr>
                                        <p:cTn dur="1" fill="hold" id="10">
                                          <p:stCondLst>
                                            <p:cond delay="0"/>
                                          </p:stCondLst>
                                        </p:cTn>
                                        <p:tgtEl>
                                          <p:spTgt spid="7"/>
                                        </p:tgtEl>
                                        <p:attrNameLst>
                                          <p:attrName>style.visibility</p:attrName>
                                        </p:attrNameLst>
                                      </p:cBhvr>
                                      <p:to>
                                        <p:strVal val="visible"/>
                                      </p:to>
                                    </p:set>
                                    <p:animEffect filter="fade" transition="in">
                                      <p:cBhvr>
                                        <p:cTn dur="500" id="11"/>
                                        <p:tgtEl>
                                          <p:spTgt spid="7"/>
                                        </p:tgtEl>
                                      </p:cBhvr>
                                    </p:animEffect>
                                  </p:childTnLst>
                                </p:cTn>
                              </p:par>
                            </p:childTnLst>
                          </p:cTn>
                        </p:par>
                        <p:par>
                          <p:cTn fill="hold" id="12" nodeType="afterGroup">
                            <p:stCondLst>
                              <p:cond delay="1500"/>
                            </p:stCondLst>
                            <p:childTnLst>
                              <p:par>
                                <p:cTn fill="hold" id="13" nodeType="afterEffect" presetClass="entr" presetID="22" presetSubtype="4">
                                  <p:stCondLst>
                                    <p:cond delay="0"/>
                                  </p:stCondLst>
                                  <p:childTnLst>
                                    <p:set>
                                      <p:cBhvr>
                                        <p:cTn dur="1" fill="hold" id="14">
                                          <p:stCondLst>
                                            <p:cond delay="0"/>
                                          </p:stCondLst>
                                        </p:cTn>
                                        <p:tgtEl>
                                          <p:spTgt spid="11"/>
                                        </p:tgtEl>
                                        <p:attrNameLst>
                                          <p:attrName>style.visibility</p:attrName>
                                        </p:attrNameLst>
                                      </p:cBhvr>
                                      <p:to>
                                        <p:strVal val="visible"/>
                                      </p:to>
                                    </p:set>
                                    <p:animEffect filter="wipe(down)" transition="in">
                                      <p:cBhvr>
                                        <p:cTn dur="1000" id="15"/>
                                        <p:tgtEl>
                                          <p:spTgt spid="11"/>
                                        </p:tgtEl>
                                      </p:cBhvr>
                                    </p:animEffect>
                                  </p:childTnLst>
                                </p:cTn>
                              </p:par>
                            </p:childTnLst>
                          </p:cTn>
                        </p:par>
                        <p:par>
                          <p:cTn fill="hold" id="16" nodeType="afterGroup">
                            <p:stCondLst>
                              <p:cond delay="2500"/>
                            </p:stCondLst>
                            <p:childTnLst>
                              <p:par>
                                <p:cTn fill="hold" grpId="0" id="17" nodeType="afterEffect" presetClass="entr" presetID="10" presetSubtype="0">
                                  <p:stCondLst>
                                    <p:cond delay="0"/>
                                  </p:stCondLst>
                                  <p:childTnLst>
                                    <p:set>
                                      <p:cBhvr>
                                        <p:cTn dur="1" fill="hold" id="18">
                                          <p:stCondLst>
                                            <p:cond delay="0"/>
                                          </p:stCondLst>
                                        </p:cTn>
                                        <p:tgtEl>
                                          <p:spTgt spid="12"/>
                                        </p:tgtEl>
                                        <p:attrNameLst>
                                          <p:attrName>style.visibility</p:attrName>
                                        </p:attrNameLst>
                                      </p:cBhvr>
                                      <p:to>
                                        <p:strVal val="visible"/>
                                      </p:to>
                                    </p:set>
                                    <p:animEffect filter="fade" transition="in">
                                      <p:cBhvr>
                                        <p:cTn dur="500" id="19"/>
                                        <p:tgtEl>
                                          <p:spTgt spid="12"/>
                                        </p:tgtEl>
                                      </p:cBhvr>
                                    </p:animEffect>
                                  </p:childTnLst>
                                </p:cTn>
                              </p:par>
                            </p:childTnLst>
                          </p:cTn>
                        </p:par>
                        <p:par>
                          <p:cTn fill="hold" id="20" nodeType="afterGroup">
                            <p:stCondLst>
                              <p:cond delay="3000"/>
                            </p:stCondLst>
                            <p:childTnLst>
                              <p:par>
                                <p:cTn fill="hold" id="21" nodeType="afterEffect" presetClass="entr" presetID="22" presetSubtype="4">
                                  <p:stCondLst>
                                    <p:cond delay="0"/>
                                  </p:stCondLst>
                                  <p:childTnLst>
                                    <p:set>
                                      <p:cBhvr>
                                        <p:cTn dur="1" fill="hold" id="22">
                                          <p:stCondLst>
                                            <p:cond delay="0"/>
                                          </p:stCondLst>
                                        </p:cTn>
                                        <p:tgtEl>
                                          <p:spTgt spid="16"/>
                                        </p:tgtEl>
                                        <p:attrNameLst>
                                          <p:attrName>style.visibility</p:attrName>
                                        </p:attrNameLst>
                                      </p:cBhvr>
                                      <p:to>
                                        <p:strVal val="visible"/>
                                      </p:to>
                                    </p:set>
                                    <p:animEffect filter="wipe(down)" transition="in">
                                      <p:cBhvr>
                                        <p:cTn dur="1000" id="23"/>
                                        <p:tgtEl>
                                          <p:spTgt spid="16"/>
                                        </p:tgtEl>
                                      </p:cBhvr>
                                    </p:animEffect>
                                  </p:childTnLst>
                                </p:cTn>
                              </p:par>
                            </p:childTnLst>
                          </p:cTn>
                        </p:par>
                        <p:par>
                          <p:cTn fill="hold" id="24" nodeType="afterGroup">
                            <p:stCondLst>
                              <p:cond delay="4000"/>
                            </p:stCondLst>
                            <p:childTnLst>
                              <p:par>
                                <p:cTn fill="hold" grpId="0" id="25" nodeType="afterEffect" presetClass="entr" presetID="10" presetSubtype="0">
                                  <p:stCondLst>
                                    <p:cond delay="0"/>
                                  </p:stCondLst>
                                  <p:childTnLst>
                                    <p:set>
                                      <p:cBhvr>
                                        <p:cTn dur="1" fill="hold" id="26">
                                          <p:stCondLst>
                                            <p:cond delay="0"/>
                                          </p:stCondLst>
                                        </p:cTn>
                                        <p:tgtEl>
                                          <p:spTgt spid="17"/>
                                        </p:tgtEl>
                                        <p:attrNameLst>
                                          <p:attrName>style.visibility</p:attrName>
                                        </p:attrNameLst>
                                      </p:cBhvr>
                                      <p:to>
                                        <p:strVal val="visible"/>
                                      </p:to>
                                    </p:set>
                                    <p:animEffect filter="fade" transition="in">
                                      <p:cBhvr>
                                        <p:cTn dur="500" id="27"/>
                                        <p:tgtEl>
                                          <p:spTgt spid="17"/>
                                        </p:tgtEl>
                                      </p:cBhvr>
                                    </p:animEffect>
                                  </p:childTnLst>
                                </p:cTn>
                              </p:par>
                            </p:childTnLst>
                          </p:cTn>
                        </p:par>
                        <p:par>
                          <p:cTn fill="hold" id="28" nodeType="afterGroup">
                            <p:stCondLst>
                              <p:cond delay="4500"/>
                            </p:stCondLst>
                            <p:childTnLst>
                              <p:par>
                                <p:cTn fill="hold" id="29" nodeType="afterEffect" presetClass="entr" presetID="22" presetSubtype="8">
                                  <p:stCondLst>
                                    <p:cond delay="0"/>
                                  </p:stCondLst>
                                  <p:childTnLst>
                                    <p:set>
                                      <p:cBhvr>
                                        <p:cTn dur="1" fill="hold" id="30">
                                          <p:stCondLst>
                                            <p:cond delay="0"/>
                                          </p:stCondLst>
                                        </p:cTn>
                                        <p:tgtEl>
                                          <p:spTgt spid="2"/>
                                        </p:tgtEl>
                                        <p:attrNameLst>
                                          <p:attrName>style.visibility</p:attrName>
                                        </p:attrNameLst>
                                      </p:cBhvr>
                                      <p:to>
                                        <p:strVal val="visible"/>
                                      </p:to>
                                    </p:set>
                                    <p:animEffect filter="wipe(left)" transition="in">
                                      <p:cBhvr>
                                        <p:cTn dur="500" id="31"/>
                                        <p:tgtEl>
                                          <p:spTgt spid="2"/>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7"/>
      <p:bldP grpId="0" spid="12"/>
      <p:bldP grpId="0" spid="17"/>
    </p:bldLst>
  </p:timing>
</p:sld>
</file>

<file path=ppt/slides/slide19.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1427865" y="2389092"/>
            <a:ext cx="1039813" cy="473075"/>
            <a:chOff x="482601" y="1790700"/>
            <a:chExt cx="1039813" cy="473075"/>
          </a:xfrm>
        </p:grpSpPr>
        <p:sp>
          <p:nvSpPr>
            <p:cNvPr id="3" name="Freeform 182"/>
            <p:cNvSpPr/>
            <p:nvPr/>
          </p:nvSpPr>
          <p:spPr bwMode="auto">
            <a:xfrm>
              <a:off x="482601" y="1870075"/>
              <a:ext cx="187325" cy="393700"/>
            </a:xfrm>
            <a:custGeom>
              <a:gdLst>
                <a:gd fmla="*/ 38 w 50" name="T0"/>
                <a:gd fmla="*/ 0 h 105" name="T1"/>
                <a:gd fmla="*/ 13 w 50" name="T2"/>
                <a:gd fmla="*/ 0 h 105" name="T3"/>
                <a:gd fmla="*/ 0 w 50" name="T4"/>
                <a:gd fmla="*/ 10 h 105" name="T5"/>
                <a:gd fmla="*/ 0 w 50" name="T6"/>
                <a:gd fmla="*/ 11 h 105" name="T7"/>
                <a:gd fmla="*/ 0 w 50" name="T8"/>
                <a:gd fmla="*/ 12 h 105" name="T9"/>
                <a:gd fmla="*/ 0 w 50" name="T10"/>
                <a:gd fmla="*/ 47 h 105" name="T11"/>
                <a:gd fmla="*/ 4 w 50" name="T12"/>
                <a:gd fmla="*/ 51 h 105" name="T13"/>
                <a:gd fmla="*/ 9 w 50" name="T14"/>
                <a:gd fmla="*/ 47 h 105" name="T15"/>
                <a:gd fmla="*/ 9 w 50" name="T16"/>
                <a:gd fmla="*/ 17 h 105" name="T17"/>
                <a:gd fmla="*/ 12 w 50" name="T18"/>
                <a:gd fmla="*/ 17 h 105" name="T19"/>
                <a:gd fmla="*/ 12 w 50" name="T20"/>
                <a:gd fmla="*/ 46 h 105" name="T21"/>
                <a:gd fmla="*/ 12 w 50" name="T22"/>
                <a:gd fmla="*/ 47 h 105" name="T23"/>
                <a:gd fmla="*/ 12 w 50" name="T24"/>
                <a:gd fmla="*/ 99 h 105" name="T25"/>
                <a:gd fmla="*/ 18 w 50" name="T26"/>
                <a:gd fmla="*/ 105 h 105" name="T27"/>
                <a:gd fmla="*/ 24 w 50" name="T28"/>
                <a:gd fmla="*/ 99 h 105" name="T29"/>
                <a:gd fmla="*/ 24 w 50" name="T30"/>
                <a:gd fmla="*/ 53 h 105" name="T31"/>
                <a:gd fmla="*/ 26 w 50" name="T32"/>
                <a:gd fmla="*/ 53 h 105" name="T33"/>
                <a:gd fmla="*/ 26 w 50" name="T34"/>
                <a:gd fmla="*/ 99 h 105" name="T35"/>
                <a:gd fmla="*/ 32 w 50" name="T36"/>
                <a:gd fmla="*/ 105 h 105" name="T37"/>
                <a:gd fmla="*/ 38 w 50" name="T38"/>
                <a:gd fmla="*/ 99 h 105" name="T39"/>
                <a:gd fmla="*/ 38 w 50" name="T40"/>
                <a:gd fmla="*/ 46 h 105" name="T41"/>
                <a:gd fmla="*/ 38 w 50" name="T42"/>
                <a:gd fmla="*/ 46 h 105" name="T43"/>
                <a:gd fmla="*/ 38 w 50" name="T44"/>
                <a:gd fmla="*/ 17 h 105" name="T45"/>
                <a:gd fmla="*/ 41 w 50" name="T46"/>
                <a:gd fmla="*/ 17 h 105" name="T47"/>
                <a:gd fmla="*/ 41 w 50" name="T48"/>
                <a:gd fmla="*/ 47 h 105" name="T49"/>
                <a:gd fmla="*/ 45 w 50" name="T50"/>
                <a:gd fmla="*/ 51 h 105" name="T51"/>
                <a:gd fmla="*/ 50 w 50" name="T52"/>
                <a:gd fmla="*/ 47 h 105" name="T53"/>
                <a:gd fmla="*/ 50 w 50" name="T54"/>
                <a:gd fmla="*/ 12 h 105" name="T55"/>
                <a:gd fmla="*/ 50 w 50" name="T56"/>
                <a:gd fmla="*/ 11 h 105" name="T57"/>
                <a:gd fmla="*/ 50 w 50" name="T58"/>
                <a:gd fmla="*/ 10 h 105" name="T59"/>
                <a:gd fmla="*/ 38 w 50" name="T60"/>
                <a:gd fmla="*/ 0 h 105"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105" w="50">
                  <a:moveTo>
                    <a:pt x="38" y="0"/>
                  </a:moveTo>
                  <a:cubicBezTo>
                    <a:pt x="13" y="0"/>
                    <a:pt x="13" y="0"/>
                    <a:pt x="13" y="0"/>
                  </a:cubicBezTo>
                  <a:cubicBezTo>
                    <a:pt x="4" y="0"/>
                    <a:pt x="0" y="8"/>
                    <a:pt x="0" y="10"/>
                  </a:cubicBezTo>
                  <a:cubicBezTo>
                    <a:pt x="0" y="11"/>
                    <a:pt x="0" y="11"/>
                    <a:pt x="0" y="11"/>
                  </a:cubicBezTo>
                  <a:cubicBezTo>
                    <a:pt x="0" y="12"/>
                    <a:pt x="0" y="12"/>
                    <a:pt x="0" y="12"/>
                  </a:cubicBezTo>
                  <a:cubicBezTo>
                    <a:pt x="0" y="47"/>
                    <a:pt x="0" y="47"/>
                    <a:pt x="0" y="47"/>
                  </a:cubicBezTo>
                  <a:cubicBezTo>
                    <a:pt x="0" y="49"/>
                    <a:pt x="2" y="51"/>
                    <a:pt x="4" y="51"/>
                  </a:cubicBezTo>
                  <a:cubicBezTo>
                    <a:pt x="7" y="51"/>
                    <a:pt x="9" y="49"/>
                    <a:pt x="9" y="47"/>
                  </a:cubicBezTo>
                  <a:cubicBezTo>
                    <a:pt x="9" y="17"/>
                    <a:pt x="9" y="17"/>
                    <a:pt x="9" y="17"/>
                  </a:cubicBezTo>
                  <a:cubicBezTo>
                    <a:pt x="12" y="17"/>
                    <a:pt x="12" y="17"/>
                    <a:pt x="12" y="17"/>
                  </a:cubicBezTo>
                  <a:cubicBezTo>
                    <a:pt x="12" y="46"/>
                    <a:pt x="12" y="46"/>
                    <a:pt x="12" y="46"/>
                  </a:cubicBezTo>
                  <a:cubicBezTo>
                    <a:pt x="12" y="46"/>
                    <a:pt x="12" y="47"/>
                    <a:pt x="12" y="47"/>
                  </a:cubicBezTo>
                  <a:cubicBezTo>
                    <a:pt x="12" y="99"/>
                    <a:pt x="12" y="99"/>
                    <a:pt x="12" y="99"/>
                  </a:cubicBezTo>
                  <a:cubicBezTo>
                    <a:pt x="12" y="102"/>
                    <a:pt x="15" y="105"/>
                    <a:pt x="18" y="105"/>
                  </a:cubicBezTo>
                  <a:cubicBezTo>
                    <a:pt x="21" y="105"/>
                    <a:pt x="24" y="102"/>
                    <a:pt x="24" y="99"/>
                  </a:cubicBezTo>
                  <a:cubicBezTo>
                    <a:pt x="24" y="53"/>
                    <a:pt x="24" y="53"/>
                    <a:pt x="24" y="53"/>
                  </a:cubicBezTo>
                  <a:cubicBezTo>
                    <a:pt x="26" y="53"/>
                    <a:pt x="26" y="53"/>
                    <a:pt x="26" y="53"/>
                  </a:cubicBezTo>
                  <a:cubicBezTo>
                    <a:pt x="26" y="99"/>
                    <a:pt x="26" y="99"/>
                    <a:pt x="26" y="99"/>
                  </a:cubicBezTo>
                  <a:cubicBezTo>
                    <a:pt x="26" y="102"/>
                    <a:pt x="29" y="105"/>
                    <a:pt x="32" y="105"/>
                  </a:cubicBezTo>
                  <a:cubicBezTo>
                    <a:pt x="35" y="105"/>
                    <a:pt x="38" y="102"/>
                    <a:pt x="38" y="99"/>
                  </a:cubicBezTo>
                  <a:cubicBezTo>
                    <a:pt x="38" y="46"/>
                    <a:pt x="38" y="46"/>
                    <a:pt x="38" y="46"/>
                  </a:cubicBezTo>
                  <a:cubicBezTo>
                    <a:pt x="38" y="46"/>
                    <a:pt x="38" y="46"/>
                    <a:pt x="38" y="46"/>
                  </a:cubicBezTo>
                  <a:cubicBezTo>
                    <a:pt x="38" y="17"/>
                    <a:pt x="38" y="17"/>
                    <a:pt x="38" y="17"/>
                  </a:cubicBezTo>
                  <a:cubicBezTo>
                    <a:pt x="41" y="17"/>
                    <a:pt x="41" y="17"/>
                    <a:pt x="41" y="17"/>
                  </a:cubicBezTo>
                  <a:cubicBezTo>
                    <a:pt x="41" y="47"/>
                    <a:pt x="41" y="47"/>
                    <a:pt x="41" y="47"/>
                  </a:cubicBezTo>
                  <a:cubicBezTo>
                    <a:pt x="41" y="49"/>
                    <a:pt x="43" y="51"/>
                    <a:pt x="45" y="51"/>
                  </a:cubicBezTo>
                  <a:cubicBezTo>
                    <a:pt x="48" y="51"/>
                    <a:pt x="50" y="49"/>
                    <a:pt x="50" y="47"/>
                  </a:cubicBezTo>
                  <a:cubicBezTo>
                    <a:pt x="50" y="12"/>
                    <a:pt x="50" y="12"/>
                    <a:pt x="50" y="12"/>
                  </a:cubicBezTo>
                  <a:cubicBezTo>
                    <a:pt x="50" y="11"/>
                    <a:pt x="50" y="11"/>
                    <a:pt x="50" y="11"/>
                  </a:cubicBezTo>
                  <a:cubicBezTo>
                    <a:pt x="50" y="10"/>
                    <a:pt x="50" y="10"/>
                    <a:pt x="50" y="10"/>
                  </a:cubicBezTo>
                  <a:cubicBezTo>
                    <a:pt x="50" y="7"/>
                    <a:pt x="46" y="0"/>
                    <a:pt x="38" y="0"/>
                  </a:cubicBezTo>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 name="Oval 183"/>
            <p:cNvSpPr>
              <a:spLocks noChangeArrowheads="1"/>
            </p:cNvSpPr>
            <p:nvPr/>
          </p:nvSpPr>
          <p:spPr bwMode="auto">
            <a:xfrm>
              <a:off x="539751" y="1790700"/>
              <a:ext cx="74613" cy="71438"/>
            </a:xfrm>
            <a:prstGeom prst="ellipse">
              <a:avLst/>
            </a:pr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 name="Rectangle 184"/>
            <p:cNvSpPr>
              <a:spLocks noChangeArrowheads="1"/>
            </p:cNvSpPr>
            <p:nvPr/>
          </p:nvSpPr>
          <p:spPr bwMode="auto">
            <a:xfrm>
              <a:off x="752476" y="1870075"/>
              <a:ext cx="769938" cy="371475"/>
            </a:xfrm>
            <a:prstGeom prst="rect">
              <a:avLst/>
            </a:pr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 name="Freeform 185"/>
            <p:cNvSpPr>
              <a:spLocks noEditPoints="1"/>
            </p:cNvSpPr>
            <p:nvPr/>
          </p:nvSpPr>
          <p:spPr bwMode="auto">
            <a:xfrm>
              <a:off x="938213" y="1997075"/>
              <a:ext cx="101600" cy="127000"/>
            </a:xfrm>
            <a:custGeom>
              <a:gdLst>
                <a:gd fmla="*/ 43 w 64" name="T0"/>
                <a:gd fmla="*/ 62 h 80" name="T1"/>
                <a:gd fmla="*/ 0 w 64" name="T2"/>
                <a:gd fmla="*/ 62 h 80" name="T3"/>
                <a:gd fmla="*/ 0 w 64" name="T4"/>
                <a:gd fmla="*/ 52 h 80" name="T5"/>
                <a:gd fmla="*/ 43 w 64" name="T6"/>
                <a:gd fmla="*/ 0 h 80" name="T7"/>
                <a:gd fmla="*/ 50 w 64" name="T8"/>
                <a:gd fmla="*/ 0 h 80" name="T9"/>
                <a:gd fmla="*/ 50 w 64" name="T10"/>
                <a:gd fmla="*/ 54 h 80" name="T11"/>
                <a:gd fmla="*/ 64 w 64" name="T12"/>
                <a:gd fmla="*/ 54 h 80" name="T13"/>
                <a:gd fmla="*/ 64 w 64" name="T14"/>
                <a:gd fmla="*/ 62 h 80" name="T15"/>
                <a:gd fmla="*/ 50 w 64" name="T16"/>
                <a:gd fmla="*/ 62 h 80" name="T17"/>
                <a:gd fmla="*/ 50 w 64" name="T18"/>
                <a:gd fmla="*/ 80 h 80" name="T19"/>
                <a:gd fmla="*/ 43 w 64" name="T20"/>
                <a:gd fmla="*/ 80 h 80" name="T21"/>
                <a:gd fmla="*/ 43 w 64" name="T22"/>
                <a:gd fmla="*/ 62 h 80" name="T23"/>
                <a:gd fmla="*/ 43 w 64" name="T24"/>
                <a:gd fmla="*/ 12 h 80" name="T25"/>
                <a:gd fmla="*/ 43 w 64" name="T26"/>
                <a:gd fmla="*/ 12 h 80" name="T27"/>
                <a:gd fmla="*/ 8 w 64" name="T28"/>
                <a:gd fmla="*/ 54 h 80" name="T29"/>
                <a:gd fmla="*/ 43 w 64" name="T30"/>
                <a:gd fmla="*/ 54 h 80" name="T31"/>
                <a:gd fmla="*/ 43 w 64" name="T32"/>
                <a:gd fmla="*/ 12 h 80" name="T3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b="b" l="0" r="r" t="0"/>
              <a:pathLst>
                <a:path h="80" w="64">
                  <a:moveTo>
                    <a:pt x="43" y="62"/>
                  </a:moveTo>
                  <a:lnTo>
                    <a:pt x="0" y="62"/>
                  </a:lnTo>
                  <a:lnTo>
                    <a:pt x="0" y="52"/>
                  </a:lnTo>
                  <a:lnTo>
                    <a:pt x="43" y="0"/>
                  </a:lnTo>
                  <a:lnTo>
                    <a:pt x="50" y="0"/>
                  </a:lnTo>
                  <a:lnTo>
                    <a:pt x="50" y="54"/>
                  </a:lnTo>
                  <a:lnTo>
                    <a:pt x="64" y="54"/>
                  </a:lnTo>
                  <a:lnTo>
                    <a:pt x="64" y="62"/>
                  </a:lnTo>
                  <a:lnTo>
                    <a:pt x="50" y="62"/>
                  </a:lnTo>
                  <a:lnTo>
                    <a:pt x="50" y="80"/>
                  </a:lnTo>
                  <a:lnTo>
                    <a:pt x="43" y="80"/>
                  </a:lnTo>
                  <a:lnTo>
                    <a:pt x="43" y="62"/>
                  </a:lnTo>
                  <a:close/>
                  <a:moveTo>
                    <a:pt x="43" y="12"/>
                  </a:moveTo>
                  <a:lnTo>
                    <a:pt x="43" y="12"/>
                  </a:lnTo>
                  <a:lnTo>
                    <a:pt x="8" y="54"/>
                  </a:lnTo>
                  <a:lnTo>
                    <a:pt x="43" y="54"/>
                  </a:lnTo>
                  <a:lnTo>
                    <a:pt x="43" y="12"/>
                  </a:ln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 name="Freeform 186"/>
            <p:cNvSpPr/>
            <p:nvPr/>
          </p:nvSpPr>
          <p:spPr bwMode="auto">
            <a:xfrm>
              <a:off x="1058863" y="1997075"/>
              <a:ext cx="96838" cy="127000"/>
            </a:xfrm>
            <a:custGeom>
              <a:gdLst>
                <a:gd fmla="*/ 26 w 26" name="T0"/>
                <a:gd fmla="*/ 34 h 34" name="T1"/>
                <a:gd fmla="*/ 0 w 26" name="T2"/>
                <a:gd fmla="*/ 34 h 34" name="T3"/>
                <a:gd fmla="*/ 12 w 26" name="T4"/>
                <a:gd fmla="*/ 21 h 34" name="T5"/>
                <a:gd fmla="*/ 22 w 26" name="T6"/>
                <a:gd fmla="*/ 10 h 34" name="T7"/>
                <a:gd fmla="*/ 13 w 26" name="T8"/>
                <a:gd fmla="*/ 3 h 34" name="T9"/>
                <a:gd fmla="*/ 4 w 26" name="T10"/>
                <a:gd fmla="*/ 12 h 34" name="T11"/>
                <a:gd fmla="*/ 1 w 26" name="T12"/>
                <a:gd fmla="*/ 12 h 34" name="T13"/>
                <a:gd fmla="*/ 14 w 26" name="T14"/>
                <a:gd fmla="*/ 0 h 34" name="T15"/>
                <a:gd fmla="*/ 25 w 26" name="T16"/>
                <a:gd fmla="*/ 10 h 34" name="T17"/>
                <a:gd fmla="*/ 17 w 26" name="T18"/>
                <a:gd fmla="*/ 21 h 34" name="T19"/>
                <a:gd fmla="*/ 4 w 26" name="T20"/>
                <a:gd fmla="*/ 31 h 34" name="T21"/>
                <a:gd fmla="*/ 26 w 26" name="T22"/>
                <a:gd fmla="*/ 31 h 34" name="T23"/>
                <a:gd fmla="*/ 26 w 26" name="T24"/>
                <a:gd fmla="*/ 34 h 34" name="T2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b="b" l="0" r="r" t="0"/>
              <a:pathLst>
                <a:path h="34" w="26">
                  <a:moveTo>
                    <a:pt x="26" y="34"/>
                  </a:moveTo>
                  <a:cubicBezTo>
                    <a:pt x="0" y="34"/>
                    <a:pt x="0" y="34"/>
                    <a:pt x="0" y="34"/>
                  </a:cubicBezTo>
                  <a:cubicBezTo>
                    <a:pt x="0" y="30"/>
                    <a:pt x="2" y="26"/>
                    <a:pt x="12" y="21"/>
                  </a:cubicBezTo>
                  <a:cubicBezTo>
                    <a:pt x="19" y="17"/>
                    <a:pt x="22" y="15"/>
                    <a:pt x="22" y="10"/>
                  </a:cubicBezTo>
                  <a:cubicBezTo>
                    <a:pt x="22" y="6"/>
                    <a:pt x="19" y="3"/>
                    <a:pt x="13" y="3"/>
                  </a:cubicBezTo>
                  <a:cubicBezTo>
                    <a:pt x="6" y="3"/>
                    <a:pt x="4" y="8"/>
                    <a:pt x="4" y="12"/>
                  </a:cubicBezTo>
                  <a:cubicBezTo>
                    <a:pt x="1" y="12"/>
                    <a:pt x="1" y="12"/>
                    <a:pt x="1" y="12"/>
                  </a:cubicBezTo>
                  <a:cubicBezTo>
                    <a:pt x="1" y="4"/>
                    <a:pt x="6" y="0"/>
                    <a:pt x="14" y="0"/>
                  </a:cubicBezTo>
                  <a:cubicBezTo>
                    <a:pt x="23" y="0"/>
                    <a:pt x="25" y="6"/>
                    <a:pt x="25" y="10"/>
                  </a:cubicBezTo>
                  <a:cubicBezTo>
                    <a:pt x="25" y="16"/>
                    <a:pt x="22" y="19"/>
                    <a:pt x="17" y="21"/>
                  </a:cubicBezTo>
                  <a:cubicBezTo>
                    <a:pt x="8" y="26"/>
                    <a:pt x="5" y="28"/>
                    <a:pt x="4" y="31"/>
                  </a:cubicBezTo>
                  <a:cubicBezTo>
                    <a:pt x="26" y="31"/>
                    <a:pt x="26" y="31"/>
                    <a:pt x="26" y="31"/>
                  </a:cubicBezTo>
                  <a:lnTo>
                    <a:pt x="26" y="34"/>
                  </a:ln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 name="Freeform 187"/>
            <p:cNvSpPr>
              <a:spLocks noEditPoints="1"/>
            </p:cNvSpPr>
            <p:nvPr/>
          </p:nvSpPr>
          <p:spPr bwMode="auto">
            <a:xfrm>
              <a:off x="1179513" y="1997075"/>
              <a:ext cx="149225" cy="131763"/>
            </a:xfrm>
            <a:custGeom>
              <a:gdLst>
                <a:gd fmla="*/ 0 w 40" name="T0"/>
                <a:gd fmla="*/ 9 h 35" name="T1"/>
                <a:gd fmla="*/ 9 w 40" name="T2"/>
                <a:gd fmla="*/ 0 h 35" name="T3"/>
                <a:gd fmla="*/ 17 w 40" name="T4"/>
                <a:gd fmla="*/ 9 h 35" name="T5"/>
                <a:gd fmla="*/ 9 w 40" name="T6"/>
                <a:gd fmla="*/ 19 h 35" name="T7"/>
                <a:gd fmla="*/ 0 w 40" name="T8"/>
                <a:gd fmla="*/ 9 h 35" name="T9"/>
                <a:gd fmla="*/ 14 w 40" name="T10"/>
                <a:gd fmla="*/ 9 h 35" name="T11"/>
                <a:gd fmla="*/ 9 w 40" name="T12"/>
                <a:gd fmla="*/ 3 h 35" name="T13"/>
                <a:gd fmla="*/ 3 w 40" name="T14"/>
                <a:gd fmla="*/ 9 h 35" name="T15"/>
                <a:gd fmla="*/ 9 w 40" name="T16"/>
                <a:gd fmla="*/ 16 h 35" name="T17"/>
                <a:gd fmla="*/ 14 w 40" name="T18"/>
                <a:gd fmla="*/ 9 h 35" name="T19"/>
                <a:gd fmla="*/ 30 w 40" name="T20"/>
                <a:gd fmla="*/ 0 h 35" name="T21"/>
                <a:gd fmla="*/ 33 w 40" name="T22"/>
                <a:gd fmla="*/ 0 h 35" name="T23"/>
                <a:gd fmla="*/ 10 w 40" name="T24"/>
                <a:gd fmla="*/ 35 h 35" name="T25"/>
                <a:gd fmla="*/ 7 w 40" name="T26"/>
                <a:gd fmla="*/ 35 h 35" name="T27"/>
                <a:gd fmla="*/ 30 w 40" name="T28"/>
                <a:gd fmla="*/ 0 h 35" name="T29"/>
                <a:gd fmla="*/ 23 w 40" name="T30"/>
                <a:gd fmla="*/ 25 h 35" name="T31"/>
                <a:gd fmla="*/ 32 w 40" name="T32"/>
                <a:gd fmla="*/ 16 h 35" name="T33"/>
                <a:gd fmla="*/ 40 w 40" name="T34"/>
                <a:gd fmla="*/ 25 h 35" name="T35"/>
                <a:gd fmla="*/ 32 w 40" name="T36"/>
                <a:gd fmla="*/ 35 h 35" name="T37"/>
                <a:gd fmla="*/ 23 w 40" name="T38"/>
                <a:gd fmla="*/ 25 h 35" name="T39"/>
                <a:gd fmla="*/ 37 w 40" name="T40"/>
                <a:gd fmla="*/ 25 h 35" name="T41"/>
                <a:gd fmla="*/ 32 w 40" name="T42"/>
                <a:gd fmla="*/ 19 h 35" name="T43"/>
                <a:gd fmla="*/ 26 w 40" name="T44"/>
                <a:gd fmla="*/ 25 h 35" name="T45"/>
                <a:gd fmla="*/ 32 w 40" name="T46"/>
                <a:gd fmla="*/ 32 h 35" name="T47"/>
                <a:gd fmla="*/ 37 w 40" name="T48"/>
                <a:gd fmla="*/ 25 h 35" name="T4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b="b" l="0" r="r" t="0"/>
              <a:pathLst>
                <a:path h="35" w="40">
                  <a:moveTo>
                    <a:pt x="0" y="9"/>
                  </a:moveTo>
                  <a:cubicBezTo>
                    <a:pt x="0" y="3"/>
                    <a:pt x="4" y="0"/>
                    <a:pt x="9" y="0"/>
                  </a:cubicBezTo>
                  <a:cubicBezTo>
                    <a:pt x="13" y="0"/>
                    <a:pt x="17" y="3"/>
                    <a:pt x="17" y="9"/>
                  </a:cubicBezTo>
                  <a:cubicBezTo>
                    <a:pt x="17" y="16"/>
                    <a:pt x="13" y="19"/>
                    <a:pt x="9" y="19"/>
                  </a:cubicBezTo>
                  <a:cubicBezTo>
                    <a:pt x="4" y="19"/>
                    <a:pt x="0" y="16"/>
                    <a:pt x="0" y="9"/>
                  </a:cubicBezTo>
                  <a:moveTo>
                    <a:pt x="14" y="9"/>
                  </a:moveTo>
                  <a:cubicBezTo>
                    <a:pt x="14" y="5"/>
                    <a:pt x="12" y="3"/>
                    <a:pt x="9" y="3"/>
                  </a:cubicBezTo>
                  <a:cubicBezTo>
                    <a:pt x="5" y="3"/>
                    <a:pt x="3" y="5"/>
                    <a:pt x="3" y="9"/>
                  </a:cubicBezTo>
                  <a:cubicBezTo>
                    <a:pt x="3" y="14"/>
                    <a:pt x="5" y="16"/>
                    <a:pt x="9" y="16"/>
                  </a:cubicBezTo>
                  <a:cubicBezTo>
                    <a:pt x="12" y="16"/>
                    <a:pt x="14" y="14"/>
                    <a:pt x="14" y="9"/>
                  </a:cubicBezTo>
                  <a:moveTo>
                    <a:pt x="30" y="0"/>
                  </a:moveTo>
                  <a:cubicBezTo>
                    <a:pt x="33" y="0"/>
                    <a:pt x="33" y="0"/>
                    <a:pt x="33" y="0"/>
                  </a:cubicBezTo>
                  <a:cubicBezTo>
                    <a:pt x="10" y="35"/>
                    <a:pt x="10" y="35"/>
                    <a:pt x="10" y="35"/>
                  </a:cubicBezTo>
                  <a:cubicBezTo>
                    <a:pt x="7" y="35"/>
                    <a:pt x="7" y="35"/>
                    <a:pt x="7" y="35"/>
                  </a:cubicBezTo>
                  <a:lnTo>
                    <a:pt x="30" y="0"/>
                  </a:lnTo>
                  <a:close/>
                  <a:moveTo>
                    <a:pt x="23" y="25"/>
                  </a:moveTo>
                  <a:cubicBezTo>
                    <a:pt x="23" y="19"/>
                    <a:pt x="27" y="16"/>
                    <a:pt x="32" y="16"/>
                  </a:cubicBezTo>
                  <a:cubicBezTo>
                    <a:pt x="37" y="16"/>
                    <a:pt x="40" y="19"/>
                    <a:pt x="40" y="25"/>
                  </a:cubicBezTo>
                  <a:cubicBezTo>
                    <a:pt x="40" y="32"/>
                    <a:pt x="37" y="35"/>
                    <a:pt x="32" y="35"/>
                  </a:cubicBezTo>
                  <a:cubicBezTo>
                    <a:pt x="27" y="35"/>
                    <a:pt x="23" y="32"/>
                    <a:pt x="23" y="25"/>
                  </a:cubicBezTo>
                  <a:moveTo>
                    <a:pt x="37" y="25"/>
                  </a:moveTo>
                  <a:cubicBezTo>
                    <a:pt x="37" y="21"/>
                    <a:pt x="35" y="19"/>
                    <a:pt x="32" y="19"/>
                  </a:cubicBezTo>
                  <a:cubicBezTo>
                    <a:pt x="28" y="19"/>
                    <a:pt x="26" y="21"/>
                    <a:pt x="26" y="25"/>
                  </a:cubicBezTo>
                  <a:cubicBezTo>
                    <a:pt x="26" y="30"/>
                    <a:pt x="28" y="32"/>
                    <a:pt x="32" y="32"/>
                  </a:cubicBezTo>
                  <a:cubicBezTo>
                    <a:pt x="35" y="32"/>
                    <a:pt x="37" y="30"/>
                    <a:pt x="37" y="25"/>
                  </a:cubicBezTo>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9" name="组合 8"/>
          <p:cNvGrpSpPr/>
          <p:nvPr/>
        </p:nvGrpSpPr>
        <p:grpSpPr>
          <a:xfrm>
            <a:off x="1427865" y="1710039"/>
            <a:ext cx="1054101" cy="473075"/>
            <a:chOff x="468313" y="2319338"/>
            <a:chExt cx="1054101" cy="473075"/>
          </a:xfrm>
        </p:grpSpPr>
        <p:sp>
          <p:nvSpPr>
            <p:cNvPr id="10" name="Oval 179"/>
            <p:cNvSpPr>
              <a:spLocks noChangeArrowheads="1"/>
            </p:cNvSpPr>
            <p:nvPr/>
          </p:nvSpPr>
          <p:spPr bwMode="auto">
            <a:xfrm>
              <a:off x="539751" y="2319338"/>
              <a:ext cx="71438" cy="71438"/>
            </a:xfrm>
            <a:prstGeom prst="ellipse">
              <a:avLst/>
            </a:prstGeom>
            <a:solidFill>
              <a:schemeClr val="bg1">
                <a:lumMod val="65000"/>
              </a:schemeClr>
            </a:solid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11" name="Freeform 180"/>
            <p:cNvSpPr/>
            <p:nvPr/>
          </p:nvSpPr>
          <p:spPr bwMode="auto">
            <a:xfrm>
              <a:off x="468313" y="2406650"/>
              <a:ext cx="220663" cy="385763"/>
            </a:xfrm>
            <a:custGeom>
              <a:gdLst>
                <a:gd fmla="*/ 58 w 59" name="T0"/>
                <a:gd fmla="*/ 38 h 103" name="T1"/>
                <a:gd fmla="*/ 47 w 59" name="T2"/>
                <a:gd fmla="*/ 6 h 103" name="T3"/>
                <a:gd fmla="*/ 40 w 59" name="T4"/>
                <a:gd fmla="*/ 0 h 103" name="T5"/>
                <a:gd fmla="*/ 17 w 59" name="T6"/>
                <a:gd fmla="*/ 0 h 103" name="T7"/>
                <a:gd fmla="*/ 11 w 59" name="T8"/>
                <a:gd fmla="*/ 3 h 103" name="T9"/>
                <a:gd fmla="*/ 11 w 59" name="T10"/>
                <a:gd fmla="*/ 4 h 103" name="T11"/>
                <a:gd fmla="*/ 11 w 59" name="T12"/>
                <a:gd fmla="*/ 5 h 103" name="T13"/>
                <a:gd fmla="*/ 11 w 59" name="T14"/>
                <a:gd fmla="*/ 5 h 103" name="T15"/>
                <a:gd fmla="*/ 0 w 59" name="T16"/>
                <a:gd fmla="*/ 38 h 103" name="T17"/>
                <a:gd fmla="*/ 3 w 59" name="T18"/>
                <a:gd fmla="*/ 44 h 103" name="T19"/>
                <a:gd fmla="*/ 8 w 59" name="T20"/>
                <a:gd fmla="*/ 41 h 103" name="T21"/>
                <a:gd fmla="*/ 16 w 59" name="T22"/>
                <a:gd fmla="*/ 15 h 103" name="T23"/>
                <a:gd fmla="*/ 17 w 59" name="T24"/>
                <a:gd fmla="*/ 15 h 103" name="T25"/>
                <a:gd fmla="*/ 18 w 59" name="T26"/>
                <a:gd fmla="*/ 15 h 103" name="T27"/>
                <a:gd fmla="*/ 6 w 59" name="T28"/>
                <a:gd fmla="*/ 62 h 103" name="T29"/>
                <a:gd fmla="*/ 18 w 59" name="T30"/>
                <a:gd fmla="*/ 62 h 103" name="T31"/>
                <a:gd fmla="*/ 18 w 59" name="T32"/>
                <a:gd fmla="*/ 99 h 103" name="T33"/>
                <a:gd fmla="*/ 23 w 59" name="T34"/>
                <a:gd fmla="*/ 103 h 103" name="T35"/>
                <a:gd fmla="*/ 28 w 59" name="T36"/>
                <a:gd fmla="*/ 99 h 103" name="T37"/>
                <a:gd fmla="*/ 28 w 59" name="T38"/>
                <a:gd fmla="*/ 62 h 103" name="T39"/>
                <a:gd fmla="*/ 31 w 59" name="T40"/>
                <a:gd fmla="*/ 62 h 103" name="T41"/>
                <a:gd fmla="*/ 31 w 59" name="T42"/>
                <a:gd fmla="*/ 99 h 103" name="T43"/>
                <a:gd fmla="*/ 35 w 59" name="T44"/>
                <a:gd fmla="*/ 103 h 103" name="T45"/>
                <a:gd fmla="*/ 40 w 59" name="T46"/>
                <a:gd fmla="*/ 99 h 103" name="T47"/>
                <a:gd fmla="*/ 40 w 59" name="T48"/>
                <a:gd fmla="*/ 62 h 103" name="T49"/>
                <a:gd fmla="*/ 53 w 59" name="T50"/>
                <a:gd fmla="*/ 62 h 103" name="T51"/>
                <a:gd fmla="*/ 40 w 59" name="T52"/>
                <a:gd fmla="*/ 15 h 103" name="T53"/>
                <a:gd fmla="*/ 40 w 59" name="T54"/>
                <a:gd fmla="*/ 15 h 103" name="T55"/>
                <a:gd fmla="*/ 41 w 59" name="T56"/>
                <a:gd fmla="*/ 15 h 103" name="T57"/>
                <a:gd fmla="*/ 50 w 59" name="T58"/>
                <a:gd fmla="*/ 41 h 103" name="T59"/>
                <a:gd fmla="*/ 55 w 59" name="T60"/>
                <a:gd fmla="*/ 43 h 103" name="T61"/>
                <a:gd fmla="*/ 58 w 59" name="T62"/>
                <a:gd fmla="*/ 38 h 103" name="T6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b="b" l="0" r="r" t="0"/>
              <a:pathLst>
                <a:path h="103" w="59">
                  <a:moveTo>
                    <a:pt x="58" y="38"/>
                  </a:moveTo>
                  <a:cubicBezTo>
                    <a:pt x="47" y="6"/>
                    <a:pt x="47" y="6"/>
                    <a:pt x="47" y="6"/>
                  </a:cubicBezTo>
                  <a:cubicBezTo>
                    <a:pt x="47" y="3"/>
                    <a:pt x="44" y="0"/>
                    <a:pt x="40" y="0"/>
                  </a:cubicBezTo>
                  <a:cubicBezTo>
                    <a:pt x="17" y="0"/>
                    <a:pt x="17" y="0"/>
                    <a:pt x="17" y="0"/>
                  </a:cubicBezTo>
                  <a:cubicBezTo>
                    <a:pt x="15" y="0"/>
                    <a:pt x="13" y="1"/>
                    <a:pt x="11" y="3"/>
                  </a:cubicBezTo>
                  <a:cubicBezTo>
                    <a:pt x="11" y="4"/>
                    <a:pt x="11" y="4"/>
                    <a:pt x="11" y="4"/>
                  </a:cubicBezTo>
                  <a:cubicBezTo>
                    <a:pt x="11" y="5"/>
                    <a:pt x="11" y="5"/>
                    <a:pt x="11" y="5"/>
                  </a:cubicBezTo>
                  <a:cubicBezTo>
                    <a:pt x="11" y="5"/>
                    <a:pt x="11" y="5"/>
                    <a:pt x="11" y="5"/>
                  </a:cubicBezTo>
                  <a:cubicBezTo>
                    <a:pt x="0" y="38"/>
                    <a:pt x="0" y="38"/>
                    <a:pt x="0" y="38"/>
                  </a:cubicBezTo>
                  <a:cubicBezTo>
                    <a:pt x="0" y="40"/>
                    <a:pt x="1" y="43"/>
                    <a:pt x="3" y="44"/>
                  </a:cubicBezTo>
                  <a:cubicBezTo>
                    <a:pt x="5" y="44"/>
                    <a:pt x="8" y="43"/>
                    <a:pt x="8" y="41"/>
                  </a:cubicBezTo>
                  <a:cubicBezTo>
                    <a:pt x="16" y="15"/>
                    <a:pt x="16" y="15"/>
                    <a:pt x="16" y="15"/>
                  </a:cubicBezTo>
                  <a:cubicBezTo>
                    <a:pt x="17" y="15"/>
                    <a:pt x="17" y="15"/>
                    <a:pt x="17" y="15"/>
                  </a:cubicBezTo>
                  <a:cubicBezTo>
                    <a:pt x="18" y="15"/>
                    <a:pt x="18" y="15"/>
                    <a:pt x="18" y="15"/>
                  </a:cubicBezTo>
                  <a:cubicBezTo>
                    <a:pt x="6" y="62"/>
                    <a:pt x="6" y="62"/>
                    <a:pt x="6" y="62"/>
                  </a:cubicBezTo>
                  <a:cubicBezTo>
                    <a:pt x="18" y="62"/>
                    <a:pt x="18" y="62"/>
                    <a:pt x="18" y="62"/>
                  </a:cubicBezTo>
                  <a:cubicBezTo>
                    <a:pt x="18" y="99"/>
                    <a:pt x="18" y="99"/>
                    <a:pt x="18" y="99"/>
                  </a:cubicBezTo>
                  <a:cubicBezTo>
                    <a:pt x="18" y="101"/>
                    <a:pt x="20" y="103"/>
                    <a:pt x="23" y="103"/>
                  </a:cubicBezTo>
                  <a:cubicBezTo>
                    <a:pt x="26" y="103"/>
                    <a:pt x="28" y="101"/>
                    <a:pt x="28" y="99"/>
                  </a:cubicBezTo>
                  <a:cubicBezTo>
                    <a:pt x="28" y="62"/>
                    <a:pt x="28" y="62"/>
                    <a:pt x="28" y="62"/>
                  </a:cubicBezTo>
                  <a:cubicBezTo>
                    <a:pt x="31" y="62"/>
                    <a:pt x="31" y="62"/>
                    <a:pt x="31" y="62"/>
                  </a:cubicBezTo>
                  <a:cubicBezTo>
                    <a:pt x="31" y="99"/>
                    <a:pt x="31" y="99"/>
                    <a:pt x="31" y="99"/>
                  </a:cubicBezTo>
                  <a:cubicBezTo>
                    <a:pt x="31" y="101"/>
                    <a:pt x="33" y="103"/>
                    <a:pt x="35" y="103"/>
                  </a:cubicBezTo>
                  <a:cubicBezTo>
                    <a:pt x="38" y="103"/>
                    <a:pt x="40" y="101"/>
                    <a:pt x="40" y="99"/>
                  </a:cubicBezTo>
                  <a:cubicBezTo>
                    <a:pt x="40" y="62"/>
                    <a:pt x="40" y="62"/>
                    <a:pt x="40" y="62"/>
                  </a:cubicBezTo>
                  <a:cubicBezTo>
                    <a:pt x="53" y="62"/>
                    <a:pt x="53" y="62"/>
                    <a:pt x="53" y="62"/>
                  </a:cubicBezTo>
                  <a:cubicBezTo>
                    <a:pt x="40" y="15"/>
                    <a:pt x="40" y="15"/>
                    <a:pt x="40" y="15"/>
                  </a:cubicBezTo>
                  <a:cubicBezTo>
                    <a:pt x="40" y="15"/>
                    <a:pt x="40" y="15"/>
                    <a:pt x="40" y="15"/>
                  </a:cubicBezTo>
                  <a:cubicBezTo>
                    <a:pt x="41" y="15"/>
                    <a:pt x="41" y="15"/>
                    <a:pt x="41" y="15"/>
                  </a:cubicBezTo>
                  <a:cubicBezTo>
                    <a:pt x="50" y="41"/>
                    <a:pt x="50" y="41"/>
                    <a:pt x="50" y="41"/>
                  </a:cubicBezTo>
                  <a:cubicBezTo>
                    <a:pt x="51" y="43"/>
                    <a:pt x="53" y="44"/>
                    <a:pt x="55" y="43"/>
                  </a:cubicBezTo>
                  <a:cubicBezTo>
                    <a:pt x="57" y="43"/>
                    <a:pt x="59" y="40"/>
                    <a:pt x="58" y="38"/>
                  </a:cubicBezTo>
                </a:path>
              </a:pathLst>
            </a:custGeom>
            <a:solidFill>
              <a:schemeClr val="bg1">
                <a:lumMod val="65000"/>
              </a:schemeClr>
            </a:solid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12" name="Rectangle 181"/>
            <p:cNvSpPr>
              <a:spLocks noChangeArrowheads="1"/>
            </p:cNvSpPr>
            <p:nvPr/>
          </p:nvSpPr>
          <p:spPr bwMode="auto">
            <a:xfrm>
              <a:off x="752476" y="2387600"/>
              <a:ext cx="769938" cy="371475"/>
            </a:xfrm>
            <a:prstGeom prst="rect">
              <a:avLst/>
            </a:prstGeom>
            <a:solidFill>
              <a:schemeClr val="bg1">
                <a:lumMod val="65000"/>
              </a:schemeClr>
            </a:solid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13" name="Freeform 188"/>
            <p:cNvSpPr/>
            <p:nvPr/>
          </p:nvSpPr>
          <p:spPr bwMode="auto">
            <a:xfrm>
              <a:off x="936626" y="2522538"/>
              <a:ext cx="98425" cy="123825"/>
            </a:xfrm>
            <a:custGeom>
              <a:gdLst>
                <a:gd fmla="*/ 5 w 26" name="T0"/>
                <a:gd fmla="*/ 0 h 33" name="T1"/>
                <a:gd fmla="*/ 24 w 26" name="T2"/>
                <a:gd fmla="*/ 0 h 33" name="T3"/>
                <a:gd fmla="*/ 24 w 26" name="T4"/>
                <a:gd fmla="*/ 3 h 33" name="T5"/>
                <a:gd fmla="*/ 7 w 26" name="T6"/>
                <a:gd fmla="*/ 3 h 33" name="T7"/>
                <a:gd fmla="*/ 5 w 26" name="T8"/>
                <a:gd fmla="*/ 14 h 33" name="T9"/>
                <a:gd fmla="*/ 5 w 26" name="T10"/>
                <a:gd fmla="*/ 14 h 33" name="T11"/>
                <a:gd fmla="*/ 14 w 26" name="T12"/>
                <a:gd fmla="*/ 10 h 33" name="T13"/>
                <a:gd fmla="*/ 26 w 26" name="T14"/>
                <a:gd fmla="*/ 22 h 33" name="T15"/>
                <a:gd fmla="*/ 13 w 26" name="T16"/>
                <a:gd fmla="*/ 33 h 33" name="T17"/>
                <a:gd fmla="*/ 0 w 26" name="T18"/>
                <a:gd fmla="*/ 23 h 33" name="T19"/>
                <a:gd fmla="*/ 4 w 26" name="T20"/>
                <a:gd fmla="*/ 23 h 33" name="T21"/>
                <a:gd fmla="*/ 13 w 26" name="T22"/>
                <a:gd fmla="*/ 30 h 33" name="T23"/>
                <a:gd fmla="*/ 23 w 26" name="T24"/>
                <a:gd fmla="*/ 22 h 33" name="T25"/>
                <a:gd fmla="*/ 13 w 26" name="T26"/>
                <a:gd fmla="*/ 13 h 33" name="T27"/>
                <a:gd fmla="*/ 5 w 26" name="T28"/>
                <a:gd fmla="*/ 17 h 33" name="T29"/>
                <a:gd fmla="*/ 1 w 26" name="T30"/>
                <a:gd fmla="*/ 17 h 33" name="T31"/>
                <a:gd fmla="*/ 5 w 26" name="T32"/>
                <a:gd fmla="*/ 0 h 33" name="T3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b="b" l="0" r="r" t="0"/>
              <a:pathLst>
                <a:path h="33" w="26">
                  <a:moveTo>
                    <a:pt x="5" y="0"/>
                  </a:moveTo>
                  <a:cubicBezTo>
                    <a:pt x="24" y="0"/>
                    <a:pt x="24" y="0"/>
                    <a:pt x="24" y="0"/>
                  </a:cubicBezTo>
                  <a:cubicBezTo>
                    <a:pt x="24" y="3"/>
                    <a:pt x="24" y="3"/>
                    <a:pt x="24" y="3"/>
                  </a:cubicBezTo>
                  <a:cubicBezTo>
                    <a:pt x="7" y="3"/>
                    <a:pt x="7" y="3"/>
                    <a:pt x="7" y="3"/>
                  </a:cubicBezTo>
                  <a:cubicBezTo>
                    <a:pt x="5" y="14"/>
                    <a:pt x="5" y="14"/>
                    <a:pt x="5" y="14"/>
                  </a:cubicBezTo>
                  <a:cubicBezTo>
                    <a:pt x="5" y="14"/>
                    <a:pt x="5" y="14"/>
                    <a:pt x="5" y="14"/>
                  </a:cubicBezTo>
                  <a:cubicBezTo>
                    <a:pt x="7" y="12"/>
                    <a:pt x="10" y="10"/>
                    <a:pt x="14" y="10"/>
                  </a:cubicBezTo>
                  <a:cubicBezTo>
                    <a:pt x="22" y="10"/>
                    <a:pt x="26" y="15"/>
                    <a:pt x="26" y="22"/>
                  </a:cubicBezTo>
                  <a:cubicBezTo>
                    <a:pt x="26" y="27"/>
                    <a:pt x="24" y="33"/>
                    <a:pt x="13" y="33"/>
                  </a:cubicBezTo>
                  <a:cubicBezTo>
                    <a:pt x="5" y="33"/>
                    <a:pt x="1" y="29"/>
                    <a:pt x="0" y="23"/>
                  </a:cubicBezTo>
                  <a:cubicBezTo>
                    <a:pt x="4" y="23"/>
                    <a:pt x="4" y="23"/>
                    <a:pt x="4" y="23"/>
                  </a:cubicBezTo>
                  <a:cubicBezTo>
                    <a:pt x="4" y="28"/>
                    <a:pt x="7" y="30"/>
                    <a:pt x="13" y="30"/>
                  </a:cubicBezTo>
                  <a:cubicBezTo>
                    <a:pt x="19" y="30"/>
                    <a:pt x="23" y="28"/>
                    <a:pt x="23" y="22"/>
                  </a:cubicBezTo>
                  <a:cubicBezTo>
                    <a:pt x="23" y="17"/>
                    <a:pt x="19" y="13"/>
                    <a:pt x="13" y="13"/>
                  </a:cubicBezTo>
                  <a:cubicBezTo>
                    <a:pt x="8" y="13"/>
                    <a:pt x="6" y="16"/>
                    <a:pt x="5" y="17"/>
                  </a:cubicBezTo>
                  <a:cubicBezTo>
                    <a:pt x="1" y="17"/>
                    <a:pt x="1" y="17"/>
                    <a:pt x="1" y="17"/>
                  </a:cubicBezTo>
                  <a:lnTo>
                    <a:pt x="5" y="0"/>
                  </a:ln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4" name="Freeform 189"/>
            <p:cNvSpPr>
              <a:spLocks noEditPoints="1"/>
            </p:cNvSpPr>
            <p:nvPr/>
          </p:nvSpPr>
          <p:spPr bwMode="auto">
            <a:xfrm>
              <a:off x="1057276" y="2519363"/>
              <a:ext cx="101600" cy="127000"/>
            </a:xfrm>
            <a:custGeom>
              <a:gdLst>
                <a:gd fmla="*/ 8 w 27" name="T0"/>
                <a:gd fmla="*/ 16 h 34" name="T1"/>
                <a:gd fmla="*/ 8 w 27" name="T2"/>
                <a:gd fmla="*/ 16 h 34" name="T3"/>
                <a:gd fmla="*/ 1 w 27" name="T4"/>
                <a:gd fmla="*/ 9 h 34" name="T5"/>
                <a:gd fmla="*/ 13 w 27" name="T6"/>
                <a:gd fmla="*/ 0 h 34" name="T7"/>
                <a:gd fmla="*/ 25 w 27" name="T8"/>
                <a:gd fmla="*/ 9 h 34" name="T9"/>
                <a:gd fmla="*/ 19 w 27" name="T10"/>
                <a:gd fmla="*/ 16 h 34" name="T11"/>
                <a:gd fmla="*/ 19 w 27" name="T12"/>
                <a:gd fmla="*/ 16 h 34" name="T13"/>
                <a:gd fmla="*/ 27 w 27" name="T14"/>
                <a:gd fmla="*/ 24 h 34" name="T15"/>
                <a:gd fmla="*/ 13 w 27" name="T16"/>
                <a:gd fmla="*/ 34 h 34" name="T17"/>
                <a:gd fmla="*/ 0 w 27" name="T18"/>
                <a:gd fmla="*/ 24 h 34" name="T19"/>
                <a:gd fmla="*/ 8 w 27" name="T20"/>
                <a:gd fmla="*/ 16 h 34" name="T21"/>
                <a:gd fmla="*/ 13 w 27" name="T22"/>
                <a:gd fmla="*/ 31 h 34" name="T23"/>
                <a:gd fmla="*/ 23 w 27" name="T24"/>
                <a:gd fmla="*/ 24 h 34" name="T25"/>
                <a:gd fmla="*/ 13 w 27" name="T26"/>
                <a:gd fmla="*/ 17 h 34" name="T27"/>
                <a:gd fmla="*/ 3 w 27" name="T28"/>
                <a:gd fmla="*/ 24 h 34" name="T29"/>
                <a:gd fmla="*/ 13 w 27" name="T30"/>
                <a:gd fmla="*/ 31 h 34" name="T31"/>
                <a:gd fmla="*/ 22 w 27" name="T32"/>
                <a:gd fmla="*/ 9 h 34" name="T33"/>
                <a:gd fmla="*/ 13 w 27" name="T34"/>
                <a:gd fmla="*/ 3 h 34" name="T35"/>
                <a:gd fmla="*/ 5 w 27" name="T36"/>
                <a:gd fmla="*/ 9 h 34" name="T37"/>
                <a:gd fmla="*/ 13 w 27" name="T38"/>
                <a:gd fmla="*/ 14 h 34" name="T39"/>
                <a:gd fmla="*/ 22 w 27" name="T40"/>
                <a:gd fmla="*/ 9 h 34" name="T4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b="b" l="0" r="r" t="0"/>
              <a:pathLst>
                <a:path h="34" w="27">
                  <a:moveTo>
                    <a:pt x="8" y="16"/>
                  </a:moveTo>
                  <a:cubicBezTo>
                    <a:pt x="8" y="16"/>
                    <a:pt x="8" y="16"/>
                    <a:pt x="8" y="16"/>
                  </a:cubicBezTo>
                  <a:cubicBezTo>
                    <a:pt x="6" y="15"/>
                    <a:pt x="1" y="14"/>
                    <a:pt x="1" y="9"/>
                  </a:cubicBezTo>
                  <a:cubicBezTo>
                    <a:pt x="1" y="5"/>
                    <a:pt x="4" y="0"/>
                    <a:pt x="13" y="0"/>
                  </a:cubicBezTo>
                  <a:cubicBezTo>
                    <a:pt x="23" y="0"/>
                    <a:pt x="25" y="5"/>
                    <a:pt x="25" y="9"/>
                  </a:cubicBezTo>
                  <a:cubicBezTo>
                    <a:pt x="25" y="14"/>
                    <a:pt x="21" y="15"/>
                    <a:pt x="19" y="16"/>
                  </a:cubicBezTo>
                  <a:cubicBezTo>
                    <a:pt x="19" y="16"/>
                    <a:pt x="19" y="16"/>
                    <a:pt x="19" y="16"/>
                  </a:cubicBezTo>
                  <a:cubicBezTo>
                    <a:pt x="22" y="16"/>
                    <a:pt x="27" y="18"/>
                    <a:pt x="27" y="24"/>
                  </a:cubicBezTo>
                  <a:cubicBezTo>
                    <a:pt x="27" y="29"/>
                    <a:pt x="24" y="34"/>
                    <a:pt x="13" y="34"/>
                  </a:cubicBezTo>
                  <a:cubicBezTo>
                    <a:pt x="3" y="34"/>
                    <a:pt x="0" y="29"/>
                    <a:pt x="0" y="24"/>
                  </a:cubicBezTo>
                  <a:cubicBezTo>
                    <a:pt x="0" y="18"/>
                    <a:pt x="5" y="16"/>
                    <a:pt x="8" y="16"/>
                  </a:cubicBezTo>
                  <a:moveTo>
                    <a:pt x="13" y="31"/>
                  </a:moveTo>
                  <a:cubicBezTo>
                    <a:pt x="19" y="31"/>
                    <a:pt x="23" y="29"/>
                    <a:pt x="23" y="24"/>
                  </a:cubicBezTo>
                  <a:cubicBezTo>
                    <a:pt x="23" y="19"/>
                    <a:pt x="19" y="17"/>
                    <a:pt x="13" y="17"/>
                  </a:cubicBezTo>
                  <a:cubicBezTo>
                    <a:pt x="8" y="17"/>
                    <a:pt x="3" y="19"/>
                    <a:pt x="3" y="24"/>
                  </a:cubicBezTo>
                  <a:cubicBezTo>
                    <a:pt x="3" y="29"/>
                    <a:pt x="8" y="31"/>
                    <a:pt x="13" y="31"/>
                  </a:cubicBezTo>
                  <a:moveTo>
                    <a:pt x="22" y="9"/>
                  </a:moveTo>
                  <a:cubicBezTo>
                    <a:pt x="22" y="4"/>
                    <a:pt x="18" y="3"/>
                    <a:pt x="13" y="3"/>
                  </a:cubicBezTo>
                  <a:cubicBezTo>
                    <a:pt x="9" y="3"/>
                    <a:pt x="5" y="4"/>
                    <a:pt x="5" y="9"/>
                  </a:cubicBezTo>
                  <a:cubicBezTo>
                    <a:pt x="5" y="12"/>
                    <a:pt x="8" y="14"/>
                    <a:pt x="13" y="14"/>
                  </a:cubicBezTo>
                  <a:cubicBezTo>
                    <a:pt x="19" y="14"/>
                    <a:pt x="22" y="12"/>
                    <a:pt x="22" y="9"/>
                  </a:cubicBezTo>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5" name="Freeform 190"/>
            <p:cNvSpPr>
              <a:spLocks noEditPoints="1"/>
            </p:cNvSpPr>
            <p:nvPr/>
          </p:nvSpPr>
          <p:spPr bwMode="auto">
            <a:xfrm>
              <a:off x="1176338" y="2519363"/>
              <a:ext cx="150813" cy="127000"/>
            </a:xfrm>
            <a:custGeom>
              <a:gdLst>
                <a:gd fmla="*/ 0 w 40" name="T0"/>
                <a:gd fmla="*/ 9 h 34" name="T1"/>
                <a:gd fmla="*/ 9 w 40" name="T2"/>
                <a:gd fmla="*/ 0 h 34" name="T3"/>
                <a:gd fmla="*/ 17 w 40" name="T4"/>
                <a:gd fmla="*/ 9 h 34" name="T5"/>
                <a:gd fmla="*/ 9 w 40" name="T6"/>
                <a:gd fmla="*/ 18 h 34" name="T7"/>
                <a:gd fmla="*/ 0 w 40" name="T8"/>
                <a:gd fmla="*/ 9 h 34" name="T9"/>
                <a:gd fmla="*/ 14 w 40" name="T10"/>
                <a:gd fmla="*/ 9 h 34" name="T11"/>
                <a:gd fmla="*/ 9 w 40" name="T12"/>
                <a:gd fmla="*/ 2 h 34" name="T13"/>
                <a:gd fmla="*/ 3 w 40" name="T14"/>
                <a:gd fmla="*/ 9 h 34" name="T15"/>
                <a:gd fmla="*/ 9 w 40" name="T16"/>
                <a:gd fmla="*/ 16 h 34" name="T17"/>
                <a:gd fmla="*/ 14 w 40" name="T18"/>
                <a:gd fmla="*/ 9 h 34" name="T19"/>
                <a:gd fmla="*/ 30 w 40" name="T20"/>
                <a:gd fmla="*/ 0 h 34" name="T21"/>
                <a:gd fmla="*/ 33 w 40" name="T22"/>
                <a:gd fmla="*/ 0 h 34" name="T23"/>
                <a:gd fmla="*/ 10 w 40" name="T24"/>
                <a:gd fmla="*/ 34 h 34" name="T25"/>
                <a:gd fmla="*/ 7 w 40" name="T26"/>
                <a:gd fmla="*/ 34 h 34" name="T27"/>
                <a:gd fmla="*/ 30 w 40" name="T28"/>
                <a:gd fmla="*/ 0 h 34" name="T29"/>
                <a:gd fmla="*/ 23 w 40" name="T30"/>
                <a:gd fmla="*/ 25 h 34" name="T31"/>
                <a:gd fmla="*/ 32 w 40" name="T32"/>
                <a:gd fmla="*/ 16 h 34" name="T33"/>
                <a:gd fmla="*/ 40 w 40" name="T34"/>
                <a:gd fmla="*/ 25 h 34" name="T35"/>
                <a:gd fmla="*/ 32 w 40" name="T36"/>
                <a:gd fmla="*/ 34 h 34" name="T37"/>
                <a:gd fmla="*/ 23 w 40" name="T38"/>
                <a:gd fmla="*/ 25 h 34" name="T39"/>
                <a:gd fmla="*/ 37 w 40" name="T40"/>
                <a:gd fmla="*/ 25 h 34" name="T41"/>
                <a:gd fmla="*/ 32 w 40" name="T42"/>
                <a:gd fmla="*/ 18 h 34" name="T43"/>
                <a:gd fmla="*/ 26 w 40" name="T44"/>
                <a:gd fmla="*/ 25 h 34" name="T45"/>
                <a:gd fmla="*/ 32 w 40" name="T46"/>
                <a:gd fmla="*/ 32 h 34" name="T47"/>
                <a:gd fmla="*/ 37 w 40" name="T48"/>
                <a:gd fmla="*/ 25 h 34" name="T4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b="b" l="0" r="r" t="0"/>
              <a:pathLst>
                <a:path h="34" w="40">
                  <a:moveTo>
                    <a:pt x="0" y="9"/>
                  </a:moveTo>
                  <a:cubicBezTo>
                    <a:pt x="0" y="3"/>
                    <a:pt x="4" y="0"/>
                    <a:pt x="9" y="0"/>
                  </a:cubicBezTo>
                  <a:cubicBezTo>
                    <a:pt x="13" y="0"/>
                    <a:pt x="17" y="3"/>
                    <a:pt x="17" y="9"/>
                  </a:cubicBezTo>
                  <a:cubicBezTo>
                    <a:pt x="17" y="15"/>
                    <a:pt x="13" y="18"/>
                    <a:pt x="9" y="18"/>
                  </a:cubicBezTo>
                  <a:cubicBezTo>
                    <a:pt x="4" y="18"/>
                    <a:pt x="0" y="15"/>
                    <a:pt x="0" y="9"/>
                  </a:cubicBezTo>
                  <a:moveTo>
                    <a:pt x="14" y="9"/>
                  </a:moveTo>
                  <a:cubicBezTo>
                    <a:pt x="14" y="5"/>
                    <a:pt x="12" y="2"/>
                    <a:pt x="9" y="2"/>
                  </a:cubicBezTo>
                  <a:cubicBezTo>
                    <a:pt x="5" y="2"/>
                    <a:pt x="3" y="5"/>
                    <a:pt x="3" y="9"/>
                  </a:cubicBezTo>
                  <a:cubicBezTo>
                    <a:pt x="3" y="13"/>
                    <a:pt x="5" y="16"/>
                    <a:pt x="9" y="16"/>
                  </a:cubicBezTo>
                  <a:cubicBezTo>
                    <a:pt x="12" y="16"/>
                    <a:pt x="14" y="13"/>
                    <a:pt x="14" y="9"/>
                  </a:cubicBezTo>
                  <a:moveTo>
                    <a:pt x="30" y="0"/>
                  </a:moveTo>
                  <a:cubicBezTo>
                    <a:pt x="33" y="0"/>
                    <a:pt x="33" y="0"/>
                    <a:pt x="33" y="0"/>
                  </a:cubicBezTo>
                  <a:cubicBezTo>
                    <a:pt x="10" y="34"/>
                    <a:pt x="10" y="34"/>
                    <a:pt x="10" y="34"/>
                  </a:cubicBezTo>
                  <a:cubicBezTo>
                    <a:pt x="7" y="34"/>
                    <a:pt x="7" y="34"/>
                    <a:pt x="7" y="34"/>
                  </a:cubicBezTo>
                  <a:lnTo>
                    <a:pt x="30" y="0"/>
                  </a:lnTo>
                  <a:close/>
                  <a:moveTo>
                    <a:pt x="23" y="25"/>
                  </a:moveTo>
                  <a:cubicBezTo>
                    <a:pt x="23" y="19"/>
                    <a:pt x="27" y="16"/>
                    <a:pt x="32" y="16"/>
                  </a:cubicBezTo>
                  <a:cubicBezTo>
                    <a:pt x="37" y="16"/>
                    <a:pt x="40" y="19"/>
                    <a:pt x="40" y="25"/>
                  </a:cubicBezTo>
                  <a:cubicBezTo>
                    <a:pt x="40" y="31"/>
                    <a:pt x="37" y="34"/>
                    <a:pt x="32" y="34"/>
                  </a:cubicBezTo>
                  <a:cubicBezTo>
                    <a:pt x="27" y="34"/>
                    <a:pt x="23" y="31"/>
                    <a:pt x="23" y="25"/>
                  </a:cubicBezTo>
                  <a:moveTo>
                    <a:pt x="37" y="25"/>
                  </a:moveTo>
                  <a:cubicBezTo>
                    <a:pt x="37" y="21"/>
                    <a:pt x="35" y="18"/>
                    <a:pt x="32" y="18"/>
                  </a:cubicBezTo>
                  <a:cubicBezTo>
                    <a:pt x="28" y="18"/>
                    <a:pt x="26" y="21"/>
                    <a:pt x="26" y="25"/>
                  </a:cubicBezTo>
                  <a:cubicBezTo>
                    <a:pt x="26" y="29"/>
                    <a:pt x="28" y="32"/>
                    <a:pt x="32" y="32"/>
                  </a:cubicBezTo>
                  <a:cubicBezTo>
                    <a:pt x="35" y="32"/>
                    <a:pt x="37" y="29"/>
                    <a:pt x="37" y="25"/>
                  </a:cubicBezTo>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106" name="组合 105"/>
          <p:cNvGrpSpPr/>
          <p:nvPr/>
        </p:nvGrpSpPr>
        <p:grpSpPr>
          <a:xfrm>
            <a:off x="3064915" y="1417343"/>
            <a:ext cx="4017962" cy="619125"/>
            <a:chOff x="2556915" y="1628700"/>
            <a:chExt cx="4017962" cy="619125"/>
          </a:xfrm>
        </p:grpSpPr>
        <p:sp>
          <p:nvSpPr>
            <p:cNvPr id="36" name="Freeform 91"/>
            <p:cNvSpPr/>
            <p:nvPr/>
          </p:nvSpPr>
          <p:spPr bwMode="auto">
            <a:xfrm>
              <a:off x="3144290" y="1735063"/>
              <a:ext cx="246063" cy="512762"/>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7" name="Oval 92"/>
            <p:cNvSpPr>
              <a:spLocks noChangeArrowheads="1"/>
            </p:cNvSpPr>
            <p:nvPr/>
          </p:nvSpPr>
          <p:spPr bwMode="auto">
            <a:xfrm>
              <a:off x="3218902"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8" name="Freeform 93"/>
            <p:cNvSpPr/>
            <p:nvPr/>
          </p:nvSpPr>
          <p:spPr bwMode="auto">
            <a:xfrm>
              <a:off x="3433215" y="1735063"/>
              <a:ext cx="246063" cy="512762"/>
            </a:xfrm>
            <a:custGeom>
              <a:gdLst>
                <a:gd fmla="*/ 18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8 w 23" name="T38"/>
                <a:gd fmla="*/ 45 h 48" name="T39"/>
                <a:gd fmla="*/ 18 w 23" name="T40"/>
                <a:gd fmla="*/ 21 h 48" name="T41"/>
                <a:gd fmla="*/ 18 w 23" name="T42"/>
                <a:gd fmla="*/ 21 h 48" name="T43"/>
                <a:gd fmla="*/ 18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7" y="48"/>
                    <a:pt x="18" y="47"/>
                    <a:pt x="18" y="45"/>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9" name="Oval 94"/>
            <p:cNvSpPr>
              <a:spLocks noChangeArrowheads="1"/>
            </p:cNvSpPr>
            <p:nvPr/>
          </p:nvSpPr>
          <p:spPr bwMode="auto">
            <a:xfrm>
              <a:off x="3507827"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0" name="Freeform 95"/>
            <p:cNvSpPr/>
            <p:nvPr/>
          </p:nvSpPr>
          <p:spPr bwMode="auto">
            <a:xfrm>
              <a:off x="3731665" y="1735063"/>
              <a:ext cx="234950" cy="512762"/>
            </a:xfrm>
            <a:custGeom>
              <a:gdLst>
                <a:gd fmla="*/ 17 w 22" name="T0"/>
                <a:gd fmla="*/ 0 h 48" name="T1"/>
                <a:gd fmla="*/ 5 w 22" name="T2"/>
                <a:gd fmla="*/ 0 h 48" name="T3"/>
                <a:gd fmla="*/ 0 w 22" name="T4"/>
                <a:gd fmla="*/ 5 h 48" name="T5"/>
                <a:gd fmla="*/ 0 w 22" name="T6"/>
                <a:gd fmla="*/ 5 h 48" name="T7"/>
                <a:gd fmla="*/ 0 w 22" name="T8"/>
                <a:gd fmla="*/ 6 h 48" name="T9"/>
                <a:gd fmla="*/ 0 w 22" name="T10"/>
                <a:gd fmla="*/ 22 h 48" name="T11"/>
                <a:gd fmla="*/ 1 w 22" name="T12"/>
                <a:gd fmla="*/ 24 h 48" name="T13"/>
                <a:gd fmla="*/ 3 w 22" name="T14"/>
                <a:gd fmla="*/ 22 h 48" name="T15"/>
                <a:gd fmla="*/ 3 w 22" name="T16"/>
                <a:gd fmla="*/ 8 h 48" name="T17"/>
                <a:gd fmla="*/ 5 w 22" name="T18"/>
                <a:gd fmla="*/ 8 h 48" name="T19"/>
                <a:gd fmla="*/ 5 w 22" name="T20"/>
                <a:gd fmla="*/ 21 h 48" name="T21"/>
                <a:gd fmla="*/ 5 w 22" name="T22"/>
                <a:gd fmla="*/ 22 h 48" name="T23"/>
                <a:gd fmla="*/ 5 w 22" name="T24"/>
                <a:gd fmla="*/ 45 h 48" name="T25"/>
                <a:gd fmla="*/ 8 w 22" name="T26"/>
                <a:gd fmla="*/ 48 h 48" name="T27"/>
                <a:gd fmla="*/ 10 w 22" name="T28"/>
                <a:gd fmla="*/ 45 h 48" name="T29"/>
                <a:gd fmla="*/ 10 w 22" name="T30"/>
                <a:gd fmla="*/ 24 h 48" name="T31"/>
                <a:gd fmla="*/ 12 w 22" name="T32"/>
                <a:gd fmla="*/ 24 h 48" name="T33"/>
                <a:gd fmla="*/ 12 w 22" name="T34"/>
                <a:gd fmla="*/ 45 h 48" name="T35"/>
                <a:gd fmla="*/ 14 w 22" name="T36"/>
                <a:gd fmla="*/ 48 h 48" name="T37"/>
                <a:gd fmla="*/ 17 w 22" name="T38"/>
                <a:gd fmla="*/ 45 h 48" name="T39"/>
                <a:gd fmla="*/ 17 w 22" name="T40"/>
                <a:gd fmla="*/ 21 h 48" name="T41"/>
                <a:gd fmla="*/ 17 w 22" name="T42"/>
                <a:gd fmla="*/ 21 h 48" name="T43"/>
                <a:gd fmla="*/ 17 w 22" name="T44"/>
                <a:gd fmla="*/ 8 h 48" name="T45"/>
                <a:gd fmla="*/ 18 w 22" name="T46"/>
                <a:gd fmla="*/ 8 h 48" name="T47"/>
                <a:gd fmla="*/ 18 w 22" name="T48"/>
                <a:gd fmla="*/ 22 h 48" name="T49"/>
                <a:gd fmla="*/ 20 w 22" name="T50"/>
                <a:gd fmla="*/ 24 h 48" name="T51"/>
                <a:gd fmla="*/ 22 w 22" name="T52"/>
                <a:gd fmla="*/ 22 h 48" name="T53"/>
                <a:gd fmla="*/ 22 w 22" name="T54"/>
                <a:gd fmla="*/ 6 h 48" name="T55"/>
                <a:gd fmla="*/ 22 w 22" name="T56"/>
                <a:gd fmla="*/ 5 h 48" name="T57"/>
                <a:gd fmla="*/ 22 w 22" name="T58"/>
                <a:gd fmla="*/ 5 h 48" name="T59"/>
                <a:gd fmla="*/ 17 w 22"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2">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1" name="Oval 96"/>
            <p:cNvSpPr>
              <a:spLocks noChangeArrowheads="1"/>
            </p:cNvSpPr>
            <p:nvPr/>
          </p:nvSpPr>
          <p:spPr bwMode="auto">
            <a:xfrm>
              <a:off x="3796752" y="1628700"/>
              <a:ext cx="106363"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2" name="Freeform 97"/>
            <p:cNvSpPr/>
            <p:nvPr/>
          </p:nvSpPr>
          <p:spPr bwMode="auto">
            <a:xfrm>
              <a:off x="2556915" y="1735063"/>
              <a:ext cx="246063" cy="512762"/>
            </a:xfrm>
            <a:custGeom>
              <a:gdLst>
                <a:gd fmla="*/ 18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8 w 23" name="T38"/>
                <a:gd fmla="*/ 45 h 48" name="T39"/>
                <a:gd fmla="*/ 18 w 23" name="T40"/>
                <a:gd fmla="*/ 21 h 48" name="T41"/>
                <a:gd fmla="*/ 18 w 23" name="T42"/>
                <a:gd fmla="*/ 21 h 48" name="T43"/>
                <a:gd fmla="*/ 18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6" y="48"/>
                    <a:pt x="18" y="47"/>
                    <a:pt x="18" y="45"/>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3" name="Oval 98"/>
            <p:cNvSpPr>
              <a:spLocks noChangeArrowheads="1"/>
            </p:cNvSpPr>
            <p:nvPr/>
          </p:nvSpPr>
          <p:spPr bwMode="auto">
            <a:xfrm>
              <a:off x="2631527"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4" name="Freeform 99"/>
            <p:cNvSpPr/>
            <p:nvPr/>
          </p:nvSpPr>
          <p:spPr bwMode="auto">
            <a:xfrm>
              <a:off x="2855365" y="1735063"/>
              <a:ext cx="234950" cy="512762"/>
            </a:xfrm>
            <a:custGeom>
              <a:gdLst>
                <a:gd fmla="*/ 17 w 22" name="T0"/>
                <a:gd fmla="*/ 0 h 48" name="T1"/>
                <a:gd fmla="*/ 5 w 22" name="T2"/>
                <a:gd fmla="*/ 0 h 48" name="T3"/>
                <a:gd fmla="*/ 0 w 22" name="T4"/>
                <a:gd fmla="*/ 5 h 48" name="T5"/>
                <a:gd fmla="*/ 0 w 22" name="T6"/>
                <a:gd fmla="*/ 5 h 48" name="T7"/>
                <a:gd fmla="*/ 0 w 22" name="T8"/>
                <a:gd fmla="*/ 6 h 48" name="T9"/>
                <a:gd fmla="*/ 0 w 22" name="T10"/>
                <a:gd fmla="*/ 22 h 48" name="T11"/>
                <a:gd fmla="*/ 1 w 22" name="T12"/>
                <a:gd fmla="*/ 24 h 48" name="T13"/>
                <a:gd fmla="*/ 3 w 22" name="T14"/>
                <a:gd fmla="*/ 22 h 48" name="T15"/>
                <a:gd fmla="*/ 3 w 22" name="T16"/>
                <a:gd fmla="*/ 8 h 48" name="T17"/>
                <a:gd fmla="*/ 5 w 22" name="T18"/>
                <a:gd fmla="*/ 8 h 48" name="T19"/>
                <a:gd fmla="*/ 5 w 22" name="T20"/>
                <a:gd fmla="*/ 21 h 48" name="T21"/>
                <a:gd fmla="*/ 5 w 22" name="T22"/>
                <a:gd fmla="*/ 22 h 48" name="T23"/>
                <a:gd fmla="*/ 5 w 22" name="T24"/>
                <a:gd fmla="*/ 45 h 48" name="T25"/>
                <a:gd fmla="*/ 8 w 22" name="T26"/>
                <a:gd fmla="*/ 48 h 48" name="T27"/>
                <a:gd fmla="*/ 10 w 22" name="T28"/>
                <a:gd fmla="*/ 45 h 48" name="T29"/>
                <a:gd fmla="*/ 10 w 22" name="T30"/>
                <a:gd fmla="*/ 24 h 48" name="T31"/>
                <a:gd fmla="*/ 12 w 22" name="T32"/>
                <a:gd fmla="*/ 24 h 48" name="T33"/>
                <a:gd fmla="*/ 12 w 22" name="T34"/>
                <a:gd fmla="*/ 45 h 48" name="T35"/>
                <a:gd fmla="*/ 14 w 22" name="T36"/>
                <a:gd fmla="*/ 48 h 48" name="T37"/>
                <a:gd fmla="*/ 17 w 22" name="T38"/>
                <a:gd fmla="*/ 45 h 48" name="T39"/>
                <a:gd fmla="*/ 17 w 22" name="T40"/>
                <a:gd fmla="*/ 21 h 48" name="T41"/>
                <a:gd fmla="*/ 17 w 22" name="T42"/>
                <a:gd fmla="*/ 21 h 48" name="T43"/>
                <a:gd fmla="*/ 17 w 22" name="T44"/>
                <a:gd fmla="*/ 8 h 48" name="T45"/>
                <a:gd fmla="*/ 18 w 22" name="T46"/>
                <a:gd fmla="*/ 8 h 48" name="T47"/>
                <a:gd fmla="*/ 18 w 22" name="T48"/>
                <a:gd fmla="*/ 22 h 48" name="T49"/>
                <a:gd fmla="*/ 20 w 22" name="T50"/>
                <a:gd fmla="*/ 24 h 48" name="T51"/>
                <a:gd fmla="*/ 22 w 22" name="T52"/>
                <a:gd fmla="*/ 22 h 48" name="T53"/>
                <a:gd fmla="*/ 22 w 22" name="T54"/>
                <a:gd fmla="*/ 6 h 48" name="T55"/>
                <a:gd fmla="*/ 22 w 22" name="T56"/>
                <a:gd fmla="*/ 5 h 48" name="T57"/>
                <a:gd fmla="*/ 22 w 22" name="T58"/>
                <a:gd fmla="*/ 5 h 48" name="T59"/>
                <a:gd fmla="*/ 17 w 22"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2">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5" name="Oval 100"/>
            <p:cNvSpPr>
              <a:spLocks noChangeArrowheads="1"/>
            </p:cNvSpPr>
            <p:nvPr/>
          </p:nvSpPr>
          <p:spPr bwMode="auto">
            <a:xfrm>
              <a:off x="2920452" y="1628700"/>
              <a:ext cx="106363"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6" name="Freeform 101"/>
            <p:cNvSpPr/>
            <p:nvPr/>
          </p:nvSpPr>
          <p:spPr bwMode="auto">
            <a:xfrm>
              <a:off x="4598440" y="1735063"/>
              <a:ext cx="244475" cy="512762"/>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5 w 23" name="T18"/>
                <a:gd fmla="*/ 8 h 48" name="T19"/>
                <a:gd fmla="*/ 5 w 23" name="T20"/>
                <a:gd fmla="*/ 21 h 48" name="T21"/>
                <a:gd fmla="*/ 5 w 23" name="T22"/>
                <a:gd fmla="*/ 22 h 48" name="T23"/>
                <a:gd fmla="*/ 5 w 23" name="T24"/>
                <a:gd fmla="*/ 45 h 48" name="T25"/>
                <a:gd fmla="*/ 8 w 23" name="T26"/>
                <a:gd fmla="*/ 48 h 48" name="T27"/>
                <a:gd fmla="*/ 10 w 23" name="T28"/>
                <a:gd fmla="*/ 45 h 48" name="T29"/>
                <a:gd fmla="*/ 10 w 23" name="T30"/>
                <a:gd fmla="*/ 24 h 48" name="T31"/>
                <a:gd fmla="*/ 12 w 23" name="T32"/>
                <a:gd fmla="*/ 24 h 48" name="T33"/>
                <a:gd fmla="*/ 12 w 23" name="T34"/>
                <a:gd fmla="*/ 45 h 48" name="T35"/>
                <a:gd fmla="*/ 14 w 23" name="T36"/>
                <a:gd fmla="*/ 48 h 48" name="T37"/>
                <a:gd fmla="*/ 17 w 23" name="T38"/>
                <a:gd fmla="*/ 45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19"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7" name="Oval 102"/>
            <p:cNvSpPr>
              <a:spLocks noChangeArrowheads="1"/>
            </p:cNvSpPr>
            <p:nvPr/>
          </p:nvSpPr>
          <p:spPr bwMode="auto">
            <a:xfrm>
              <a:off x="4673052" y="1628700"/>
              <a:ext cx="95250"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8" name="Freeform 103"/>
            <p:cNvSpPr/>
            <p:nvPr/>
          </p:nvSpPr>
          <p:spPr bwMode="auto">
            <a:xfrm>
              <a:off x="4885777" y="1735063"/>
              <a:ext cx="246063" cy="512762"/>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5 w 23" name="T18"/>
                <a:gd fmla="*/ 8 h 48" name="T19"/>
                <a:gd fmla="*/ 5 w 23" name="T20"/>
                <a:gd fmla="*/ 21 h 48" name="T21"/>
                <a:gd fmla="*/ 5 w 23" name="T22"/>
                <a:gd fmla="*/ 22 h 48" name="T23"/>
                <a:gd fmla="*/ 5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1"/>
                    <a:pt x="5" y="21"/>
                    <a:pt x="5" y="22"/>
                  </a:cubicBezTo>
                  <a:cubicBezTo>
                    <a:pt x="5" y="45"/>
                    <a:pt x="5" y="45"/>
                    <a:pt x="5" y="45"/>
                  </a:cubicBezTo>
                  <a:cubicBezTo>
                    <a:pt x="5" y="47"/>
                    <a:pt x="7" y="48"/>
                    <a:pt x="8" y="48"/>
                  </a:cubicBezTo>
                  <a:cubicBezTo>
                    <a:pt x="9"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9" name="Oval 104"/>
            <p:cNvSpPr>
              <a:spLocks noChangeArrowheads="1"/>
            </p:cNvSpPr>
            <p:nvPr/>
          </p:nvSpPr>
          <p:spPr bwMode="auto">
            <a:xfrm>
              <a:off x="4960390"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0" name="Freeform 105"/>
            <p:cNvSpPr/>
            <p:nvPr/>
          </p:nvSpPr>
          <p:spPr bwMode="auto">
            <a:xfrm>
              <a:off x="5174702" y="1735063"/>
              <a:ext cx="246063" cy="512762"/>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1" name="Oval 106"/>
            <p:cNvSpPr>
              <a:spLocks noChangeArrowheads="1"/>
            </p:cNvSpPr>
            <p:nvPr/>
          </p:nvSpPr>
          <p:spPr bwMode="auto">
            <a:xfrm>
              <a:off x="5249315"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2" name="Freeform 107"/>
            <p:cNvSpPr/>
            <p:nvPr/>
          </p:nvSpPr>
          <p:spPr bwMode="auto">
            <a:xfrm>
              <a:off x="4009477" y="1735063"/>
              <a:ext cx="246063" cy="512762"/>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5 w 23" name="T18"/>
                <a:gd fmla="*/ 8 h 48" name="T19"/>
                <a:gd fmla="*/ 5 w 23" name="T20"/>
                <a:gd fmla="*/ 21 h 48" name="T21"/>
                <a:gd fmla="*/ 5 w 23" name="T22"/>
                <a:gd fmla="*/ 22 h 48" name="T23"/>
                <a:gd fmla="*/ 5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1"/>
                    <a:pt x="5" y="21"/>
                    <a:pt x="5" y="22"/>
                  </a:cubicBezTo>
                  <a:cubicBezTo>
                    <a:pt x="5" y="45"/>
                    <a:pt x="5" y="45"/>
                    <a:pt x="5" y="45"/>
                  </a:cubicBezTo>
                  <a:cubicBezTo>
                    <a:pt x="5" y="47"/>
                    <a:pt x="7" y="48"/>
                    <a:pt x="8" y="48"/>
                  </a:cubicBezTo>
                  <a:cubicBezTo>
                    <a:pt x="9"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3" name="Oval 108"/>
            <p:cNvSpPr>
              <a:spLocks noChangeArrowheads="1"/>
            </p:cNvSpPr>
            <p:nvPr/>
          </p:nvSpPr>
          <p:spPr bwMode="auto">
            <a:xfrm>
              <a:off x="4084090"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4" name="Freeform 109"/>
            <p:cNvSpPr/>
            <p:nvPr/>
          </p:nvSpPr>
          <p:spPr bwMode="auto">
            <a:xfrm>
              <a:off x="4298402" y="1735063"/>
              <a:ext cx="246063" cy="512762"/>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5" name="Oval 110"/>
            <p:cNvSpPr>
              <a:spLocks noChangeArrowheads="1"/>
            </p:cNvSpPr>
            <p:nvPr/>
          </p:nvSpPr>
          <p:spPr bwMode="auto">
            <a:xfrm>
              <a:off x="4373015"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6" name="Freeform 111"/>
            <p:cNvSpPr/>
            <p:nvPr/>
          </p:nvSpPr>
          <p:spPr bwMode="auto">
            <a:xfrm>
              <a:off x="6039890" y="1735063"/>
              <a:ext cx="246063" cy="512762"/>
            </a:xfrm>
            <a:custGeom>
              <a:gdLst>
                <a:gd fmla="*/ 18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8 w 23" name="T38"/>
                <a:gd fmla="*/ 45 h 48" name="T39"/>
                <a:gd fmla="*/ 18 w 23" name="T40"/>
                <a:gd fmla="*/ 21 h 48" name="T41"/>
                <a:gd fmla="*/ 18 w 23" name="T42"/>
                <a:gd fmla="*/ 21 h 48" name="T43"/>
                <a:gd fmla="*/ 18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6" y="48"/>
                    <a:pt x="18" y="47"/>
                    <a:pt x="18" y="45"/>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7" name="Oval 112"/>
            <p:cNvSpPr>
              <a:spLocks noChangeArrowheads="1"/>
            </p:cNvSpPr>
            <p:nvPr/>
          </p:nvSpPr>
          <p:spPr bwMode="auto">
            <a:xfrm>
              <a:off x="6114502"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8" name="Freeform 113"/>
            <p:cNvSpPr/>
            <p:nvPr/>
          </p:nvSpPr>
          <p:spPr bwMode="auto">
            <a:xfrm>
              <a:off x="6339927" y="1735063"/>
              <a:ext cx="234950" cy="512762"/>
            </a:xfrm>
            <a:custGeom>
              <a:gdLst>
                <a:gd fmla="*/ 17 w 22" name="T0"/>
                <a:gd fmla="*/ 0 h 48" name="T1"/>
                <a:gd fmla="*/ 5 w 22" name="T2"/>
                <a:gd fmla="*/ 0 h 48" name="T3"/>
                <a:gd fmla="*/ 0 w 22" name="T4"/>
                <a:gd fmla="*/ 5 h 48" name="T5"/>
                <a:gd fmla="*/ 0 w 22" name="T6"/>
                <a:gd fmla="*/ 5 h 48" name="T7"/>
                <a:gd fmla="*/ 0 w 22" name="T8"/>
                <a:gd fmla="*/ 6 h 48" name="T9"/>
                <a:gd fmla="*/ 0 w 22" name="T10"/>
                <a:gd fmla="*/ 22 h 48" name="T11"/>
                <a:gd fmla="*/ 1 w 22" name="T12"/>
                <a:gd fmla="*/ 24 h 48" name="T13"/>
                <a:gd fmla="*/ 3 w 22" name="T14"/>
                <a:gd fmla="*/ 22 h 48" name="T15"/>
                <a:gd fmla="*/ 3 w 22" name="T16"/>
                <a:gd fmla="*/ 8 h 48" name="T17"/>
                <a:gd fmla="*/ 5 w 22" name="T18"/>
                <a:gd fmla="*/ 8 h 48" name="T19"/>
                <a:gd fmla="*/ 5 w 22" name="T20"/>
                <a:gd fmla="*/ 21 h 48" name="T21"/>
                <a:gd fmla="*/ 5 w 22" name="T22"/>
                <a:gd fmla="*/ 22 h 48" name="T23"/>
                <a:gd fmla="*/ 5 w 22" name="T24"/>
                <a:gd fmla="*/ 45 h 48" name="T25"/>
                <a:gd fmla="*/ 8 w 22" name="T26"/>
                <a:gd fmla="*/ 48 h 48" name="T27"/>
                <a:gd fmla="*/ 10 w 22" name="T28"/>
                <a:gd fmla="*/ 45 h 48" name="T29"/>
                <a:gd fmla="*/ 10 w 22" name="T30"/>
                <a:gd fmla="*/ 24 h 48" name="T31"/>
                <a:gd fmla="*/ 12 w 22" name="T32"/>
                <a:gd fmla="*/ 24 h 48" name="T33"/>
                <a:gd fmla="*/ 12 w 22" name="T34"/>
                <a:gd fmla="*/ 45 h 48" name="T35"/>
                <a:gd fmla="*/ 14 w 22" name="T36"/>
                <a:gd fmla="*/ 48 h 48" name="T37"/>
                <a:gd fmla="*/ 17 w 22" name="T38"/>
                <a:gd fmla="*/ 45 h 48" name="T39"/>
                <a:gd fmla="*/ 17 w 22" name="T40"/>
                <a:gd fmla="*/ 21 h 48" name="T41"/>
                <a:gd fmla="*/ 17 w 22" name="T42"/>
                <a:gd fmla="*/ 21 h 48" name="T43"/>
                <a:gd fmla="*/ 17 w 22" name="T44"/>
                <a:gd fmla="*/ 8 h 48" name="T45"/>
                <a:gd fmla="*/ 18 w 22" name="T46"/>
                <a:gd fmla="*/ 8 h 48" name="T47"/>
                <a:gd fmla="*/ 18 w 22" name="T48"/>
                <a:gd fmla="*/ 22 h 48" name="T49"/>
                <a:gd fmla="*/ 20 w 22" name="T50"/>
                <a:gd fmla="*/ 24 h 48" name="T51"/>
                <a:gd fmla="*/ 22 w 22" name="T52"/>
                <a:gd fmla="*/ 22 h 48" name="T53"/>
                <a:gd fmla="*/ 22 w 22" name="T54"/>
                <a:gd fmla="*/ 6 h 48" name="T55"/>
                <a:gd fmla="*/ 22 w 22" name="T56"/>
                <a:gd fmla="*/ 5 h 48" name="T57"/>
                <a:gd fmla="*/ 22 w 22" name="T58"/>
                <a:gd fmla="*/ 5 h 48" name="T59"/>
                <a:gd fmla="*/ 17 w 22"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2">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9" name="Oval 114"/>
            <p:cNvSpPr>
              <a:spLocks noChangeArrowheads="1"/>
            </p:cNvSpPr>
            <p:nvPr/>
          </p:nvSpPr>
          <p:spPr bwMode="auto">
            <a:xfrm>
              <a:off x="6403427"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0" name="Freeform 115"/>
            <p:cNvSpPr/>
            <p:nvPr/>
          </p:nvSpPr>
          <p:spPr bwMode="auto">
            <a:xfrm>
              <a:off x="5452515" y="1735063"/>
              <a:ext cx="246063" cy="512762"/>
            </a:xfrm>
            <a:custGeom>
              <a:gdLst>
                <a:gd fmla="*/ 18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5 h 48" name="T25"/>
                <a:gd fmla="*/ 9 w 23" name="T26"/>
                <a:gd fmla="*/ 48 h 48" name="T27"/>
                <a:gd fmla="*/ 11 w 23" name="T28"/>
                <a:gd fmla="*/ 45 h 48" name="T29"/>
                <a:gd fmla="*/ 11 w 23" name="T30"/>
                <a:gd fmla="*/ 24 h 48" name="T31"/>
                <a:gd fmla="*/ 13 w 23" name="T32"/>
                <a:gd fmla="*/ 24 h 48" name="T33"/>
                <a:gd fmla="*/ 13 w 23" name="T34"/>
                <a:gd fmla="*/ 45 h 48" name="T35"/>
                <a:gd fmla="*/ 15 w 23" name="T36"/>
                <a:gd fmla="*/ 48 h 48" name="T37"/>
                <a:gd fmla="*/ 18 w 23" name="T38"/>
                <a:gd fmla="*/ 45 h 48" name="T39"/>
                <a:gd fmla="*/ 18 w 23" name="T40"/>
                <a:gd fmla="*/ 21 h 48" name="T41"/>
                <a:gd fmla="*/ 18 w 23" name="T42"/>
                <a:gd fmla="*/ 21 h 48" name="T43"/>
                <a:gd fmla="*/ 18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1"/>
                    <a:pt x="6" y="21"/>
                    <a:pt x="6" y="22"/>
                  </a:cubicBezTo>
                  <a:cubicBezTo>
                    <a:pt x="6" y="45"/>
                    <a:pt x="6" y="45"/>
                    <a:pt x="6" y="45"/>
                  </a:cubicBezTo>
                  <a:cubicBezTo>
                    <a:pt x="6" y="47"/>
                    <a:pt x="7" y="48"/>
                    <a:pt x="9" y="48"/>
                  </a:cubicBezTo>
                  <a:cubicBezTo>
                    <a:pt x="10" y="48"/>
                    <a:pt x="11" y="47"/>
                    <a:pt x="11" y="45"/>
                  </a:cubicBezTo>
                  <a:cubicBezTo>
                    <a:pt x="11" y="24"/>
                    <a:pt x="11" y="24"/>
                    <a:pt x="11" y="24"/>
                  </a:cubicBezTo>
                  <a:cubicBezTo>
                    <a:pt x="13" y="24"/>
                    <a:pt x="13" y="24"/>
                    <a:pt x="13" y="24"/>
                  </a:cubicBezTo>
                  <a:cubicBezTo>
                    <a:pt x="13" y="45"/>
                    <a:pt x="13" y="45"/>
                    <a:pt x="13" y="45"/>
                  </a:cubicBezTo>
                  <a:cubicBezTo>
                    <a:pt x="13" y="47"/>
                    <a:pt x="14" y="48"/>
                    <a:pt x="15" y="48"/>
                  </a:cubicBezTo>
                  <a:cubicBezTo>
                    <a:pt x="17" y="48"/>
                    <a:pt x="18" y="47"/>
                    <a:pt x="18" y="45"/>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1" name="Oval 116"/>
            <p:cNvSpPr>
              <a:spLocks noChangeArrowheads="1"/>
            </p:cNvSpPr>
            <p:nvPr/>
          </p:nvSpPr>
          <p:spPr bwMode="auto">
            <a:xfrm>
              <a:off x="5527127" y="1628700"/>
              <a:ext cx="96838"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2" name="Freeform 117"/>
            <p:cNvSpPr/>
            <p:nvPr/>
          </p:nvSpPr>
          <p:spPr bwMode="auto">
            <a:xfrm>
              <a:off x="5752552" y="1735063"/>
              <a:ext cx="244475" cy="512762"/>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3 w 23" name="T14"/>
                <a:gd fmla="*/ 22 h 48" name="T15"/>
                <a:gd fmla="*/ 3 w 23" name="T16"/>
                <a:gd fmla="*/ 8 h 48" name="T17"/>
                <a:gd fmla="*/ 5 w 23" name="T18"/>
                <a:gd fmla="*/ 8 h 48" name="T19"/>
                <a:gd fmla="*/ 5 w 23" name="T20"/>
                <a:gd fmla="*/ 21 h 48" name="T21"/>
                <a:gd fmla="*/ 5 w 23" name="T22"/>
                <a:gd fmla="*/ 22 h 48" name="T23"/>
                <a:gd fmla="*/ 5 w 23" name="T24"/>
                <a:gd fmla="*/ 45 h 48" name="T25"/>
                <a:gd fmla="*/ 8 w 23" name="T26"/>
                <a:gd fmla="*/ 48 h 48" name="T27"/>
                <a:gd fmla="*/ 10 w 23" name="T28"/>
                <a:gd fmla="*/ 45 h 48" name="T29"/>
                <a:gd fmla="*/ 10 w 23" name="T30"/>
                <a:gd fmla="*/ 24 h 48" name="T31"/>
                <a:gd fmla="*/ 12 w 23" name="T32"/>
                <a:gd fmla="*/ 24 h 48" name="T33"/>
                <a:gd fmla="*/ 12 w 23" name="T34"/>
                <a:gd fmla="*/ 45 h 48" name="T35"/>
                <a:gd fmla="*/ 14 w 23" name="T36"/>
                <a:gd fmla="*/ 48 h 48" name="T37"/>
                <a:gd fmla="*/ 17 w 23" name="T38"/>
                <a:gd fmla="*/ 45 h 48" name="T39"/>
                <a:gd fmla="*/ 17 w 23" name="T40"/>
                <a:gd fmla="*/ 21 h 48" name="T41"/>
                <a:gd fmla="*/ 17 w 23" name="T42"/>
                <a:gd fmla="*/ 21 h 48" name="T43"/>
                <a:gd fmla="*/ 17 w 23" name="T44"/>
                <a:gd fmla="*/ 8 h 48" name="T45"/>
                <a:gd fmla="*/ 18 w 23" name="T46"/>
                <a:gd fmla="*/ 8 h 48" name="T47"/>
                <a:gd fmla="*/ 18 w 23" name="T48"/>
                <a:gd fmla="*/ 22 h 48" name="T49"/>
                <a:gd fmla="*/ 20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3" y="23"/>
                    <a:pt x="3" y="22"/>
                  </a:cubicBezTo>
                  <a:cubicBezTo>
                    <a:pt x="3" y="8"/>
                    <a:pt x="3" y="8"/>
                    <a:pt x="3" y="8"/>
                  </a:cubicBezTo>
                  <a:cubicBezTo>
                    <a:pt x="5" y="8"/>
                    <a:pt x="5" y="8"/>
                    <a:pt x="5" y="8"/>
                  </a:cubicBezTo>
                  <a:cubicBezTo>
                    <a:pt x="5" y="21"/>
                    <a:pt x="5" y="21"/>
                    <a:pt x="5" y="21"/>
                  </a:cubicBezTo>
                  <a:cubicBezTo>
                    <a:pt x="5" y="21"/>
                    <a:pt x="5" y="21"/>
                    <a:pt x="5" y="22"/>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3" name="Oval 118"/>
            <p:cNvSpPr>
              <a:spLocks noChangeArrowheads="1"/>
            </p:cNvSpPr>
            <p:nvPr/>
          </p:nvSpPr>
          <p:spPr bwMode="auto">
            <a:xfrm>
              <a:off x="5827165" y="1628700"/>
              <a:ext cx="95250" cy="95250"/>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107" name="组合 106"/>
          <p:cNvGrpSpPr/>
          <p:nvPr/>
        </p:nvGrpSpPr>
        <p:grpSpPr>
          <a:xfrm>
            <a:off x="3064915" y="2122190"/>
            <a:ext cx="4017962" cy="620712"/>
            <a:chOff x="2556915" y="2333550"/>
            <a:chExt cx="4017962" cy="620712"/>
          </a:xfrm>
        </p:grpSpPr>
        <p:sp>
          <p:nvSpPr>
            <p:cNvPr id="64" name="Freeform 119"/>
            <p:cNvSpPr/>
            <p:nvPr/>
          </p:nvSpPr>
          <p:spPr bwMode="auto">
            <a:xfrm>
              <a:off x="3144290" y="2441500"/>
              <a:ext cx="246063" cy="512762"/>
            </a:xfrm>
            <a:custGeom>
              <a:gdLst>
                <a:gd fmla="*/ 17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6 w 23" name="T18"/>
                <a:gd fmla="*/ 7 h 48" name="T19"/>
                <a:gd fmla="*/ 6 w 23" name="T20"/>
                <a:gd fmla="*/ 21 h 48" name="T21"/>
                <a:gd fmla="*/ 6 w 23" name="T22"/>
                <a:gd fmla="*/ 21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5" name="Oval 120"/>
            <p:cNvSpPr>
              <a:spLocks noChangeArrowheads="1"/>
            </p:cNvSpPr>
            <p:nvPr/>
          </p:nvSpPr>
          <p:spPr bwMode="auto">
            <a:xfrm>
              <a:off x="3218902"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6" name="Freeform 121"/>
            <p:cNvSpPr/>
            <p:nvPr/>
          </p:nvSpPr>
          <p:spPr bwMode="auto">
            <a:xfrm>
              <a:off x="3433215" y="2441500"/>
              <a:ext cx="246063" cy="512762"/>
            </a:xfrm>
            <a:custGeom>
              <a:gdLst>
                <a:gd fmla="*/ 18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6 w 23" name="T18"/>
                <a:gd fmla="*/ 7 h 48" name="T19"/>
                <a:gd fmla="*/ 6 w 23" name="T20"/>
                <a:gd fmla="*/ 21 h 48" name="T21"/>
                <a:gd fmla="*/ 6 w 23" name="T22"/>
                <a:gd fmla="*/ 21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8 w 23" name="T38"/>
                <a:gd fmla="*/ 45 h 48" name="T39"/>
                <a:gd fmla="*/ 18 w 23" name="T40"/>
                <a:gd fmla="*/ 21 h 48" name="T41"/>
                <a:gd fmla="*/ 18 w 23" name="T42"/>
                <a:gd fmla="*/ 21 h 48" name="T43"/>
                <a:gd fmla="*/ 18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7" y="48"/>
                    <a:pt x="18" y="47"/>
                    <a:pt x="18" y="45"/>
                  </a:cubicBezTo>
                  <a:cubicBezTo>
                    <a:pt x="18" y="21"/>
                    <a:pt x="18" y="21"/>
                    <a:pt x="18" y="21"/>
                  </a:cubicBezTo>
                  <a:cubicBezTo>
                    <a:pt x="18" y="21"/>
                    <a:pt x="18" y="21"/>
                    <a:pt x="18" y="21"/>
                  </a:cubicBezTo>
                  <a:cubicBezTo>
                    <a:pt x="18" y="7"/>
                    <a:pt x="18" y="7"/>
                    <a:pt x="18"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7" name="Oval 122"/>
            <p:cNvSpPr>
              <a:spLocks noChangeArrowheads="1"/>
            </p:cNvSpPr>
            <p:nvPr/>
          </p:nvSpPr>
          <p:spPr bwMode="auto">
            <a:xfrm>
              <a:off x="3507827"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8" name="Freeform 123"/>
            <p:cNvSpPr/>
            <p:nvPr/>
          </p:nvSpPr>
          <p:spPr bwMode="auto">
            <a:xfrm>
              <a:off x="3731665" y="2441500"/>
              <a:ext cx="234950" cy="512762"/>
            </a:xfrm>
            <a:custGeom>
              <a:gdLst>
                <a:gd fmla="*/ 17 w 22" name="T0"/>
                <a:gd fmla="*/ 0 h 48" name="T1"/>
                <a:gd fmla="*/ 5 w 22" name="T2"/>
                <a:gd fmla="*/ 0 h 48" name="T3"/>
                <a:gd fmla="*/ 0 w 22" name="T4"/>
                <a:gd fmla="*/ 4 h 48" name="T5"/>
                <a:gd fmla="*/ 0 w 22" name="T6"/>
                <a:gd fmla="*/ 5 h 48" name="T7"/>
                <a:gd fmla="*/ 0 w 22" name="T8"/>
                <a:gd fmla="*/ 5 h 48" name="T9"/>
                <a:gd fmla="*/ 0 w 22" name="T10"/>
                <a:gd fmla="*/ 21 h 48" name="T11"/>
                <a:gd fmla="*/ 1 w 22" name="T12"/>
                <a:gd fmla="*/ 23 h 48" name="T13"/>
                <a:gd fmla="*/ 3 w 22" name="T14"/>
                <a:gd fmla="*/ 21 h 48" name="T15"/>
                <a:gd fmla="*/ 3 w 22" name="T16"/>
                <a:gd fmla="*/ 7 h 48" name="T17"/>
                <a:gd fmla="*/ 5 w 22" name="T18"/>
                <a:gd fmla="*/ 7 h 48" name="T19"/>
                <a:gd fmla="*/ 5 w 22" name="T20"/>
                <a:gd fmla="*/ 21 h 48" name="T21"/>
                <a:gd fmla="*/ 5 w 22" name="T22"/>
                <a:gd fmla="*/ 21 h 48" name="T23"/>
                <a:gd fmla="*/ 5 w 22" name="T24"/>
                <a:gd fmla="*/ 45 h 48" name="T25"/>
                <a:gd fmla="*/ 8 w 22" name="T26"/>
                <a:gd fmla="*/ 48 h 48" name="T27"/>
                <a:gd fmla="*/ 10 w 22" name="T28"/>
                <a:gd fmla="*/ 45 h 48" name="T29"/>
                <a:gd fmla="*/ 10 w 22" name="T30"/>
                <a:gd fmla="*/ 24 h 48" name="T31"/>
                <a:gd fmla="*/ 12 w 22" name="T32"/>
                <a:gd fmla="*/ 24 h 48" name="T33"/>
                <a:gd fmla="*/ 12 w 22" name="T34"/>
                <a:gd fmla="*/ 45 h 48" name="T35"/>
                <a:gd fmla="*/ 14 w 22" name="T36"/>
                <a:gd fmla="*/ 48 h 48" name="T37"/>
                <a:gd fmla="*/ 17 w 22" name="T38"/>
                <a:gd fmla="*/ 45 h 48" name="T39"/>
                <a:gd fmla="*/ 17 w 22" name="T40"/>
                <a:gd fmla="*/ 21 h 48" name="T41"/>
                <a:gd fmla="*/ 17 w 22" name="T42"/>
                <a:gd fmla="*/ 21 h 48" name="T43"/>
                <a:gd fmla="*/ 17 w 22" name="T44"/>
                <a:gd fmla="*/ 7 h 48" name="T45"/>
                <a:gd fmla="*/ 18 w 22" name="T46"/>
                <a:gd fmla="*/ 7 h 48" name="T47"/>
                <a:gd fmla="*/ 18 w 22" name="T48"/>
                <a:gd fmla="*/ 21 h 48" name="T49"/>
                <a:gd fmla="*/ 20 w 22" name="T50"/>
                <a:gd fmla="*/ 23 h 48" name="T51"/>
                <a:gd fmla="*/ 22 w 22" name="T52"/>
                <a:gd fmla="*/ 21 h 48" name="T53"/>
                <a:gd fmla="*/ 22 w 22" name="T54"/>
                <a:gd fmla="*/ 5 h 48" name="T55"/>
                <a:gd fmla="*/ 22 w 22" name="T56"/>
                <a:gd fmla="*/ 5 h 48" name="T57"/>
                <a:gd fmla="*/ 22 w 22" name="T58"/>
                <a:gd fmla="*/ 4 h 48" name="T59"/>
                <a:gd fmla="*/ 17 w 22"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2">
                  <a:moveTo>
                    <a:pt x="17" y="0"/>
                  </a:moveTo>
                  <a:cubicBezTo>
                    <a:pt x="5" y="0"/>
                    <a:pt x="5" y="0"/>
                    <a:pt x="5" y="0"/>
                  </a:cubicBezTo>
                  <a:cubicBezTo>
                    <a:pt x="1" y="0"/>
                    <a:pt x="0" y="3"/>
                    <a:pt x="0" y="4"/>
                  </a:cubicBezTo>
                  <a:cubicBezTo>
                    <a:pt x="0" y="5"/>
                    <a:pt x="0" y="5"/>
                    <a:pt x="0" y="5"/>
                  </a:cubicBezTo>
                  <a:cubicBezTo>
                    <a:pt x="0" y="5"/>
                    <a:pt x="0" y="5"/>
                    <a:pt x="0" y="5"/>
                  </a:cubicBezTo>
                  <a:cubicBezTo>
                    <a:pt x="0" y="21"/>
                    <a:pt x="0" y="21"/>
                    <a:pt x="0" y="21"/>
                  </a:cubicBezTo>
                  <a:cubicBezTo>
                    <a:pt x="0" y="22"/>
                    <a:pt x="0" y="23"/>
                    <a:pt x="1" y="23"/>
                  </a:cubicBezTo>
                  <a:cubicBezTo>
                    <a:pt x="2" y="23"/>
                    <a:pt x="3" y="22"/>
                    <a:pt x="3" y="21"/>
                  </a:cubicBezTo>
                  <a:cubicBezTo>
                    <a:pt x="3" y="7"/>
                    <a:pt x="3" y="7"/>
                    <a:pt x="3"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8" y="7"/>
                    <a:pt x="18" y="7"/>
                    <a:pt x="18" y="7"/>
                  </a:cubicBezTo>
                  <a:cubicBezTo>
                    <a:pt x="18" y="21"/>
                    <a:pt x="18" y="21"/>
                    <a:pt x="18" y="21"/>
                  </a:cubicBezTo>
                  <a:cubicBezTo>
                    <a:pt x="18" y="22"/>
                    <a:pt x="19" y="23"/>
                    <a:pt x="20" y="23"/>
                  </a:cubicBezTo>
                  <a:cubicBezTo>
                    <a:pt x="21" y="23"/>
                    <a:pt x="22" y="22"/>
                    <a:pt x="22" y="21"/>
                  </a:cubicBezTo>
                  <a:cubicBezTo>
                    <a:pt x="22" y="5"/>
                    <a:pt x="22" y="5"/>
                    <a:pt x="22" y="5"/>
                  </a:cubicBezTo>
                  <a:cubicBezTo>
                    <a:pt x="22" y="5"/>
                    <a:pt x="22" y="5"/>
                    <a:pt x="22" y="5"/>
                  </a:cubicBezTo>
                  <a:cubicBezTo>
                    <a:pt x="22" y="4"/>
                    <a:pt x="22" y="4"/>
                    <a:pt x="22" y="4"/>
                  </a:cubicBezTo>
                  <a:cubicBezTo>
                    <a:pt x="22" y="3"/>
                    <a:pt x="20"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69" name="Oval 124"/>
            <p:cNvSpPr>
              <a:spLocks noChangeArrowheads="1"/>
            </p:cNvSpPr>
            <p:nvPr/>
          </p:nvSpPr>
          <p:spPr bwMode="auto">
            <a:xfrm>
              <a:off x="3796752" y="2333550"/>
              <a:ext cx="106363"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0" name="Freeform 125"/>
            <p:cNvSpPr/>
            <p:nvPr/>
          </p:nvSpPr>
          <p:spPr bwMode="auto">
            <a:xfrm>
              <a:off x="2556915" y="2441500"/>
              <a:ext cx="246063" cy="512762"/>
            </a:xfrm>
            <a:custGeom>
              <a:gdLst>
                <a:gd fmla="*/ 18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6 w 23" name="T18"/>
                <a:gd fmla="*/ 7 h 48" name="T19"/>
                <a:gd fmla="*/ 6 w 23" name="T20"/>
                <a:gd fmla="*/ 21 h 48" name="T21"/>
                <a:gd fmla="*/ 6 w 23" name="T22"/>
                <a:gd fmla="*/ 21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8 w 23" name="T38"/>
                <a:gd fmla="*/ 45 h 48" name="T39"/>
                <a:gd fmla="*/ 18 w 23" name="T40"/>
                <a:gd fmla="*/ 21 h 48" name="T41"/>
                <a:gd fmla="*/ 18 w 23" name="T42"/>
                <a:gd fmla="*/ 21 h 48" name="T43"/>
                <a:gd fmla="*/ 18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6" y="48"/>
                    <a:pt x="18" y="47"/>
                    <a:pt x="18" y="45"/>
                  </a:cubicBezTo>
                  <a:cubicBezTo>
                    <a:pt x="18" y="21"/>
                    <a:pt x="18" y="21"/>
                    <a:pt x="18" y="21"/>
                  </a:cubicBezTo>
                  <a:cubicBezTo>
                    <a:pt x="18" y="21"/>
                    <a:pt x="18" y="21"/>
                    <a:pt x="18" y="21"/>
                  </a:cubicBezTo>
                  <a:cubicBezTo>
                    <a:pt x="18" y="7"/>
                    <a:pt x="18" y="7"/>
                    <a:pt x="18"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1" name="Oval 126"/>
            <p:cNvSpPr>
              <a:spLocks noChangeArrowheads="1"/>
            </p:cNvSpPr>
            <p:nvPr/>
          </p:nvSpPr>
          <p:spPr bwMode="auto">
            <a:xfrm>
              <a:off x="2631527"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2" name="Freeform 127"/>
            <p:cNvSpPr/>
            <p:nvPr/>
          </p:nvSpPr>
          <p:spPr bwMode="auto">
            <a:xfrm>
              <a:off x="2855365" y="2441500"/>
              <a:ext cx="234950" cy="512762"/>
            </a:xfrm>
            <a:custGeom>
              <a:gdLst>
                <a:gd fmla="*/ 17 w 22" name="T0"/>
                <a:gd fmla="*/ 0 h 48" name="T1"/>
                <a:gd fmla="*/ 5 w 22" name="T2"/>
                <a:gd fmla="*/ 0 h 48" name="T3"/>
                <a:gd fmla="*/ 0 w 22" name="T4"/>
                <a:gd fmla="*/ 4 h 48" name="T5"/>
                <a:gd fmla="*/ 0 w 22" name="T6"/>
                <a:gd fmla="*/ 5 h 48" name="T7"/>
                <a:gd fmla="*/ 0 w 22" name="T8"/>
                <a:gd fmla="*/ 5 h 48" name="T9"/>
                <a:gd fmla="*/ 0 w 22" name="T10"/>
                <a:gd fmla="*/ 21 h 48" name="T11"/>
                <a:gd fmla="*/ 1 w 22" name="T12"/>
                <a:gd fmla="*/ 23 h 48" name="T13"/>
                <a:gd fmla="*/ 3 w 22" name="T14"/>
                <a:gd fmla="*/ 21 h 48" name="T15"/>
                <a:gd fmla="*/ 3 w 22" name="T16"/>
                <a:gd fmla="*/ 7 h 48" name="T17"/>
                <a:gd fmla="*/ 5 w 22" name="T18"/>
                <a:gd fmla="*/ 7 h 48" name="T19"/>
                <a:gd fmla="*/ 5 w 22" name="T20"/>
                <a:gd fmla="*/ 21 h 48" name="T21"/>
                <a:gd fmla="*/ 5 w 22" name="T22"/>
                <a:gd fmla="*/ 21 h 48" name="T23"/>
                <a:gd fmla="*/ 5 w 22" name="T24"/>
                <a:gd fmla="*/ 45 h 48" name="T25"/>
                <a:gd fmla="*/ 8 w 22" name="T26"/>
                <a:gd fmla="*/ 48 h 48" name="T27"/>
                <a:gd fmla="*/ 10 w 22" name="T28"/>
                <a:gd fmla="*/ 45 h 48" name="T29"/>
                <a:gd fmla="*/ 10 w 22" name="T30"/>
                <a:gd fmla="*/ 24 h 48" name="T31"/>
                <a:gd fmla="*/ 12 w 22" name="T32"/>
                <a:gd fmla="*/ 24 h 48" name="T33"/>
                <a:gd fmla="*/ 12 w 22" name="T34"/>
                <a:gd fmla="*/ 45 h 48" name="T35"/>
                <a:gd fmla="*/ 14 w 22" name="T36"/>
                <a:gd fmla="*/ 48 h 48" name="T37"/>
                <a:gd fmla="*/ 17 w 22" name="T38"/>
                <a:gd fmla="*/ 45 h 48" name="T39"/>
                <a:gd fmla="*/ 17 w 22" name="T40"/>
                <a:gd fmla="*/ 21 h 48" name="T41"/>
                <a:gd fmla="*/ 17 w 22" name="T42"/>
                <a:gd fmla="*/ 21 h 48" name="T43"/>
                <a:gd fmla="*/ 17 w 22" name="T44"/>
                <a:gd fmla="*/ 7 h 48" name="T45"/>
                <a:gd fmla="*/ 18 w 22" name="T46"/>
                <a:gd fmla="*/ 7 h 48" name="T47"/>
                <a:gd fmla="*/ 18 w 22" name="T48"/>
                <a:gd fmla="*/ 21 h 48" name="T49"/>
                <a:gd fmla="*/ 20 w 22" name="T50"/>
                <a:gd fmla="*/ 23 h 48" name="T51"/>
                <a:gd fmla="*/ 22 w 22" name="T52"/>
                <a:gd fmla="*/ 21 h 48" name="T53"/>
                <a:gd fmla="*/ 22 w 22" name="T54"/>
                <a:gd fmla="*/ 5 h 48" name="T55"/>
                <a:gd fmla="*/ 22 w 22" name="T56"/>
                <a:gd fmla="*/ 5 h 48" name="T57"/>
                <a:gd fmla="*/ 22 w 22" name="T58"/>
                <a:gd fmla="*/ 4 h 48" name="T59"/>
                <a:gd fmla="*/ 17 w 22"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2">
                  <a:moveTo>
                    <a:pt x="17" y="0"/>
                  </a:moveTo>
                  <a:cubicBezTo>
                    <a:pt x="5" y="0"/>
                    <a:pt x="5" y="0"/>
                    <a:pt x="5" y="0"/>
                  </a:cubicBezTo>
                  <a:cubicBezTo>
                    <a:pt x="1" y="0"/>
                    <a:pt x="0" y="3"/>
                    <a:pt x="0" y="4"/>
                  </a:cubicBezTo>
                  <a:cubicBezTo>
                    <a:pt x="0" y="5"/>
                    <a:pt x="0" y="5"/>
                    <a:pt x="0" y="5"/>
                  </a:cubicBezTo>
                  <a:cubicBezTo>
                    <a:pt x="0" y="5"/>
                    <a:pt x="0" y="5"/>
                    <a:pt x="0" y="5"/>
                  </a:cubicBezTo>
                  <a:cubicBezTo>
                    <a:pt x="0" y="21"/>
                    <a:pt x="0" y="21"/>
                    <a:pt x="0" y="21"/>
                  </a:cubicBezTo>
                  <a:cubicBezTo>
                    <a:pt x="0" y="22"/>
                    <a:pt x="0" y="23"/>
                    <a:pt x="1" y="23"/>
                  </a:cubicBezTo>
                  <a:cubicBezTo>
                    <a:pt x="2" y="23"/>
                    <a:pt x="3" y="22"/>
                    <a:pt x="3" y="21"/>
                  </a:cubicBezTo>
                  <a:cubicBezTo>
                    <a:pt x="3" y="7"/>
                    <a:pt x="3" y="7"/>
                    <a:pt x="3"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8" y="7"/>
                    <a:pt x="18" y="7"/>
                    <a:pt x="18" y="7"/>
                  </a:cubicBezTo>
                  <a:cubicBezTo>
                    <a:pt x="18" y="21"/>
                    <a:pt x="18" y="21"/>
                    <a:pt x="18" y="21"/>
                  </a:cubicBezTo>
                  <a:cubicBezTo>
                    <a:pt x="18" y="22"/>
                    <a:pt x="19" y="23"/>
                    <a:pt x="20" y="23"/>
                  </a:cubicBezTo>
                  <a:cubicBezTo>
                    <a:pt x="21" y="23"/>
                    <a:pt x="22" y="22"/>
                    <a:pt x="22" y="21"/>
                  </a:cubicBezTo>
                  <a:cubicBezTo>
                    <a:pt x="22" y="5"/>
                    <a:pt x="22" y="5"/>
                    <a:pt x="22" y="5"/>
                  </a:cubicBezTo>
                  <a:cubicBezTo>
                    <a:pt x="22" y="5"/>
                    <a:pt x="22" y="5"/>
                    <a:pt x="22" y="5"/>
                  </a:cubicBezTo>
                  <a:cubicBezTo>
                    <a:pt x="22" y="4"/>
                    <a:pt x="22" y="4"/>
                    <a:pt x="22" y="4"/>
                  </a:cubicBezTo>
                  <a:cubicBezTo>
                    <a:pt x="22" y="3"/>
                    <a:pt x="20"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3" name="Oval 128"/>
            <p:cNvSpPr>
              <a:spLocks noChangeArrowheads="1"/>
            </p:cNvSpPr>
            <p:nvPr/>
          </p:nvSpPr>
          <p:spPr bwMode="auto">
            <a:xfrm>
              <a:off x="2920452" y="2333550"/>
              <a:ext cx="106363"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4" name="Freeform 129"/>
            <p:cNvSpPr/>
            <p:nvPr/>
          </p:nvSpPr>
          <p:spPr bwMode="auto">
            <a:xfrm>
              <a:off x="4598440" y="2441500"/>
              <a:ext cx="244475" cy="512762"/>
            </a:xfrm>
            <a:custGeom>
              <a:gdLst>
                <a:gd fmla="*/ 17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5 w 23" name="T18"/>
                <a:gd fmla="*/ 7 h 48" name="T19"/>
                <a:gd fmla="*/ 5 w 23" name="T20"/>
                <a:gd fmla="*/ 21 h 48" name="T21"/>
                <a:gd fmla="*/ 5 w 23" name="T22"/>
                <a:gd fmla="*/ 21 h 48" name="T23"/>
                <a:gd fmla="*/ 5 w 23" name="T24"/>
                <a:gd fmla="*/ 45 h 48" name="T25"/>
                <a:gd fmla="*/ 8 w 23" name="T26"/>
                <a:gd fmla="*/ 48 h 48" name="T27"/>
                <a:gd fmla="*/ 10 w 23" name="T28"/>
                <a:gd fmla="*/ 45 h 48" name="T29"/>
                <a:gd fmla="*/ 10 w 23" name="T30"/>
                <a:gd fmla="*/ 24 h 48" name="T31"/>
                <a:gd fmla="*/ 12 w 23" name="T32"/>
                <a:gd fmla="*/ 24 h 48" name="T33"/>
                <a:gd fmla="*/ 12 w 23" name="T34"/>
                <a:gd fmla="*/ 45 h 48" name="T35"/>
                <a:gd fmla="*/ 14 w 23" name="T36"/>
                <a:gd fmla="*/ 48 h 48" name="T37"/>
                <a:gd fmla="*/ 17 w 23" name="T38"/>
                <a:gd fmla="*/ 45 h 48" name="T39"/>
                <a:gd fmla="*/ 17 w 23" name="T40"/>
                <a:gd fmla="*/ 21 h 48" name="T41"/>
                <a:gd fmla="*/ 17 w 23" name="T42"/>
                <a:gd fmla="*/ 21 h 48" name="T43"/>
                <a:gd fmla="*/ 17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1"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19"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5" name="Oval 130"/>
            <p:cNvSpPr>
              <a:spLocks noChangeArrowheads="1"/>
            </p:cNvSpPr>
            <p:nvPr/>
          </p:nvSpPr>
          <p:spPr bwMode="auto">
            <a:xfrm>
              <a:off x="4673052" y="2333550"/>
              <a:ext cx="95250"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6" name="Freeform 131"/>
            <p:cNvSpPr/>
            <p:nvPr/>
          </p:nvSpPr>
          <p:spPr bwMode="auto">
            <a:xfrm>
              <a:off x="4885777" y="2441500"/>
              <a:ext cx="246063" cy="512762"/>
            </a:xfrm>
            <a:custGeom>
              <a:gdLst>
                <a:gd fmla="*/ 17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5 w 23" name="T18"/>
                <a:gd fmla="*/ 7 h 48" name="T19"/>
                <a:gd fmla="*/ 5 w 23" name="T20"/>
                <a:gd fmla="*/ 21 h 48" name="T21"/>
                <a:gd fmla="*/ 5 w 23" name="T22"/>
                <a:gd fmla="*/ 21 h 48" name="T23"/>
                <a:gd fmla="*/ 5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5" y="7"/>
                    <a:pt x="5" y="7"/>
                    <a:pt x="5" y="7"/>
                  </a:cubicBezTo>
                  <a:cubicBezTo>
                    <a:pt x="5" y="21"/>
                    <a:pt x="5" y="21"/>
                    <a:pt x="5" y="21"/>
                  </a:cubicBezTo>
                  <a:cubicBezTo>
                    <a:pt x="5" y="21"/>
                    <a:pt x="5" y="21"/>
                    <a:pt x="5" y="21"/>
                  </a:cubicBezTo>
                  <a:cubicBezTo>
                    <a:pt x="5" y="45"/>
                    <a:pt x="5" y="45"/>
                    <a:pt x="5" y="45"/>
                  </a:cubicBezTo>
                  <a:cubicBezTo>
                    <a:pt x="5" y="47"/>
                    <a:pt x="7" y="48"/>
                    <a:pt x="8" y="48"/>
                  </a:cubicBezTo>
                  <a:cubicBezTo>
                    <a:pt x="9"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7" name="Oval 132"/>
            <p:cNvSpPr>
              <a:spLocks noChangeArrowheads="1"/>
            </p:cNvSpPr>
            <p:nvPr/>
          </p:nvSpPr>
          <p:spPr bwMode="auto">
            <a:xfrm>
              <a:off x="4960390"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8" name="Freeform 133"/>
            <p:cNvSpPr/>
            <p:nvPr/>
          </p:nvSpPr>
          <p:spPr bwMode="auto">
            <a:xfrm>
              <a:off x="5174702" y="2441500"/>
              <a:ext cx="246063" cy="512762"/>
            </a:xfrm>
            <a:custGeom>
              <a:gdLst>
                <a:gd fmla="*/ 17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6 w 23" name="T18"/>
                <a:gd fmla="*/ 7 h 48" name="T19"/>
                <a:gd fmla="*/ 6 w 23" name="T20"/>
                <a:gd fmla="*/ 21 h 48" name="T21"/>
                <a:gd fmla="*/ 6 w 23" name="T22"/>
                <a:gd fmla="*/ 21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79" name="Oval 134"/>
            <p:cNvSpPr>
              <a:spLocks noChangeArrowheads="1"/>
            </p:cNvSpPr>
            <p:nvPr/>
          </p:nvSpPr>
          <p:spPr bwMode="auto">
            <a:xfrm>
              <a:off x="5249315"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0" name="Freeform 135"/>
            <p:cNvSpPr/>
            <p:nvPr/>
          </p:nvSpPr>
          <p:spPr bwMode="auto">
            <a:xfrm>
              <a:off x="4009477" y="2441500"/>
              <a:ext cx="246063" cy="512762"/>
            </a:xfrm>
            <a:custGeom>
              <a:gdLst>
                <a:gd fmla="*/ 17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5 w 23" name="T18"/>
                <a:gd fmla="*/ 7 h 48" name="T19"/>
                <a:gd fmla="*/ 5 w 23" name="T20"/>
                <a:gd fmla="*/ 21 h 48" name="T21"/>
                <a:gd fmla="*/ 5 w 23" name="T22"/>
                <a:gd fmla="*/ 21 h 48" name="T23"/>
                <a:gd fmla="*/ 5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1"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5" y="7"/>
                    <a:pt x="5" y="7"/>
                    <a:pt x="5" y="7"/>
                  </a:cubicBezTo>
                  <a:cubicBezTo>
                    <a:pt x="5" y="21"/>
                    <a:pt x="5" y="21"/>
                    <a:pt x="5" y="21"/>
                  </a:cubicBezTo>
                  <a:cubicBezTo>
                    <a:pt x="5" y="21"/>
                    <a:pt x="5" y="21"/>
                    <a:pt x="5" y="21"/>
                  </a:cubicBezTo>
                  <a:cubicBezTo>
                    <a:pt x="5" y="45"/>
                    <a:pt x="5" y="45"/>
                    <a:pt x="5" y="45"/>
                  </a:cubicBezTo>
                  <a:cubicBezTo>
                    <a:pt x="5" y="47"/>
                    <a:pt x="7" y="48"/>
                    <a:pt x="8" y="48"/>
                  </a:cubicBezTo>
                  <a:cubicBezTo>
                    <a:pt x="9"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1" name="Oval 136"/>
            <p:cNvSpPr>
              <a:spLocks noChangeArrowheads="1"/>
            </p:cNvSpPr>
            <p:nvPr/>
          </p:nvSpPr>
          <p:spPr bwMode="auto">
            <a:xfrm>
              <a:off x="4084090"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2" name="Freeform 137"/>
            <p:cNvSpPr/>
            <p:nvPr/>
          </p:nvSpPr>
          <p:spPr bwMode="auto">
            <a:xfrm>
              <a:off x="4298402" y="2441500"/>
              <a:ext cx="246063" cy="512762"/>
            </a:xfrm>
            <a:custGeom>
              <a:gdLst>
                <a:gd fmla="*/ 17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6 w 23" name="T18"/>
                <a:gd fmla="*/ 7 h 48" name="T19"/>
                <a:gd fmla="*/ 6 w 23" name="T20"/>
                <a:gd fmla="*/ 21 h 48" name="T21"/>
                <a:gd fmla="*/ 6 w 23" name="T22"/>
                <a:gd fmla="*/ 21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7 w 23" name="T38"/>
                <a:gd fmla="*/ 45 h 48" name="T39"/>
                <a:gd fmla="*/ 17 w 23" name="T40"/>
                <a:gd fmla="*/ 21 h 48" name="T41"/>
                <a:gd fmla="*/ 17 w 23" name="T42"/>
                <a:gd fmla="*/ 21 h 48" name="T43"/>
                <a:gd fmla="*/ 17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3" y="48"/>
                    <a:pt x="15" y="48"/>
                  </a:cubicBezTo>
                  <a:cubicBezTo>
                    <a:pt x="16" y="48"/>
                    <a:pt x="17" y="47"/>
                    <a:pt x="17" y="45"/>
                  </a:cubicBezTo>
                  <a:cubicBezTo>
                    <a:pt x="17" y="21"/>
                    <a:pt x="17" y="21"/>
                    <a:pt x="17" y="21"/>
                  </a:cubicBezTo>
                  <a:cubicBezTo>
                    <a:pt x="17" y="21"/>
                    <a:pt x="17" y="21"/>
                    <a:pt x="17" y="21"/>
                  </a:cubicBezTo>
                  <a:cubicBezTo>
                    <a:pt x="17" y="7"/>
                    <a:pt x="17" y="7"/>
                    <a:pt x="17"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3" name="Oval 138"/>
            <p:cNvSpPr>
              <a:spLocks noChangeArrowheads="1"/>
            </p:cNvSpPr>
            <p:nvPr/>
          </p:nvSpPr>
          <p:spPr bwMode="auto">
            <a:xfrm>
              <a:off x="4373015"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4" name="Freeform 139"/>
            <p:cNvSpPr/>
            <p:nvPr/>
          </p:nvSpPr>
          <p:spPr bwMode="auto">
            <a:xfrm>
              <a:off x="6039890" y="2441500"/>
              <a:ext cx="246063" cy="512762"/>
            </a:xfrm>
            <a:custGeom>
              <a:gdLst>
                <a:gd fmla="*/ 18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6 w 23" name="T18"/>
                <a:gd fmla="*/ 7 h 48" name="T19"/>
                <a:gd fmla="*/ 6 w 23" name="T20"/>
                <a:gd fmla="*/ 21 h 48" name="T21"/>
                <a:gd fmla="*/ 6 w 23" name="T22"/>
                <a:gd fmla="*/ 21 h 48" name="T23"/>
                <a:gd fmla="*/ 6 w 23" name="T24"/>
                <a:gd fmla="*/ 45 h 48" name="T25"/>
                <a:gd fmla="*/ 8 w 23" name="T26"/>
                <a:gd fmla="*/ 48 h 48" name="T27"/>
                <a:gd fmla="*/ 11 w 23" name="T28"/>
                <a:gd fmla="*/ 45 h 48" name="T29"/>
                <a:gd fmla="*/ 11 w 23" name="T30"/>
                <a:gd fmla="*/ 24 h 48" name="T31"/>
                <a:gd fmla="*/ 12 w 23" name="T32"/>
                <a:gd fmla="*/ 24 h 48" name="T33"/>
                <a:gd fmla="*/ 12 w 23" name="T34"/>
                <a:gd fmla="*/ 45 h 48" name="T35"/>
                <a:gd fmla="*/ 15 w 23" name="T36"/>
                <a:gd fmla="*/ 48 h 48" name="T37"/>
                <a:gd fmla="*/ 18 w 23" name="T38"/>
                <a:gd fmla="*/ 45 h 48" name="T39"/>
                <a:gd fmla="*/ 18 w 23" name="T40"/>
                <a:gd fmla="*/ 21 h 48" name="T41"/>
                <a:gd fmla="*/ 18 w 23" name="T42"/>
                <a:gd fmla="*/ 21 h 48" name="T43"/>
                <a:gd fmla="*/ 18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8" y="48"/>
                  </a:cubicBezTo>
                  <a:cubicBezTo>
                    <a:pt x="10" y="48"/>
                    <a:pt x="11" y="47"/>
                    <a:pt x="11" y="45"/>
                  </a:cubicBezTo>
                  <a:cubicBezTo>
                    <a:pt x="11" y="24"/>
                    <a:pt x="11" y="24"/>
                    <a:pt x="11" y="24"/>
                  </a:cubicBezTo>
                  <a:cubicBezTo>
                    <a:pt x="12" y="24"/>
                    <a:pt x="12" y="24"/>
                    <a:pt x="12" y="24"/>
                  </a:cubicBezTo>
                  <a:cubicBezTo>
                    <a:pt x="12" y="45"/>
                    <a:pt x="12" y="45"/>
                    <a:pt x="12" y="45"/>
                  </a:cubicBezTo>
                  <a:cubicBezTo>
                    <a:pt x="12" y="47"/>
                    <a:pt x="14" y="48"/>
                    <a:pt x="15" y="48"/>
                  </a:cubicBezTo>
                  <a:cubicBezTo>
                    <a:pt x="16" y="48"/>
                    <a:pt x="18" y="47"/>
                    <a:pt x="18" y="45"/>
                  </a:cubicBezTo>
                  <a:cubicBezTo>
                    <a:pt x="18" y="21"/>
                    <a:pt x="18" y="21"/>
                    <a:pt x="18" y="21"/>
                  </a:cubicBezTo>
                  <a:cubicBezTo>
                    <a:pt x="18" y="21"/>
                    <a:pt x="18" y="21"/>
                    <a:pt x="18" y="21"/>
                  </a:cubicBezTo>
                  <a:cubicBezTo>
                    <a:pt x="18" y="7"/>
                    <a:pt x="18" y="7"/>
                    <a:pt x="18"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5" name="Oval 140"/>
            <p:cNvSpPr>
              <a:spLocks noChangeArrowheads="1"/>
            </p:cNvSpPr>
            <p:nvPr/>
          </p:nvSpPr>
          <p:spPr bwMode="auto">
            <a:xfrm>
              <a:off x="6114502"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6" name="Freeform 141"/>
            <p:cNvSpPr/>
            <p:nvPr/>
          </p:nvSpPr>
          <p:spPr bwMode="auto">
            <a:xfrm>
              <a:off x="6339927" y="2441500"/>
              <a:ext cx="234950" cy="512762"/>
            </a:xfrm>
            <a:custGeom>
              <a:gdLst>
                <a:gd fmla="*/ 17 w 22" name="T0"/>
                <a:gd fmla="*/ 0 h 48" name="T1"/>
                <a:gd fmla="*/ 5 w 22" name="T2"/>
                <a:gd fmla="*/ 0 h 48" name="T3"/>
                <a:gd fmla="*/ 0 w 22" name="T4"/>
                <a:gd fmla="*/ 4 h 48" name="T5"/>
                <a:gd fmla="*/ 0 w 22" name="T6"/>
                <a:gd fmla="*/ 5 h 48" name="T7"/>
                <a:gd fmla="*/ 0 w 22" name="T8"/>
                <a:gd fmla="*/ 5 h 48" name="T9"/>
                <a:gd fmla="*/ 0 w 22" name="T10"/>
                <a:gd fmla="*/ 21 h 48" name="T11"/>
                <a:gd fmla="*/ 1 w 22" name="T12"/>
                <a:gd fmla="*/ 23 h 48" name="T13"/>
                <a:gd fmla="*/ 3 w 22" name="T14"/>
                <a:gd fmla="*/ 21 h 48" name="T15"/>
                <a:gd fmla="*/ 3 w 22" name="T16"/>
                <a:gd fmla="*/ 7 h 48" name="T17"/>
                <a:gd fmla="*/ 5 w 22" name="T18"/>
                <a:gd fmla="*/ 7 h 48" name="T19"/>
                <a:gd fmla="*/ 5 w 22" name="T20"/>
                <a:gd fmla="*/ 21 h 48" name="T21"/>
                <a:gd fmla="*/ 5 w 22" name="T22"/>
                <a:gd fmla="*/ 21 h 48" name="T23"/>
                <a:gd fmla="*/ 5 w 22" name="T24"/>
                <a:gd fmla="*/ 45 h 48" name="T25"/>
                <a:gd fmla="*/ 8 w 22" name="T26"/>
                <a:gd fmla="*/ 48 h 48" name="T27"/>
                <a:gd fmla="*/ 10 w 22" name="T28"/>
                <a:gd fmla="*/ 45 h 48" name="T29"/>
                <a:gd fmla="*/ 10 w 22" name="T30"/>
                <a:gd fmla="*/ 24 h 48" name="T31"/>
                <a:gd fmla="*/ 12 w 22" name="T32"/>
                <a:gd fmla="*/ 24 h 48" name="T33"/>
                <a:gd fmla="*/ 12 w 22" name="T34"/>
                <a:gd fmla="*/ 45 h 48" name="T35"/>
                <a:gd fmla="*/ 14 w 22" name="T36"/>
                <a:gd fmla="*/ 48 h 48" name="T37"/>
                <a:gd fmla="*/ 17 w 22" name="T38"/>
                <a:gd fmla="*/ 45 h 48" name="T39"/>
                <a:gd fmla="*/ 17 w 22" name="T40"/>
                <a:gd fmla="*/ 21 h 48" name="T41"/>
                <a:gd fmla="*/ 17 w 22" name="T42"/>
                <a:gd fmla="*/ 21 h 48" name="T43"/>
                <a:gd fmla="*/ 17 w 22" name="T44"/>
                <a:gd fmla="*/ 7 h 48" name="T45"/>
                <a:gd fmla="*/ 18 w 22" name="T46"/>
                <a:gd fmla="*/ 7 h 48" name="T47"/>
                <a:gd fmla="*/ 18 w 22" name="T48"/>
                <a:gd fmla="*/ 21 h 48" name="T49"/>
                <a:gd fmla="*/ 20 w 22" name="T50"/>
                <a:gd fmla="*/ 23 h 48" name="T51"/>
                <a:gd fmla="*/ 22 w 22" name="T52"/>
                <a:gd fmla="*/ 21 h 48" name="T53"/>
                <a:gd fmla="*/ 22 w 22" name="T54"/>
                <a:gd fmla="*/ 5 h 48" name="T55"/>
                <a:gd fmla="*/ 22 w 22" name="T56"/>
                <a:gd fmla="*/ 5 h 48" name="T57"/>
                <a:gd fmla="*/ 22 w 22" name="T58"/>
                <a:gd fmla="*/ 4 h 48" name="T59"/>
                <a:gd fmla="*/ 17 w 22"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2">
                  <a:moveTo>
                    <a:pt x="17" y="0"/>
                  </a:moveTo>
                  <a:cubicBezTo>
                    <a:pt x="5" y="0"/>
                    <a:pt x="5" y="0"/>
                    <a:pt x="5" y="0"/>
                  </a:cubicBezTo>
                  <a:cubicBezTo>
                    <a:pt x="1" y="0"/>
                    <a:pt x="0" y="3"/>
                    <a:pt x="0" y="4"/>
                  </a:cubicBezTo>
                  <a:cubicBezTo>
                    <a:pt x="0" y="5"/>
                    <a:pt x="0" y="5"/>
                    <a:pt x="0" y="5"/>
                  </a:cubicBezTo>
                  <a:cubicBezTo>
                    <a:pt x="0" y="5"/>
                    <a:pt x="0" y="5"/>
                    <a:pt x="0" y="5"/>
                  </a:cubicBezTo>
                  <a:cubicBezTo>
                    <a:pt x="0" y="21"/>
                    <a:pt x="0" y="21"/>
                    <a:pt x="0" y="21"/>
                  </a:cubicBezTo>
                  <a:cubicBezTo>
                    <a:pt x="0" y="22"/>
                    <a:pt x="0" y="23"/>
                    <a:pt x="1" y="23"/>
                  </a:cubicBezTo>
                  <a:cubicBezTo>
                    <a:pt x="2" y="23"/>
                    <a:pt x="3" y="22"/>
                    <a:pt x="3" y="21"/>
                  </a:cubicBezTo>
                  <a:cubicBezTo>
                    <a:pt x="3" y="7"/>
                    <a:pt x="3" y="7"/>
                    <a:pt x="3"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8" y="7"/>
                    <a:pt x="18" y="7"/>
                    <a:pt x="18" y="7"/>
                  </a:cubicBezTo>
                  <a:cubicBezTo>
                    <a:pt x="18" y="21"/>
                    <a:pt x="18" y="21"/>
                    <a:pt x="18" y="21"/>
                  </a:cubicBezTo>
                  <a:cubicBezTo>
                    <a:pt x="18" y="22"/>
                    <a:pt x="19" y="23"/>
                    <a:pt x="20" y="23"/>
                  </a:cubicBezTo>
                  <a:cubicBezTo>
                    <a:pt x="21" y="23"/>
                    <a:pt x="22" y="22"/>
                    <a:pt x="22" y="21"/>
                  </a:cubicBezTo>
                  <a:cubicBezTo>
                    <a:pt x="22" y="5"/>
                    <a:pt x="22" y="5"/>
                    <a:pt x="22" y="5"/>
                  </a:cubicBezTo>
                  <a:cubicBezTo>
                    <a:pt x="22" y="5"/>
                    <a:pt x="22" y="5"/>
                    <a:pt x="22" y="5"/>
                  </a:cubicBezTo>
                  <a:cubicBezTo>
                    <a:pt x="22" y="4"/>
                    <a:pt x="22" y="4"/>
                    <a:pt x="22" y="4"/>
                  </a:cubicBezTo>
                  <a:cubicBezTo>
                    <a:pt x="22" y="3"/>
                    <a:pt x="20"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7" name="Oval 142"/>
            <p:cNvSpPr>
              <a:spLocks noChangeArrowheads="1"/>
            </p:cNvSpPr>
            <p:nvPr/>
          </p:nvSpPr>
          <p:spPr bwMode="auto">
            <a:xfrm>
              <a:off x="6403427"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8" name="Freeform 143"/>
            <p:cNvSpPr/>
            <p:nvPr/>
          </p:nvSpPr>
          <p:spPr bwMode="auto">
            <a:xfrm>
              <a:off x="5452515" y="2441500"/>
              <a:ext cx="246063" cy="512762"/>
            </a:xfrm>
            <a:custGeom>
              <a:gdLst>
                <a:gd fmla="*/ 18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4 w 23" name="T14"/>
                <a:gd fmla="*/ 21 h 48" name="T15"/>
                <a:gd fmla="*/ 4 w 23" name="T16"/>
                <a:gd fmla="*/ 7 h 48" name="T17"/>
                <a:gd fmla="*/ 6 w 23" name="T18"/>
                <a:gd fmla="*/ 7 h 48" name="T19"/>
                <a:gd fmla="*/ 6 w 23" name="T20"/>
                <a:gd fmla="*/ 21 h 48" name="T21"/>
                <a:gd fmla="*/ 6 w 23" name="T22"/>
                <a:gd fmla="*/ 21 h 48" name="T23"/>
                <a:gd fmla="*/ 6 w 23" name="T24"/>
                <a:gd fmla="*/ 45 h 48" name="T25"/>
                <a:gd fmla="*/ 9 w 23" name="T26"/>
                <a:gd fmla="*/ 48 h 48" name="T27"/>
                <a:gd fmla="*/ 11 w 23" name="T28"/>
                <a:gd fmla="*/ 45 h 48" name="T29"/>
                <a:gd fmla="*/ 11 w 23" name="T30"/>
                <a:gd fmla="*/ 24 h 48" name="T31"/>
                <a:gd fmla="*/ 13 w 23" name="T32"/>
                <a:gd fmla="*/ 24 h 48" name="T33"/>
                <a:gd fmla="*/ 13 w 23" name="T34"/>
                <a:gd fmla="*/ 45 h 48" name="T35"/>
                <a:gd fmla="*/ 15 w 23" name="T36"/>
                <a:gd fmla="*/ 48 h 48" name="T37"/>
                <a:gd fmla="*/ 18 w 23" name="T38"/>
                <a:gd fmla="*/ 45 h 48" name="T39"/>
                <a:gd fmla="*/ 18 w 23" name="T40"/>
                <a:gd fmla="*/ 21 h 48" name="T41"/>
                <a:gd fmla="*/ 18 w 23" name="T42"/>
                <a:gd fmla="*/ 21 h 48" name="T43"/>
                <a:gd fmla="*/ 18 w 23" name="T44"/>
                <a:gd fmla="*/ 7 h 48" name="T45"/>
                <a:gd fmla="*/ 19 w 23" name="T46"/>
                <a:gd fmla="*/ 7 h 48" name="T47"/>
                <a:gd fmla="*/ 19 w 23" name="T48"/>
                <a:gd fmla="*/ 21 h 48" name="T49"/>
                <a:gd fmla="*/ 21 w 23" name="T50"/>
                <a:gd fmla="*/ 23 h 48" name="T51"/>
                <a:gd fmla="*/ 23 w 23" name="T52"/>
                <a:gd fmla="*/ 21 h 48" name="T53"/>
                <a:gd fmla="*/ 23 w 23" name="T54"/>
                <a:gd fmla="*/ 5 h 48" name="T55"/>
                <a:gd fmla="*/ 23 w 23" name="T56"/>
                <a:gd fmla="*/ 5 h 48" name="T57"/>
                <a:gd fmla="*/ 23 w 23" name="T58"/>
                <a:gd fmla="*/ 4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4" y="22"/>
                    <a:pt x="4" y="21"/>
                  </a:cubicBezTo>
                  <a:cubicBezTo>
                    <a:pt x="4" y="7"/>
                    <a:pt x="4" y="7"/>
                    <a:pt x="4" y="7"/>
                  </a:cubicBezTo>
                  <a:cubicBezTo>
                    <a:pt x="6" y="7"/>
                    <a:pt x="6" y="7"/>
                    <a:pt x="6" y="7"/>
                  </a:cubicBezTo>
                  <a:cubicBezTo>
                    <a:pt x="6" y="21"/>
                    <a:pt x="6" y="21"/>
                    <a:pt x="6" y="21"/>
                  </a:cubicBezTo>
                  <a:cubicBezTo>
                    <a:pt x="6" y="21"/>
                    <a:pt x="6" y="21"/>
                    <a:pt x="6" y="21"/>
                  </a:cubicBezTo>
                  <a:cubicBezTo>
                    <a:pt x="6" y="45"/>
                    <a:pt x="6" y="45"/>
                    <a:pt x="6" y="45"/>
                  </a:cubicBezTo>
                  <a:cubicBezTo>
                    <a:pt x="6" y="47"/>
                    <a:pt x="7" y="48"/>
                    <a:pt x="9" y="48"/>
                  </a:cubicBezTo>
                  <a:cubicBezTo>
                    <a:pt x="10" y="48"/>
                    <a:pt x="11" y="47"/>
                    <a:pt x="11" y="45"/>
                  </a:cubicBezTo>
                  <a:cubicBezTo>
                    <a:pt x="11" y="24"/>
                    <a:pt x="11" y="24"/>
                    <a:pt x="11" y="24"/>
                  </a:cubicBezTo>
                  <a:cubicBezTo>
                    <a:pt x="13" y="24"/>
                    <a:pt x="13" y="24"/>
                    <a:pt x="13" y="24"/>
                  </a:cubicBezTo>
                  <a:cubicBezTo>
                    <a:pt x="13" y="45"/>
                    <a:pt x="13" y="45"/>
                    <a:pt x="13" y="45"/>
                  </a:cubicBezTo>
                  <a:cubicBezTo>
                    <a:pt x="13" y="47"/>
                    <a:pt x="14" y="48"/>
                    <a:pt x="15" y="48"/>
                  </a:cubicBezTo>
                  <a:cubicBezTo>
                    <a:pt x="17" y="48"/>
                    <a:pt x="18" y="47"/>
                    <a:pt x="18" y="45"/>
                  </a:cubicBezTo>
                  <a:cubicBezTo>
                    <a:pt x="18" y="21"/>
                    <a:pt x="18" y="21"/>
                    <a:pt x="18" y="21"/>
                  </a:cubicBezTo>
                  <a:cubicBezTo>
                    <a:pt x="18" y="21"/>
                    <a:pt x="18" y="21"/>
                    <a:pt x="18" y="21"/>
                  </a:cubicBezTo>
                  <a:cubicBezTo>
                    <a:pt x="18" y="7"/>
                    <a:pt x="18" y="7"/>
                    <a:pt x="18" y="7"/>
                  </a:cubicBezTo>
                  <a:cubicBezTo>
                    <a:pt x="19" y="7"/>
                    <a:pt x="19" y="7"/>
                    <a:pt x="19" y="7"/>
                  </a:cubicBezTo>
                  <a:cubicBezTo>
                    <a:pt x="19" y="21"/>
                    <a:pt x="19" y="21"/>
                    <a:pt x="19" y="21"/>
                  </a:cubicBezTo>
                  <a:cubicBezTo>
                    <a:pt x="19" y="22"/>
                    <a:pt x="20" y="23"/>
                    <a:pt x="21"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89" name="Oval 144"/>
            <p:cNvSpPr>
              <a:spLocks noChangeArrowheads="1"/>
            </p:cNvSpPr>
            <p:nvPr/>
          </p:nvSpPr>
          <p:spPr bwMode="auto">
            <a:xfrm>
              <a:off x="5527127" y="2333550"/>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0" name="Freeform 145"/>
            <p:cNvSpPr/>
            <p:nvPr/>
          </p:nvSpPr>
          <p:spPr bwMode="auto">
            <a:xfrm>
              <a:off x="5752552" y="2441500"/>
              <a:ext cx="244475" cy="512762"/>
            </a:xfrm>
            <a:custGeom>
              <a:gdLst>
                <a:gd fmla="*/ 17 w 23" name="T0"/>
                <a:gd fmla="*/ 0 h 48" name="T1"/>
                <a:gd fmla="*/ 6 w 23" name="T2"/>
                <a:gd fmla="*/ 0 h 48" name="T3"/>
                <a:gd fmla="*/ 0 w 23" name="T4"/>
                <a:gd fmla="*/ 4 h 48" name="T5"/>
                <a:gd fmla="*/ 0 w 23" name="T6"/>
                <a:gd fmla="*/ 5 h 48" name="T7"/>
                <a:gd fmla="*/ 0 w 23" name="T8"/>
                <a:gd fmla="*/ 5 h 48" name="T9"/>
                <a:gd fmla="*/ 0 w 23" name="T10"/>
                <a:gd fmla="*/ 21 h 48" name="T11"/>
                <a:gd fmla="*/ 2 w 23" name="T12"/>
                <a:gd fmla="*/ 23 h 48" name="T13"/>
                <a:gd fmla="*/ 3 w 23" name="T14"/>
                <a:gd fmla="*/ 21 h 48" name="T15"/>
                <a:gd fmla="*/ 3 w 23" name="T16"/>
                <a:gd fmla="*/ 7 h 48" name="T17"/>
                <a:gd fmla="*/ 5 w 23" name="T18"/>
                <a:gd fmla="*/ 7 h 48" name="T19"/>
                <a:gd fmla="*/ 5 w 23" name="T20"/>
                <a:gd fmla="*/ 21 h 48" name="T21"/>
                <a:gd fmla="*/ 5 w 23" name="T22"/>
                <a:gd fmla="*/ 21 h 48" name="T23"/>
                <a:gd fmla="*/ 5 w 23" name="T24"/>
                <a:gd fmla="*/ 45 h 48" name="T25"/>
                <a:gd fmla="*/ 8 w 23" name="T26"/>
                <a:gd fmla="*/ 48 h 48" name="T27"/>
                <a:gd fmla="*/ 10 w 23" name="T28"/>
                <a:gd fmla="*/ 45 h 48" name="T29"/>
                <a:gd fmla="*/ 10 w 23" name="T30"/>
                <a:gd fmla="*/ 24 h 48" name="T31"/>
                <a:gd fmla="*/ 12 w 23" name="T32"/>
                <a:gd fmla="*/ 24 h 48" name="T33"/>
                <a:gd fmla="*/ 12 w 23" name="T34"/>
                <a:gd fmla="*/ 45 h 48" name="T35"/>
                <a:gd fmla="*/ 14 w 23" name="T36"/>
                <a:gd fmla="*/ 48 h 48" name="T37"/>
                <a:gd fmla="*/ 17 w 23" name="T38"/>
                <a:gd fmla="*/ 45 h 48" name="T39"/>
                <a:gd fmla="*/ 17 w 23" name="T40"/>
                <a:gd fmla="*/ 21 h 48" name="T41"/>
                <a:gd fmla="*/ 17 w 23" name="T42"/>
                <a:gd fmla="*/ 21 h 48" name="T43"/>
                <a:gd fmla="*/ 17 w 23" name="T44"/>
                <a:gd fmla="*/ 7 h 48" name="T45"/>
                <a:gd fmla="*/ 18 w 23" name="T46"/>
                <a:gd fmla="*/ 7 h 48" name="T47"/>
                <a:gd fmla="*/ 18 w 23" name="T48"/>
                <a:gd fmla="*/ 21 h 48" name="T49"/>
                <a:gd fmla="*/ 20 w 23" name="T50"/>
                <a:gd fmla="*/ 23 h 48" name="T51"/>
                <a:gd fmla="*/ 23 w 23" name="T52"/>
                <a:gd fmla="*/ 21 h 48" name="T53"/>
                <a:gd fmla="*/ 23 w 23" name="T54"/>
                <a:gd fmla="*/ 5 h 48" name="T55"/>
                <a:gd fmla="*/ 23 w 23" name="T56"/>
                <a:gd fmla="*/ 5 h 48" name="T57"/>
                <a:gd fmla="*/ 23 w 23" name="T58"/>
                <a:gd fmla="*/ 4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1" y="0"/>
                    <a:pt x="0" y="3"/>
                    <a:pt x="0" y="4"/>
                  </a:cubicBezTo>
                  <a:cubicBezTo>
                    <a:pt x="0" y="5"/>
                    <a:pt x="0" y="5"/>
                    <a:pt x="0" y="5"/>
                  </a:cubicBezTo>
                  <a:cubicBezTo>
                    <a:pt x="0" y="5"/>
                    <a:pt x="0" y="5"/>
                    <a:pt x="0" y="5"/>
                  </a:cubicBezTo>
                  <a:cubicBezTo>
                    <a:pt x="0" y="21"/>
                    <a:pt x="0" y="21"/>
                    <a:pt x="0" y="21"/>
                  </a:cubicBezTo>
                  <a:cubicBezTo>
                    <a:pt x="0" y="22"/>
                    <a:pt x="1" y="23"/>
                    <a:pt x="2" y="23"/>
                  </a:cubicBezTo>
                  <a:cubicBezTo>
                    <a:pt x="3" y="23"/>
                    <a:pt x="3" y="22"/>
                    <a:pt x="3" y="21"/>
                  </a:cubicBezTo>
                  <a:cubicBezTo>
                    <a:pt x="3" y="7"/>
                    <a:pt x="3" y="7"/>
                    <a:pt x="3" y="7"/>
                  </a:cubicBezTo>
                  <a:cubicBezTo>
                    <a:pt x="5" y="7"/>
                    <a:pt x="5" y="7"/>
                    <a:pt x="5" y="7"/>
                  </a:cubicBezTo>
                  <a:cubicBezTo>
                    <a:pt x="5" y="21"/>
                    <a:pt x="5" y="21"/>
                    <a:pt x="5" y="21"/>
                  </a:cubicBezTo>
                  <a:cubicBezTo>
                    <a:pt x="5" y="21"/>
                    <a:pt x="5" y="21"/>
                    <a:pt x="5" y="21"/>
                  </a:cubicBezTo>
                  <a:cubicBezTo>
                    <a:pt x="5" y="45"/>
                    <a:pt x="5" y="45"/>
                    <a:pt x="5" y="45"/>
                  </a:cubicBezTo>
                  <a:cubicBezTo>
                    <a:pt x="5" y="47"/>
                    <a:pt x="6" y="48"/>
                    <a:pt x="8" y="48"/>
                  </a:cubicBezTo>
                  <a:cubicBezTo>
                    <a:pt x="9" y="48"/>
                    <a:pt x="10" y="47"/>
                    <a:pt x="10" y="45"/>
                  </a:cubicBezTo>
                  <a:cubicBezTo>
                    <a:pt x="10" y="24"/>
                    <a:pt x="10" y="24"/>
                    <a:pt x="10" y="24"/>
                  </a:cubicBezTo>
                  <a:cubicBezTo>
                    <a:pt x="12" y="24"/>
                    <a:pt x="12" y="24"/>
                    <a:pt x="12" y="24"/>
                  </a:cubicBezTo>
                  <a:cubicBezTo>
                    <a:pt x="12" y="45"/>
                    <a:pt x="12" y="45"/>
                    <a:pt x="12" y="45"/>
                  </a:cubicBezTo>
                  <a:cubicBezTo>
                    <a:pt x="12" y="47"/>
                    <a:pt x="13" y="48"/>
                    <a:pt x="14" y="48"/>
                  </a:cubicBezTo>
                  <a:cubicBezTo>
                    <a:pt x="16" y="48"/>
                    <a:pt x="17" y="47"/>
                    <a:pt x="17" y="45"/>
                  </a:cubicBezTo>
                  <a:cubicBezTo>
                    <a:pt x="17" y="21"/>
                    <a:pt x="17" y="21"/>
                    <a:pt x="17" y="21"/>
                  </a:cubicBezTo>
                  <a:cubicBezTo>
                    <a:pt x="17" y="21"/>
                    <a:pt x="17" y="21"/>
                    <a:pt x="17" y="21"/>
                  </a:cubicBezTo>
                  <a:cubicBezTo>
                    <a:pt x="17" y="7"/>
                    <a:pt x="17" y="7"/>
                    <a:pt x="17" y="7"/>
                  </a:cubicBezTo>
                  <a:cubicBezTo>
                    <a:pt x="18" y="7"/>
                    <a:pt x="18" y="7"/>
                    <a:pt x="18" y="7"/>
                  </a:cubicBezTo>
                  <a:cubicBezTo>
                    <a:pt x="18" y="21"/>
                    <a:pt x="18" y="21"/>
                    <a:pt x="18" y="21"/>
                  </a:cubicBezTo>
                  <a:cubicBezTo>
                    <a:pt x="18" y="22"/>
                    <a:pt x="19" y="23"/>
                    <a:pt x="20" y="23"/>
                  </a:cubicBezTo>
                  <a:cubicBezTo>
                    <a:pt x="22" y="23"/>
                    <a:pt x="23" y="22"/>
                    <a:pt x="23" y="21"/>
                  </a:cubicBezTo>
                  <a:cubicBezTo>
                    <a:pt x="23" y="5"/>
                    <a:pt x="23" y="5"/>
                    <a:pt x="23" y="5"/>
                  </a:cubicBezTo>
                  <a:cubicBezTo>
                    <a:pt x="23" y="5"/>
                    <a:pt x="23" y="5"/>
                    <a:pt x="23" y="5"/>
                  </a:cubicBezTo>
                  <a:cubicBezTo>
                    <a:pt x="23" y="4"/>
                    <a:pt x="23" y="4"/>
                    <a:pt x="23" y="4"/>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1" name="Oval 146"/>
            <p:cNvSpPr>
              <a:spLocks noChangeArrowheads="1"/>
            </p:cNvSpPr>
            <p:nvPr/>
          </p:nvSpPr>
          <p:spPr bwMode="auto">
            <a:xfrm>
              <a:off x="5827165" y="2333550"/>
              <a:ext cx="95250"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108" name="组合 107"/>
          <p:cNvGrpSpPr/>
          <p:nvPr/>
        </p:nvGrpSpPr>
        <p:grpSpPr>
          <a:xfrm>
            <a:off x="3064918" y="2817518"/>
            <a:ext cx="1698625" cy="620713"/>
            <a:chOff x="2556915" y="3028875"/>
            <a:chExt cx="1698625" cy="620713"/>
          </a:xfrm>
        </p:grpSpPr>
        <p:sp>
          <p:nvSpPr>
            <p:cNvPr id="92" name="Freeform 147"/>
            <p:cNvSpPr/>
            <p:nvPr/>
          </p:nvSpPr>
          <p:spPr bwMode="auto">
            <a:xfrm>
              <a:off x="3144290" y="3135238"/>
              <a:ext cx="246063" cy="514350"/>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6 h 48" name="T25"/>
                <a:gd fmla="*/ 8 w 23" name="T26"/>
                <a:gd fmla="*/ 48 h 48" name="T27"/>
                <a:gd fmla="*/ 11 w 23" name="T28"/>
                <a:gd fmla="*/ 46 h 48" name="T29"/>
                <a:gd fmla="*/ 11 w 23" name="T30"/>
                <a:gd fmla="*/ 25 h 48" name="T31"/>
                <a:gd fmla="*/ 12 w 23" name="T32"/>
                <a:gd fmla="*/ 25 h 48" name="T33"/>
                <a:gd fmla="*/ 12 w 23" name="T34"/>
                <a:gd fmla="*/ 46 h 48" name="T35"/>
                <a:gd fmla="*/ 15 w 23" name="T36"/>
                <a:gd fmla="*/ 48 h 48" name="T37"/>
                <a:gd fmla="*/ 17 w 23" name="T38"/>
                <a:gd fmla="*/ 46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3" name="Oval 148"/>
            <p:cNvSpPr>
              <a:spLocks noChangeArrowheads="1"/>
            </p:cNvSpPr>
            <p:nvPr/>
          </p:nvSpPr>
          <p:spPr bwMode="auto">
            <a:xfrm>
              <a:off x="3218902" y="3028875"/>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4" name="Freeform 149"/>
            <p:cNvSpPr/>
            <p:nvPr/>
          </p:nvSpPr>
          <p:spPr bwMode="auto">
            <a:xfrm>
              <a:off x="3433215" y="3135238"/>
              <a:ext cx="246063" cy="514350"/>
            </a:xfrm>
            <a:custGeom>
              <a:gdLst>
                <a:gd fmla="*/ 18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6 h 48" name="T25"/>
                <a:gd fmla="*/ 8 w 23" name="T26"/>
                <a:gd fmla="*/ 48 h 48" name="T27"/>
                <a:gd fmla="*/ 11 w 23" name="T28"/>
                <a:gd fmla="*/ 46 h 48" name="T29"/>
                <a:gd fmla="*/ 11 w 23" name="T30"/>
                <a:gd fmla="*/ 25 h 48" name="T31"/>
                <a:gd fmla="*/ 12 w 23" name="T32"/>
                <a:gd fmla="*/ 25 h 48" name="T33"/>
                <a:gd fmla="*/ 12 w 23" name="T34"/>
                <a:gd fmla="*/ 46 h 48" name="T35"/>
                <a:gd fmla="*/ 15 w 23" name="T36"/>
                <a:gd fmla="*/ 48 h 48" name="T37"/>
                <a:gd fmla="*/ 18 w 23" name="T38"/>
                <a:gd fmla="*/ 46 h 48" name="T39"/>
                <a:gd fmla="*/ 18 w 23" name="T40"/>
                <a:gd fmla="*/ 21 h 48" name="T41"/>
                <a:gd fmla="*/ 18 w 23" name="T42"/>
                <a:gd fmla="*/ 21 h 48" name="T43"/>
                <a:gd fmla="*/ 18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4" y="48"/>
                    <a:pt x="15" y="48"/>
                  </a:cubicBezTo>
                  <a:cubicBezTo>
                    <a:pt x="17" y="48"/>
                    <a:pt x="18" y="47"/>
                    <a:pt x="18" y="46"/>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5" name="Oval 150"/>
            <p:cNvSpPr>
              <a:spLocks noChangeArrowheads="1"/>
            </p:cNvSpPr>
            <p:nvPr/>
          </p:nvSpPr>
          <p:spPr bwMode="auto">
            <a:xfrm>
              <a:off x="3507827" y="3028875"/>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6" name="Freeform 151"/>
            <p:cNvSpPr/>
            <p:nvPr/>
          </p:nvSpPr>
          <p:spPr bwMode="auto">
            <a:xfrm>
              <a:off x="3731665" y="3135238"/>
              <a:ext cx="234950" cy="514350"/>
            </a:xfrm>
            <a:custGeom>
              <a:gdLst>
                <a:gd fmla="*/ 17 w 22" name="T0"/>
                <a:gd fmla="*/ 0 h 48" name="T1"/>
                <a:gd fmla="*/ 5 w 22" name="T2"/>
                <a:gd fmla="*/ 0 h 48" name="T3"/>
                <a:gd fmla="*/ 0 w 22" name="T4"/>
                <a:gd fmla="*/ 5 h 48" name="T5"/>
                <a:gd fmla="*/ 0 w 22" name="T6"/>
                <a:gd fmla="*/ 5 h 48" name="T7"/>
                <a:gd fmla="*/ 0 w 22" name="T8"/>
                <a:gd fmla="*/ 6 h 48" name="T9"/>
                <a:gd fmla="*/ 0 w 22" name="T10"/>
                <a:gd fmla="*/ 22 h 48" name="T11"/>
                <a:gd fmla="*/ 1 w 22" name="T12"/>
                <a:gd fmla="*/ 24 h 48" name="T13"/>
                <a:gd fmla="*/ 3 w 22" name="T14"/>
                <a:gd fmla="*/ 22 h 48" name="T15"/>
                <a:gd fmla="*/ 3 w 22" name="T16"/>
                <a:gd fmla="*/ 8 h 48" name="T17"/>
                <a:gd fmla="*/ 5 w 22" name="T18"/>
                <a:gd fmla="*/ 8 h 48" name="T19"/>
                <a:gd fmla="*/ 5 w 22" name="T20"/>
                <a:gd fmla="*/ 21 h 48" name="T21"/>
                <a:gd fmla="*/ 5 w 22" name="T22"/>
                <a:gd fmla="*/ 22 h 48" name="T23"/>
                <a:gd fmla="*/ 5 w 22" name="T24"/>
                <a:gd fmla="*/ 46 h 48" name="T25"/>
                <a:gd fmla="*/ 8 w 22" name="T26"/>
                <a:gd fmla="*/ 48 h 48" name="T27"/>
                <a:gd fmla="*/ 10 w 22" name="T28"/>
                <a:gd fmla="*/ 46 h 48" name="T29"/>
                <a:gd fmla="*/ 10 w 22" name="T30"/>
                <a:gd fmla="*/ 25 h 48" name="T31"/>
                <a:gd fmla="*/ 12 w 22" name="T32"/>
                <a:gd fmla="*/ 25 h 48" name="T33"/>
                <a:gd fmla="*/ 12 w 22" name="T34"/>
                <a:gd fmla="*/ 46 h 48" name="T35"/>
                <a:gd fmla="*/ 14 w 22" name="T36"/>
                <a:gd fmla="*/ 48 h 48" name="T37"/>
                <a:gd fmla="*/ 17 w 22" name="T38"/>
                <a:gd fmla="*/ 46 h 48" name="T39"/>
                <a:gd fmla="*/ 17 w 22" name="T40"/>
                <a:gd fmla="*/ 21 h 48" name="T41"/>
                <a:gd fmla="*/ 17 w 22" name="T42"/>
                <a:gd fmla="*/ 21 h 48" name="T43"/>
                <a:gd fmla="*/ 17 w 22" name="T44"/>
                <a:gd fmla="*/ 8 h 48" name="T45"/>
                <a:gd fmla="*/ 18 w 22" name="T46"/>
                <a:gd fmla="*/ 8 h 48" name="T47"/>
                <a:gd fmla="*/ 18 w 22" name="T48"/>
                <a:gd fmla="*/ 22 h 48" name="T49"/>
                <a:gd fmla="*/ 20 w 22" name="T50"/>
                <a:gd fmla="*/ 24 h 48" name="T51"/>
                <a:gd fmla="*/ 22 w 22" name="T52"/>
                <a:gd fmla="*/ 22 h 48" name="T53"/>
                <a:gd fmla="*/ 22 w 22" name="T54"/>
                <a:gd fmla="*/ 6 h 48" name="T55"/>
                <a:gd fmla="*/ 22 w 22" name="T56"/>
                <a:gd fmla="*/ 5 h 48" name="T57"/>
                <a:gd fmla="*/ 22 w 22" name="T58"/>
                <a:gd fmla="*/ 5 h 48" name="T59"/>
                <a:gd fmla="*/ 17 w 22"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2">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7" name="Oval 152"/>
            <p:cNvSpPr>
              <a:spLocks noChangeArrowheads="1"/>
            </p:cNvSpPr>
            <p:nvPr/>
          </p:nvSpPr>
          <p:spPr bwMode="auto">
            <a:xfrm>
              <a:off x="3796752" y="3028875"/>
              <a:ext cx="106363"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8" name="Freeform 153"/>
            <p:cNvSpPr/>
            <p:nvPr/>
          </p:nvSpPr>
          <p:spPr bwMode="auto">
            <a:xfrm>
              <a:off x="2556915" y="3135238"/>
              <a:ext cx="246063" cy="514350"/>
            </a:xfrm>
            <a:custGeom>
              <a:gdLst>
                <a:gd fmla="*/ 18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6 h 48" name="T25"/>
                <a:gd fmla="*/ 8 w 23" name="T26"/>
                <a:gd fmla="*/ 48 h 48" name="T27"/>
                <a:gd fmla="*/ 11 w 23" name="T28"/>
                <a:gd fmla="*/ 46 h 48" name="T29"/>
                <a:gd fmla="*/ 11 w 23" name="T30"/>
                <a:gd fmla="*/ 25 h 48" name="T31"/>
                <a:gd fmla="*/ 12 w 23" name="T32"/>
                <a:gd fmla="*/ 25 h 48" name="T33"/>
                <a:gd fmla="*/ 12 w 23" name="T34"/>
                <a:gd fmla="*/ 46 h 48" name="T35"/>
                <a:gd fmla="*/ 15 w 23" name="T36"/>
                <a:gd fmla="*/ 48 h 48" name="T37"/>
                <a:gd fmla="*/ 18 w 23" name="T38"/>
                <a:gd fmla="*/ 46 h 48" name="T39"/>
                <a:gd fmla="*/ 18 w 23" name="T40"/>
                <a:gd fmla="*/ 21 h 48" name="T41"/>
                <a:gd fmla="*/ 18 w 23" name="T42"/>
                <a:gd fmla="*/ 21 h 48" name="T43"/>
                <a:gd fmla="*/ 18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4" y="48"/>
                    <a:pt x="15" y="48"/>
                  </a:cubicBezTo>
                  <a:cubicBezTo>
                    <a:pt x="16" y="48"/>
                    <a:pt x="18" y="47"/>
                    <a:pt x="18" y="46"/>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99" name="Oval 154"/>
            <p:cNvSpPr>
              <a:spLocks noChangeArrowheads="1"/>
            </p:cNvSpPr>
            <p:nvPr/>
          </p:nvSpPr>
          <p:spPr bwMode="auto">
            <a:xfrm>
              <a:off x="2631527" y="3028875"/>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00" name="Freeform 155"/>
            <p:cNvSpPr/>
            <p:nvPr/>
          </p:nvSpPr>
          <p:spPr bwMode="auto">
            <a:xfrm>
              <a:off x="2855365" y="3135238"/>
              <a:ext cx="234950" cy="514350"/>
            </a:xfrm>
            <a:custGeom>
              <a:gdLst>
                <a:gd fmla="*/ 17 w 22" name="T0"/>
                <a:gd fmla="*/ 0 h 48" name="T1"/>
                <a:gd fmla="*/ 5 w 22" name="T2"/>
                <a:gd fmla="*/ 0 h 48" name="T3"/>
                <a:gd fmla="*/ 0 w 22" name="T4"/>
                <a:gd fmla="*/ 5 h 48" name="T5"/>
                <a:gd fmla="*/ 0 w 22" name="T6"/>
                <a:gd fmla="*/ 5 h 48" name="T7"/>
                <a:gd fmla="*/ 0 w 22" name="T8"/>
                <a:gd fmla="*/ 6 h 48" name="T9"/>
                <a:gd fmla="*/ 0 w 22" name="T10"/>
                <a:gd fmla="*/ 22 h 48" name="T11"/>
                <a:gd fmla="*/ 1 w 22" name="T12"/>
                <a:gd fmla="*/ 24 h 48" name="T13"/>
                <a:gd fmla="*/ 3 w 22" name="T14"/>
                <a:gd fmla="*/ 22 h 48" name="T15"/>
                <a:gd fmla="*/ 3 w 22" name="T16"/>
                <a:gd fmla="*/ 8 h 48" name="T17"/>
                <a:gd fmla="*/ 5 w 22" name="T18"/>
                <a:gd fmla="*/ 8 h 48" name="T19"/>
                <a:gd fmla="*/ 5 w 22" name="T20"/>
                <a:gd fmla="*/ 21 h 48" name="T21"/>
                <a:gd fmla="*/ 5 w 22" name="T22"/>
                <a:gd fmla="*/ 22 h 48" name="T23"/>
                <a:gd fmla="*/ 5 w 22" name="T24"/>
                <a:gd fmla="*/ 46 h 48" name="T25"/>
                <a:gd fmla="*/ 8 w 22" name="T26"/>
                <a:gd fmla="*/ 48 h 48" name="T27"/>
                <a:gd fmla="*/ 10 w 22" name="T28"/>
                <a:gd fmla="*/ 46 h 48" name="T29"/>
                <a:gd fmla="*/ 10 w 22" name="T30"/>
                <a:gd fmla="*/ 25 h 48" name="T31"/>
                <a:gd fmla="*/ 12 w 22" name="T32"/>
                <a:gd fmla="*/ 25 h 48" name="T33"/>
                <a:gd fmla="*/ 12 w 22" name="T34"/>
                <a:gd fmla="*/ 46 h 48" name="T35"/>
                <a:gd fmla="*/ 14 w 22" name="T36"/>
                <a:gd fmla="*/ 48 h 48" name="T37"/>
                <a:gd fmla="*/ 17 w 22" name="T38"/>
                <a:gd fmla="*/ 46 h 48" name="T39"/>
                <a:gd fmla="*/ 17 w 22" name="T40"/>
                <a:gd fmla="*/ 21 h 48" name="T41"/>
                <a:gd fmla="*/ 17 w 22" name="T42"/>
                <a:gd fmla="*/ 21 h 48" name="T43"/>
                <a:gd fmla="*/ 17 w 22" name="T44"/>
                <a:gd fmla="*/ 8 h 48" name="T45"/>
                <a:gd fmla="*/ 18 w 22" name="T46"/>
                <a:gd fmla="*/ 8 h 48" name="T47"/>
                <a:gd fmla="*/ 18 w 22" name="T48"/>
                <a:gd fmla="*/ 22 h 48" name="T49"/>
                <a:gd fmla="*/ 20 w 22" name="T50"/>
                <a:gd fmla="*/ 24 h 48" name="T51"/>
                <a:gd fmla="*/ 22 w 22" name="T52"/>
                <a:gd fmla="*/ 22 h 48" name="T53"/>
                <a:gd fmla="*/ 22 w 22" name="T54"/>
                <a:gd fmla="*/ 6 h 48" name="T55"/>
                <a:gd fmla="*/ 22 w 22" name="T56"/>
                <a:gd fmla="*/ 5 h 48" name="T57"/>
                <a:gd fmla="*/ 22 w 22" name="T58"/>
                <a:gd fmla="*/ 5 h 48" name="T59"/>
                <a:gd fmla="*/ 17 w 22"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2">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01" name="Oval 156"/>
            <p:cNvSpPr>
              <a:spLocks noChangeArrowheads="1"/>
            </p:cNvSpPr>
            <p:nvPr/>
          </p:nvSpPr>
          <p:spPr bwMode="auto">
            <a:xfrm>
              <a:off x="2920452" y="3028875"/>
              <a:ext cx="106363"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02" name="Freeform 163"/>
            <p:cNvSpPr/>
            <p:nvPr/>
          </p:nvSpPr>
          <p:spPr bwMode="auto">
            <a:xfrm>
              <a:off x="4009477" y="3135238"/>
              <a:ext cx="246063" cy="514350"/>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5 w 23" name="T18"/>
                <a:gd fmla="*/ 8 h 48" name="T19"/>
                <a:gd fmla="*/ 5 w 23" name="T20"/>
                <a:gd fmla="*/ 21 h 48" name="T21"/>
                <a:gd fmla="*/ 5 w 23" name="T22"/>
                <a:gd fmla="*/ 22 h 48" name="T23"/>
                <a:gd fmla="*/ 5 w 23" name="T24"/>
                <a:gd fmla="*/ 46 h 48" name="T25"/>
                <a:gd fmla="*/ 8 w 23" name="T26"/>
                <a:gd fmla="*/ 48 h 48" name="T27"/>
                <a:gd fmla="*/ 11 w 23" name="T28"/>
                <a:gd fmla="*/ 46 h 48" name="T29"/>
                <a:gd fmla="*/ 11 w 23" name="T30"/>
                <a:gd fmla="*/ 25 h 48" name="T31"/>
                <a:gd fmla="*/ 12 w 23" name="T32"/>
                <a:gd fmla="*/ 25 h 48" name="T33"/>
                <a:gd fmla="*/ 12 w 23" name="T34"/>
                <a:gd fmla="*/ 46 h 48" name="T35"/>
                <a:gd fmla="*/ 15 w 23" name="T36"/>
                <a:gd fmla="*/ 48 h 48" name="T37"/>
                <a:gd fmla="*/ 17 w 23" name="T38"/>
                <a:gd fmla="*/ 46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2"/>
                    <a:pt x="5" y="22"/>
                    <a:pt x="5" y="22"/>
                  </a:cubicBezTo>
                  <a:cubicBezTo>
                    <a:pt x="5" y="46"/>
                    <a:pt x="5" y="46"/>
                    <a:pt x="5" y="46"/>
                  </a:cubicBezTo>
                  <a:cubicBezTo>
                    <a:pt x="5" y="47"/>
                    <a:pt x="7" y="48"/>
                    <a:pt x="8" y="48"/>
                  </a:cubicBezTo>
                  <a:cubicBezTo>
                    <a:pt x="9"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03" name="Oval 164"/>
            <p:cNvSpPr>
              <a:spLocks noChangeArrowheads="1"/>
            </p:cNvSpPr>
            <p:nvPr/>
          </p:nvSpPr>
          <p:spPr bwMode="auto">
            <a:xfrm>
              <a:off x="4084090" y="3028875"/>
              <a:ext cx="96838" cy="96837"/>
            </a:xfrm>
            <a:prstGeom prst="ellipse">
              <a:avLst/>
            </a:prstGeom>
            <a:solidFill>
              <a:schemeClr val="bg1">
                <a:lumMod val="65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18" name="组合 17"/>
          <p:cNvGrpSpPr/>
          <p:nvPr/>
        </p:nvGrpSpPr>
        <p:grpSpPr>
          <a:xfrm>
            <a:off x="4806405" y="2817518"/>
            <a:ext cx="2276475" cy="620713"/>
            <a:chOff x="4141788" y="3190875"/>
            <a:chExt cx="2276475" cy="620713"/>
          </a:xfrm>
          <a:solidFill>
            <a:srgbClr val="00544A"/>
          </a:solidFill>
        </p:grpSpPr>
        <p:sp>
          <p:nvSpPr>
            <p:cNvPr id="20" name="Freeform 157"/>
            <p:cNvSpPr/>
            <p:nvPr/>
          </p:nvSpPr>
          <p:spPr bwMode="auto">
            <a:xfrm>
              <a:off x="4441826" y="3297238"/>
              <a:ext cx="244475" cy="514350"/>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5 w 23" name="T18"/>
                <a:gd fmla="*/ 8 h 48" name="T19"/>
                <a:gd fmla="*/ 5 w 23" name="T20"/>
                <a:gd fmla="*/ 21 h 48" name="T21"/>
                <a:gd fmla="*/ 5 w 23" name="T22"/>
                <a:gd fmla="*/ 22 h 48" name="T23"/>
                <a:gd fmla="*/ 5 w 23" name="T24"/>
                <a:gd fmla="*/ 46 h 48" name="T25"/>
                <a:gd fmla="*/ 8 w 23" name="T26"/>
                <a:gd fmla="*/ 48 h 48" name="T27"/>
                <a:gd fmla="*/ 10 w 23" name="T28"/>
                <a:gd fmla="*/ 46 h 48" name="T29"/>
                <a:gd fmla="*/ 10 w 23" name="T30"/>
                <a:gd fmla="*/ 25 h 48" name="T31"/>
                <a:gd fmla="*/ 12 w 23" name="T32"/>
                <a:gd fmla="*/ 25 h 48" name="T33"/>
                <a:gd fmla="*/ 12 w 23" name="T34"/>
                <a:gd fmla="*/ 46 h 48" name="T35"/>
                <a:gd fmla="*/ 14 w 23" name="T36"/>
                <a:gd fmla="*/ 48 h 48" name="T37"/>
                <a:gd fmla="*/ 17 w 23" name="T38"/>
                <a:gd fmla="*/ 46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19"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1" name="Oval 158"/>
            <p:cNvSpPr>
              <a:spLocks noChangeArrowheads="1"/>
            </p:cNvSpPr>
            <p:nvPr/>
          </p:nvSpPr>
          <p:spPr bwMode="auto">
            <a:xfrm>
              <a:off x="4516438" y="3190875"/>
              <a:ext cx="95250" cy="96837"/>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2" name="Freeform 159"/>
            <p:cNvSpPr/>
            <p:nvPr/>
          </p:nvSpPr>
          <p:spPr bwMode="auto">
            <a:xfrm>
              <a:off x="4729163" y="3297238"/>
              <a:ext cx="246063" cy="514350"/>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5 w 23" name="T18"/>
                <a:gd fmla="*/ 8 h 48" name="T19"/>
                <a:gd fmla="*/ 5 w 23" name="T20"/>
                <a:gd fmla="*/ 21 h 48" name="T21"/>
                <a:gd fmla="*/ 5 w 23" name="T22"/>
                <a:gd fmla="*/ 22 h 48" name="T23"/>
                <a:gd fmla="*/ 5 w 23" name="T24"/>
                <a:gd fmla="*/ 46 h 48" name="T25"/>
                <a:gd fmla="*/ 8 w 23" name="T26"/>
                <a:gd fmla="*/ 48 h 48" name="T27"/>
                <a:gd fmla="*/ 11 w 23" name="T28"/>
                <a:gd fmla="*/ 46 h 48" name="T29"/>
                <a:gd fmla="*/ 11 w 23" name="T30"/>
                <a:gd fmla="*/ 25 h 48" name="T31"/>
                <a:gd fmla="*/ 12 w 23" name="T32"/>
                <a:gd fmla="*/ 25 h 48" name="T33"/>
                <a:gd fmla="*/ 12 w 23" name="T34"/>
                <a:gd fmla="*/ 46 h 48" name="T35"/>
                <a:gd fmla="*/ 15 w 23" name="T36"/>
                <a:gd fmla="*/ 48 h 48" name="T37"/>
                <a:gd fmla="*/ 17 w 23" name="T38"/>
                <a:gd fmla="*/ 46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5" y="8"/>
                    <a:pt x="5" y="8"/>
                    <a:pt x="5" y="8"/>
                  </a:cubicBezTo>
                  <a:cubicBezTo>
                    <a:pt x="5" y="21"/>
                    <a:pt x="5" y="21"/>
                    <a:pt x="5" y="21"/>
                  </a:cubicBezTo>
                  <a:cubicBezTo>
                    <a:pt x="5" y="22"/>
                    <a:pt x="5" y="22"/>
                    <a:pt x="5" y="22"/>
                  </a:cubicBezTo>
                  <a:cubicBezTo>
                    <a:pt x="5" y="46"/>
                    <a:pt x="5" y="46"/>
                    <a:pt x="5" y="46"/>
                  </a:cubicBezTo>
                  <a:cubicBezTo>
                    <a:pt x="5" y="47"/>
                    <a:pt x="7" y="48"/>
                    <a:pt x="8" y="48"/>
                  </a:cubicBezTo>
                  <a:cubicBezTo>
                    <a:pt x="9"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3" name="Oval 160"/>
            <p:cNvSpPr>
              <a:spLocks noChangeArrowheads="1"/>
            </p:cNvSpPr>
            <p:nvPr/>
          </p:nvSpPr>
          <p:spPr bwMode="auto">
            <a:xfrm>
              <a:off x="4803776" y="3190875"/>
              <a:ext cx="96838" cy="96837"/>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4" name="Freeform 161"/>
            <p:cNvSpPr/>
            <p:nvPr/>
          </p:nvSpPr>
          <p:spPr bwMode="auto">
            <a:xfrm>
              <a:off x="5018088" y="3297238"/>
              <a:ext cx="246063" cy="514350"/>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6 h 48" name="T25"/>
                <a:gd fmla="*/ 8 w 23" name="T26"/>
                <a:gd fmla="*/ 48 h 48" name="T27"/>
                <a:gd fmla="*/ 11 w 23" name="T28"/>
                <a:gd fmla="*/ 46 h 48" name="T29"/>
                <a:gd fmla="*/ 11 w 23" name="T30"/>
                <a:gd fmla="*/ 25 h 48" name="T31"/>
                <a:gd fmla="*/ 12 w 23" name="T32"/>
                <a:gd fmla="*/ 25 h 48" name="T33"/>
                <a:gd fmla="*/ 12 w 23" name="T34"/>
                <a:gd fmla="*/ 46 h 48" name="T35"/>
                <a:gd fmla="*/ 15 w 23" name="T36"/>
                <a:gd fmla="*/ 48 h 48" name="T37"/>
                <a:gd fmla="*/ 17 w 23" name="T38"/>
                <a:gd fmla="*/ 46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5" name="Oval 162"/>
            <p:cNvSpPr>
              <a:spLocks noChangeArrowheads="1"/>
            </p:cNvSpPr>
            <p:nvPr/>
          </p:nvSpPr>
          <p:spPr bwMode="auto">
            <a:xfrm>
              <a:off x="5092701" y="3190875"/>
              <a:ext cx="96838" cy="96837"/>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6" name="Freeform 165"/>
            <p:cNvSpPr/>
            <p:nvPr/>
          </p:nvSpPr>
          <p:spPr bwMode="auto">
            <a:xfrm>
              <a:off x="4141788" y="3297238"/>
              <a:ext cx="246063" cy="514350"/>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6 h 48" name="T25"/>
                <a:gd fmla="*/ 8 w 23" name="T26"/>
                <a:gd fmla="*/ 48 h 48" name="T27"/>
                <a:gd fmla="*/ 11 w 23" name="T28"/>
                <a:gd fmla="*/ 46 h 48" name="T29"/>
                <a:gd fmla="*/ 11 w 23" name="T30"/>
                <a:gd fmla="*/ 25 h 48" name="T31"/>
                <a:gd fmla="*/ 12 w 23" name="T32"/>
                <a:gd fmla="*/ 25 h 48" name="T33"/>
                <a:gd fmla="*/ 12 w 23" name="T34"/>
                <a:gd fmla="*/ 46 h 48" name="T35"/>
                <a:gd fmla="*/ 15 w 23" name="T36"/>
                <a:gd fmla="*/ 48 h 48" name="T37"/>
                <a:gd fmla="*/ 17 w 23" name="T38"/>
                <a:gd fmla="*/ 46 h 48" name="T39"/>
                <a:gd fmla="*/ 17 w 23" name="T40"/>
                <a:gd fmla="*/ 21 h 48" name="T41"/>
                <a:gd fmla="*/ 17 w 23" name="T42"/>
                <a:gd fmla="*/ 21 h 48" name="T43"/>
                <a:gd fmla="*/ 17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3" y="48"/>
                    <a:pt x="15" y="48"/>
                  </a:cubicBezTo>
                  <a:cubicBezTo>
                    <a:pt x="16" y="48"/>
                    <a:pt x="17" y="47"/>
                    <a:pt x="17" y="46"/>
                  </a:cubicBezTo>
                  <a:cubicBezTo>
                    <a:pt x="17" y="21"/>
                    <a:pt x="17" y="21"/>
                    <a:pt x="17" y="21"/>
                  </a:cubicBezTo>
                  <a:cubicBezTo>
                    <a:pt x="17" y="21"/>
                    <a:pt x="17" y="21"/>
                    <a:pt x="17" y="21"/>
                  </a:cubicBezTo>
                  <a:cubicBezTo>
                    <a:pt x="17" y="8"/>
                    <a:pt x="17" y="8"/>
                    <a:pt x="17"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7" name="Oval 166"/>
            <p:cNvSpPr>
              <a:spLocks noChangeArrowheads="1"/>
            </p:cNvSpPr>
            <p:nvPr/>
          </p:nvSpPr>
          <p:spPr bwMode="auto">
            <a:xfrm>
              <a:off x="4216401" y="3190875"/>
              <a:ext cx="96838" cy="96837"/>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8" name="Freeform 167"/>
            <p:cNvSpPr/>
            <p:nvPr/>
          </p:nvSpPr>
          <p:spPr bwMode="auto">
            <a:xfrm>
              <a:off x="5883276" y="3297238"/>
              <a:ext cx="246063" cy="514350"/>
            </a:xfrm>
            <a:custGeom>
              <a:gdLst>
                <a:gd fmla="*/ 18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6 h 48" name="T25"/>
                <a:gd fmla="*/ 8 w 23" name="T26"/>
                <a:gd fmla="*/ 48 h 48" name="T27"/>
                <a:gd fmla="*/ 11 w 23" name="T28"/>
                <a:gd fmla="*/ 46 h 48" name="T29"/>
                <a:gd fmla="*/ 11 w 23" name="T30"/>
                <a:gd fmla="*/ 25 h 48" name="T31"/>
                <a:gd fmla="*/ 12 w 23" name="T32"/>
                <a:gd fmla="*/ 25 h 48" name="T33"/>
                <a:gd fmla="*/ 12 w 23" name="T34"/>
                <a:gd fmla="*/ 46 h 48" name="T35"/>
                <a:gd fmla="*/ 15 w 23" name="T36"/>
                <a:gd fmla="*/ 48 h 48" name="T37"/>
                <a:gd fmla="*/ 18 w 23" name="T38"/>
                <a:gd fmla="*/ 46 h 48" name="T39"/>
                <a:gd fmla="*/ 18 w 23" name="T40"/>
                <a:gd fmla="*/ 21 h 48" name="T41"/>
                <a:gd fmla="*/ 18 w 23" name="T42"/>
                <a:gd fmla="*/ 21 h 48" name="T43"/>
                <a:gd fmla="*/ 18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8" y="48"/>
                  </a:cubicBezTo>
                  <a:cubicBezTo>
                    <a:pt x="10" y="48"/>
                    <a:pt x="11" y="47"/>
                    <a:pt x="11" y="46"/>
                  </a:cubicBezTo>
                  <a:cubicBezTo>
                    <a:pt x="11" y="25"/>
                    <a:pt x="11" y="25"/>
                    <a:pt x="11" y="25"/>
                  </a:cubicBezTo>
                  <a:cubicBezTo>
                    <a:pt x="12" y="25"/>
                    <a:pt x="12" y="25"/>
                    <a:pt x="12" y="25"/>
                  </a:cubicBezTo>
                  <a:cubicBezTo>
                    <a:pt x="12" y="46"/>
                    <a:pt x="12" y="46"/>
                    <a:pt x="12" y="46"/>
                  </a:cubicBezTo>
                  <a:cubicBezTo>
                    <a:pt x="12" y="47"/>
                    <a:pt x="14" y="48"/>
                    <a:pt x="15" y="48"/>
                  </a:cubicBezTo>
                  <a:cubicBezTo>
                    <a:pt x="16" y="48"/>
                    <a:pt x="18" y="47"/>
                    <a:pt x="18" y="46"/>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9" name="Oval 168"/>
            <p:cNvSpPr>
              <a:spLocks noChangeArrowheads="1"/>
            </p:cNvSpPr>
            <p:nvPr/>
          </p:nvSpPr>
          <p:spPr bwMode="auto">
            <a:xfrm>
              <a:off x="5957888" y="3190875"/>
              <a:ext cx="96838" cy="96837"/>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0" name="Freeform 169"/>
            <p:cNvSpPr/>
            <p:nvPr/>
          </p:nvSpPr>
          <p:spPr bwMode="auto">
            <a:xfrm>
              <a:off x="6183313" y="3297238"/>
              <a:ext cx="234950" cy="514350"/>
            </a:xfrm>
            <a:custGeom>
              <a:gdLst>
                <a:gd fmla="*/ 17 w 22" name="T0"/>
                <a:gd fmla="*/ 0 h 48" name="T1"/>
                <a:gd fmla="*/ 5 w 22" name="T2"/>
                <a:gd fmla="*/ 0 h 48" name="T3"/>
                <a:gd fmla="*/ 0 w 22" name="T4"/>
                <a:gd fmla="*/ 5 h 48" name="T5"/>
                <a:gd fmla="*/ 0 w 22" name="T6"/>
                <a:gd fmla="*/ 5 h 48" name="T7"/>
                <a:gd fmla="*/ 0 w 22" name="T8"/>
                <a:gd fmla="*/ 6 h 48" name="T9"/>
                <a:gd fmla="*/ 0 w 22" name="T10"/>
                <a:gd fmla="*/ 22 h 48" name="T11"/>
                <a:gd fmla="*/ 1 w 22" name="T12"/>
                <a:gd fmla="*/ 24 h 48" name="T13"/>
                <a:gd fmla="*/ 3 w 22" name="T14"/>
                <a:gd fmla="*/ 22 h 48" name="T15"/>
                <a:gd fmla="*/ 3 w 22" name="T16"/>
                <a:gd fmla="*/ 8 h 48" name="T17"/>
                <a:gd fmla="*/ 5 w 22" name="T18"/>
                <a:gd fmla="*/ 8 h 48" name="T19"/>
                <a:gd fmla="*/ 5 w 22" name="T20"/>
                <a:gd fmla="*/ 21 h 48" name="T21"/>
                <a:gd fmla="*/ 5 w 22" name="T22"/>
                <a:gd fmla="*/ 22 h 48" name="T23"/>
                <a:gd fmla="*/ 5 w 22" name="T24"/>
                <a:gd fmla="*/ 46 h 48" name="T25"/>
                <a:gd fmla="*/ 8 w 22" name="T26"/>
                <a:gd fmla="*/ 48 h 48" name="T27"/>
                <a:gd fmla="*/ 10 w 22" name="T28"/>
                <a:gd fmla="*/ 46 h 48" name="T29"/>
                <a:gd fmla="*/ 10 w 22" name="T30"/>
                <a:gd fmla="*/ 25 h 48" name="T31"/>
                <a:gd fmla="*/ 12 w 22" name="T32"/>
                <a:gd fmla="*/ 25 h 48" name="T33"/>
                <a:gd fmla="*/ 12 w 22" name="T34"/>
                <a:gd fmla="*/ 46 h 48" name="T35"/>
                <a:gd fmla="*/ 14 w 22" name="T36"/>
                <a:gd fmla="*/ 48 h 48" name="T37"/>
                <a:gd fmla="*/ 17 w 22" name="T38"/>
                <a:gd fmla="*/ 46 h 48" name="T39"/>
                <a:gd fmla="*/ 17 w 22" name="T40"/>
                <a:gd fmla="*/ 21 h 48" name="T41"/>
                <a:gd fmla="*/ 17 w 22" name="T42"/>
                <a:gd fmla="*/ 21 h 48" name="T43"/>
                <a:gd fmla="*/ 17 w 22" name="T44"/>
                <a:gd fmla="*/ 8 h 48" name="T45"/>
                <a:gd fmla="*/ 18 w 22" name="T46"/>
                <a:gd fmla="*/ 8 h 48" name="T47"/>
                <a:gd fmla="*/ 18 w 22" name="T48"/>
                <a:gd fmla="*/ 22 h 48" name="T49"/>
                <a:gd fmla="*/ 20 w 22" name="T50"/>
                <a:gd fmla="*/ 24 h 48" name="T51"/>
                <a:gd fmla="*/ 22 w 22" name="T52"/>
                <a:gd fmla="*/ 22 h 48" name="T53"/>
                <a:gd fmla="*/ 22 w 22" name="T54"/>
                <a:gd fmla="*/ 6 h 48" name="T55"/>
                <a:gd fmla="*/ 22 w 22" name="T56"/>
                <a:gd fmla="*/ 5 h 48" name="T57"/>
                <a:gd fmla="*/ 22 w 22" name="T58"/>
                <a:gd fmla="*/ 5 h 48" name="T59"/>
                <a:gd fmla="*/ 17 w 22"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2">
                  <a:moveTo>
                    <a:pt x="17" y="0"/>
                  </a:moveTo>
                  <a:cubicBezTo>
                    <a:pt x="5" y="0"/>
                    <a:pt x="5" y="0"/>
                    <a:pt x="5" y="0"/>
                  </a:cubicBezTo>
                  <a:cubicBezTo>
                    <a:pt x="1" y="0"/>
                    <a:pt x="0" y="4"/>
                    <a:pt x="0" y="5"/>
                  </a:cubicBezTo>
                  <a:cubicBezTo>
                    <a:pt x="0" y="5"/>
                    <a:pt x="0" y="5"/>
                    <a:pt x="0" y="5"/>
                  </a:cubicBezTo>
                  <a:cubicBezTo>
                    <a:pt x="0" y="6"/>
                    <a:pt x="0" y="6"/>
                    <a:pt x="0" y="6"/>
                  </a:cubicBezTo>
                  <a:cubicBezTo>
                    <a:pt x="0" y="22"/>
                    <a:pt x="0" y="22"/>
                    <a:pt x="0" y="22"/>
                  </a:cubicBezTo>
                  <a:cubicBezTo>
                    <a:pt x="0" y="23"/>
                    <a:pt x="0" y="24"/>
                    <a:pt x="1" y="24"/>
                  </a:cubicBezTo>
                  <a:cubicBezTo>
                    <a:pt x="2" y="24"/>
                    <a:pt x="3" y="23"/>
                    <a:pt x="3" y="22"/>
                  </a:cubicBezTo>
                  <a:cubicBezTo>
                    <a:pt x="3" y="8"/>
                    <a:pt x="3" y="8"/>
                    <a:pt x="3"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1" y="24"/>
                    <a:pt x="22" y="23"/>
                    <a:pt x="22" y="22"/>
                  </a:cubicBezTo>
                  <a:cubicBezTo>
                    <a:pt x="22" y="6"/>
                    <a:pt x="22" y="6"/>
                    <a:pt x="22" y="6"/>
                  </a:cubicBezTo>
                  <a:cubicBezTo>
                    <a:pt x="22" y="5"/>
                    <a:pt x="22" y="5"/>
                    <a:pt x="22" y="5"/>
                  </a:cubicBezTo>
                  <a:cubicBezTo>
                    <a:pt x="22" y="5"/>
                    <a:pt x="22" y="5"/>
                    <a:pt x="22" y="5"/>
                  </a:cubicBezTo>
                  <a:cubicBezTo>
                    <a:pt x="22" y="3"/>
                    <a:pt x="20" y="0"/>
                    <a:pt x="17"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1" name="Oval 170"/>
            <p:cNvSpPr>
              <a:spLocks noChangeArrowheads="1"/>
            </p:cNvSpPr>
            <p:nvPr/>
          </p:nvSpPr>
          <p:spPr bwMode="auto">
            <a:xfrm>
              <a:off x="6246813" y="3190875"/>
              <a:ext cx="96838" cy="96837"/>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2" name="Freeform 171"/>
            <p:cNvSpPr/>
            <p:nvPr/>
          </p:nvSpPr>
          <p:spPr bwMode="auto">
            <a:xfrm>
              <a:off x="5295901" y="3297238"/>
              <a:ext cx="246063" cy="514350"/>
            </a:xfrm>
            <a:custGeom>
              <a:gdLst>
                <a:gd fmla="*/ 18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4 w 23" name="T14"/>
                <a:gd fmla="*/ 22 h 48" name="T15"/>
                <a:gd fmla="*/ 4 w 23" name="T16"/>
                <a:gd fmla="*/ 8 h 48" name="T17"/>
                <a:gd fmla="*/ 6 w 23" name="T18"/>
                <a:gd fmla="*/ 8 h 48" name="T19"/>
                <a:gd fmla="*/ 6 w 23" name="T20"/>
                <a:gd fmla="*/ 21 h 48" name="T21"/>
                <a:gd fmla="*/ 6 w 23" name="T22"/>
                <a:gd fmla="*/ 22 h 48" name="T23"/>
                <a:gd fmla="*/ 6 w 23" name="T24"/>
                <a:gd fmla="*/ 46 h 48" name="T25"/>
                <a:gd fmla="*/ 9 w 23" name="T26"/>
                <a:gd fmla="*/ 48 h 48" name="T27"/>
                <a:gd fmla="*/ 11 w 23" name="T28"/>
                <a:gd fmla="*/ 46 h 48" name="T29"/>
                <a:gd fmla="*/ 11 w 23" name="T30"/>
                <a:gd fmla="*/ 25 h 48" name="T31"/>
                <a:gd fmla="*/ 13 w 23" name="T32"/>
                <a:gd fmla="*/ 25 h 48" name="T33"/>
                <a:gd fmla="*/ 13 w 23" name="T34"/>
                <a:gd fmla="*/ 46 h 48" name="T35"/>
                <a:gd fmla="*/ 15 w 23" name="T36"/>
                <a:gd fmla="*/ 48 h 48" name="T37"/>
                <a:gd fmla="*/ 18 w 23" name="T38"/>
                <a:gd fmla="*/ 46 h 48" name="T39"/>
                <a:gd fmla="*/ 18 w 23" name="T40"/>
                <a:gd fmla="*/ 21 h 48" name="T41"/>
                <a:gd fmla="*/ 18 w 23" name="T42"/>
                <a:gd fmla="*/ 21 h 48" name="T43"/>
                <a:gd fmla="*/ 18 w 23" name="T44"/>
                <a:gd fmla="*/ 8 h 48" name="T45"/>
                <a:gd fmla="*/ 19 w 23" name="T46"/>
                <a:gd fmla="*/ 8 h 48" name="T47"/>
                <a:gd fmla="*/ 19 w 23" name="T48"/>
                <a:gd fmla="*/ 22 h 48" name="T49"/>
                <a:gd fmla="*/ 21 w 23" name="T50"/>
                <a:gd fmla="*/ 24 h 48" name="T51"/>
                <a:gd fmla="*/ 23 w 23" name="T52"/>
                <a:gd fmla="*/ 22 h 48" name="T53"/>
                <a:gd fmla="*/ 23 w 23" name="T54"/>
                <a:gd fmla="*/ 6 h 48" name="T55"/>
                <a:gd fmla="*/ 23 w 23" name="T56"/>
                <a:gd fmla="*/ 5 h 48" name="T57"/>
                <a:gd fmla="*/ 23 w 23" name="T58"/>
                <a:gd fmla="*/ 5 h 48" name="T59"/>
                <a:gd fmla="*/ 18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8" y="0"/>
                  </a:moveTo>
                  <a:cubicBezTo>
                    <a:pt x="6" y="0"/>
                    <a:pt x="6" y="0"/>
                    <a:pt x="6" y="0"/>
                  </a:cubicBezTo>
                  <a:cubicBezTo>
                    <a:pt x="2"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4" y="23"/>
                    <a:pt x="4" y="22"/>
                  </a:cubicBezTo>
                  <a:cubicBezTo>
                    <a:pt x="4" y="8"/>
                    <a:pt x="4" y="8"/>
                    <a:pt x="4" y="8"/>
                  </a:cubicBezTo>
                  <a:cubicBezTo>
                    <a:pt x="6" y="8"/>
                    <a:pt x="6" y="8"/>
                    <a:pt x="6" y="8"/>
                  </a:cubicBezTo>
                  <a:cubicBezTo>
                    <a:pt x="6" y="21"/>
                    <a:pt x="6" y="21"/>
                    <a:pt x="6" y="21"/>
                  </a:cubicBezTo>
                  <a:cubicBezTo>
                    <a:pt x="6" y="22"/>
                    <a:pt x="6" y="22"/>
                    <a:pt x="6" y="22"/>
                  </a:cubicBezTo>
                  <a:cubicBezTo>
                    <a:pt x="6" y="46"/>
                    <a:pt x="6" y="46"/>
                    <a:pt x="6" y="46"/>
                  </a:cubicBezTo>
                  <a:cubicBezTo>
                    <a:pt x="6" y="47"/>
                    <a:pt x="7" y="48"/>
                    <a:pt x="9" y="48"/>
                  </a:cubicBezTo>
                  <a:cubicBezTo>
                    <a:pt x="10" y="48"/>
                    <a:pt x="11" y="47"/>
                    <a:pt x="11" y="46"/>
                  </a:cubicBezTo>
                  <a:cubicBezTo>
                    <a:pt x="11" y="25"/>
                    <a:pt x="11" y="25"/>
                    <a:pt x="11" y="25"/>
                  </a:cubicBezTo>
                  <a:cubicBezTo>
                    <a:pt x="13" y="25"/>
                    <a:pt x="13" y="25"/>
                    <a:pt x="13" y="25"/>
                  </a:cubicBezTo>
                  <a:cubicBezTo>
                    <a:pt x="13" y="46"/>
                    <a:pt x="13" y="46"/>
                    <a:pt x="13" y="46"/>
                  </a:cubicBezTo>
                  <a:cubicBezTo>
                    <a:pt x="13" y="47"/>
                    <a:pt x="14" y="48"/>
                    <a:pt x="15" y="48"/>
                  </a:cubicBezTo>
                  <a:cubicBezTo>
                    <a:pt x="17" y="48"/>
                    <a:pt x="18" y="47"/>
                    <a:pt x="18" y="46"/>
                  </a:cubicBezTo>
                  <a:cubicBezTo>
                    <a:pt x="18" y="21"/>
                    <a:pt x="18" y="21"/>
                    <a:pt x="18" y="21"/>
                  </a:cubicBezTo>
                  <a:cubicBezTo>
                    <a:pt x="18" y="21"/>
                    <a:pt x="18" y="21"/>
                    <a:pt x="18" y="21"/>
                  </a:cubicBezTo>
                  <a:cubicBezTo>
                    <a:pt x="18" y="8"/>
                    <a:pt x="18" y="8"/>
                    <a:pt x="18" y="8"/>
                  </a:cubicBezTo>
                  <a:cubicBezTo>
                    <a:pt x="19" y="8"/>
                    <a:pt x="19" y="8"/>
                    <a:pt x="19" y="8"/>
                  </a:cubicBezTo>
                  <a:cubicBezTo>
                    <a:pt x="19" y="22"/>
                    <a:pt x="19" y="22"/>
                    <a:pt x="19" y="22"/>
                  </a:cubicBezTo>
                  <a:cubicBezTo>
                    <a:pt x="19" y="23"/>
                    <a:pt x="20" y="24"/>
                    <a:pt x="21"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8"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3" name="Oval 172"/>
            <p:cNvSpPr>
              <a:spLocks noChangeArrowheads="1"/>
            </p:cNvSpPr>
            <p:nvPr/>
          </p:nvSpPr>
          <p:spPr bwMode="auto">
            <a:xfrm>
              <a:off x="5370513" y="3190875"/>
              <a:ext cx="96838" cy="96837"/>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4" name="Freeform 173"/>
            <p:cNvSpPr/>
            <p:nvPr/>
          </p:nvSpPr>
          <p:spPr bwMode="auto">
            <a:xfrm>
              <a:off x="5595938" y="3297238"/>
              <a:ext cx="244475" cy="514350"/>
            </a:xfrm>
            <a:custGeom>
              <a:gdLst>
                <a:gd fmla="*/ 17 w 23" name="T0"/>
                <a:gd fmla="*/ 0 h 48" name="T1"/>
                <a:gd fmla="*/ 6 w 23" name="T2"/>
                <a:gd fmla="*/ 0 h 48" name="T3"/>
                <a:gd fmla="*/ 0 w 23" name="T4"/>
                <a:gd fmla="*/ 5 h 48" name="T5"/>
                <a:gd fmla="*/ 0 w 23" name="T6"/>
                <a:gd fmla="*/ 5 h 48" name="T7"/>
                <a:gd fmla="*/ 0 w 23" name="T8"/>
                <a:gd fmla="*/ 6 h 48" name="T9"/>
                <a:gd fmla="*/ 0 w 23" name="T10"/>
                <a:gd fmla="*/ 22 h 48" name="T11"/>
                <a:gd fmla="*/ 2 w 23" name="T12"/>
                <a:gd fmla="*/ 24 h 48" name="T13"/>
                <a:gd fmla="*/ 3 w 23" name="T14"/>
                <a:gd fmla="*/ 22 h 48" name="T15"/>
                <a:gd fmla="*/ 3 w 23" name="T16"/>
                <a:gd fmla="*/ 8 h 48" name="T17"/>
                <a:gd fmla="*/ 5 w 23" name="T18"/>
                <a:gd fmla="*/ 8 h 48" name="T19"/>
                <a:gd fmla="*/ 5 w 23" name="T20"/>
                <a:gd fmla="*/ 21 h 48" name="T21"/>
                <a:gd fmla="*/ 5 w 23" name="T22"/>
                <a:gd fmla="*/ 22 h 48" name="T23"/>
                <a:gd fmla="*/ 5 w 23" name="T24"/>
                <a:gd fmla="*/ 46 h 48" name="T25"/>
                <a:gd fmla="*/ 8 w 23" name="T26"/>
                <a:gd fmla="*/ 48 h 48" name="T27"/>
                <a:gd fmla="*/ 10 w 23" name="T28"/>
                <a:gd fmla="*/ 46 h 48" name="T29"/>
                <a:gd fmla="*/ 10 w 23" name="T30"/>
                <a:gd fmla="*/ 25 h 48" name="T31"/>
                <a:gd fmla="*/ 12 w 23" name="T32"/>
                <a:gd fmla="*/ 25 h 48" name="T33"/>
                <a:gd fmla="*/ 12 w 23" name="T34"/>
                <a:gd fmla="*/ 46 h 48" name="T35"/>
                <a:gd fmla="*/ 14 w 23" name="T36"/>
                <a:gd fmla="*/ 48 h 48" name="T37"/>
                <a:gd fmla="*/ 17 w 23" name="T38"/>
                <a:gd fmla="*/ 46 h 48" name="T39"/>
                <a:gd fmla="*/ 17 w 23" name="T40"/>
                <a:gd fmla="*/ 21 h 48" name="T41"/>
                <a:gd fmla="*/ 17 w 23" name="T42"/>
                <a:gd fmla="*/ 21 h 48" name="T43"/>
                <a:gd fmla="*/ 17 w 23" name="T44"/>
                <a:gd fmla="*/ 8 h 48" name="T45"/>
                <a:gd fmla="*/ 18 w 23" name="T46"/>
                <a:gd fmla="*/ 8 h 48" name="T47"/>
                <a:gd fmla="*/ 18 w 23" name="T48"/>
                <a:gd fmla="*/ 22 h 48" name="T49"/>
                <a:gd fmla="*/ 20 w 23" name="T50"/>
                <a:gd fmla="*/ 24 h 48" name="T51"/>
                <a:gd fmla="*/ 23 w 23" name="T52"/>
                <a:gd fmla="*/ 22 h 48" name="T53"/>
                <a:gd fmla="*/ 23 w 23" name="T54"/>
                <a:gd fmla="*/ 6 h 48" name="T55"/>
                <a:gd fmla="*/ 23 w 23" name="T56"/>
                <a:gd fmla="*/ 5 h 48" name="T57"/>
                <a:gd fmla="*/ 23 w 23" name="T58"/>
                <a:gd fmla="*/ 5 h 48" name="T59"/>
                <a:gd fmla="*/ 17 w 23" name="T60"/>
                <a:gd fmla="*/ 0 h 48" name="T6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b="b" l="0" r="r" t="0"/>
              <a:pathLst>
                <a:path h="48" w="23">
                  <a:moveTo>
                    <a:pt x="17" y="0"/>
                  </a:moveTo>
                  <a:cubicBezTo>
                    <a:pt x="6" y="0"/>
                    <a:pt x="6" y="0"/>
                    <a:pt x="6" y="0"/>
                  </a:cubicBezTo>
                  <a:cubicBezTo>
                    <a:pt x="1" y="0"/>
                    <a:pt x="0" y="4"/>
                    <a:pt x="0" y="5"/>
                  </a:cubicBezTo>
                  <a:cubicBezTo>
                    <a:pt x="0" y="5"/>
                    <a:pt x="0" y="5"/>
                    <a:pt x="0" y="5"/>
                  </a:cubicBezTo>
                  <a:cubicBezTo>
                    <a:pt x="0" y="6"/>
                    <a:pt x="0" y="6"/>
                    <a:pt x="0" y="6"/>
                  </a:cubicBezTo>
                  <a:cubicBezTo>
                    <a:pt x="0" y="22"/>
                    <a:pt x="0" y="22"/>
                    <a:pt x="0" y="22"/>
                  </a:cubicBezTo>
                  <a:cubicBezTo>
                    <a:pt x="0" y="23"/>
                    <a:pt x="1" y="24"/>
                    <a:pt x="2" y="24"/>
                  </a:cubicBezTo>
                  <a:cubicBezTo>
                    <a:pt x="3" y="24"/>
                    <a:pt x="3" y="23"/>
                    <a:pt x="3" y="22"/>
                  </a:cubicBezTo>
                  <a:cubicBezTo>
                    <a:pt x="3" y="8"/>
                    <a:pt x="3" y="8"/>
                    <a:pt x="3" y="8"/>
                  </a:cubicBezTo>
                  <a:cubicBezTo>
                    <a:pt x="5" y="8"/>
                    <a:pt x="5" y="8"/>
                    <a:pt x="5" y="8"/>
                  </a:cubicBezTo>
                  <a:cubicBezTo>
                    <a:pt x="5" y="21"/>
                    <a:pt x="5" y="21"/>
                    <a:pt x="5" y="21"/>
                  </a:cubicBezTo>
                  <a:cubicBezTo>
                    <a:pt x="5" y="22"/>
                    <a:pt x="5" y="22"/>
                    <a:pt x="5" y="22"/>
                  </a:cubicBezTo>
                  <a:cubicBezTo>
                    <a:pt x="5" y="46"/>
                    <a:pt x="5" y="46"/>
                    <a:pt x="5" y="46"/>
                  </a:cubicBezTo>
                  <a:cubicBezTo>
                    <a:pt x="5" y="47"/>
                    <a:pt x="6" y="48"/>
                    <a:pt x="8" y="48"/>
                  </a:cubicBezTo>
                  <a:cubicBezTo>
                    <a:pt x="9" y="48"/>
                    <a:pt x="10" y="47"/>
                    <a:pt x="10" y="46"/>
                  </a:cubicBezTo>
                  <a:cubicBezTo>
                    <a:pt x="10" y="25"/>
                    <a:pt x="10" y="25"/>
                    <a:pt x="10" y="25"/>
                  </a:cubicBezTo>
                  <a:cubicBezTo>
                    <a:pt x="12" y="25"/>
                    <a:pt x="12" y="25"/>
                    <a:pt x="12" y="25"/>
                  </a:cubicBezTo>
                  <a:cubicBezTo>
                    <a:pt x="12" y="46"/>
                    <a:pt x="12" y="46"/>
                    <a:pt x="12" y="46"/>
                  </a:cubicBezTo>
                  <a:cubicBezTo>
                    <a:pt x="12" y="47"/>
                    <a:pt x="13" y="48"/>
                    <a:pt x="14" y="48"/>
                  </a:cubicBezTo>
                  <a:cubicBezTo>
                    <a:pt x="16" y="48"/>
                    <a:pt x="17" y="47"/>
                    <a:pt x="17" y="46"/>
                  </a:cubicBezTo>
                  <a:cubicBezTo>
                    <a:pt x="17" y="21"/>
                    <a:pt x="17" y="21"/>
                    <a:pt x="17" y="21"/>
                  </a:cubicBezTo>
                  <a:cubicBezTo>
                    <a:pt x="17" y="21"/>
                    <a:pt x="17" y="21"/>
                    <a:pt x="17" y="21"/>
                  </a:cubicBezTo>
                  <a:cubicBezTo>
                    <a:pt x="17" y="8"/>
                    <a:pt x="17" y="8"/>
                    <a:pt x="17" y="8"/>
                  </a:cubicBezTo>
                  <a:cubicBezTo>
                    <a:pt x="18" y="8"/>
                    <a:pt x="18" y="8"/>
                    <a:pt x="18" y="8"/>
                  </a:cubicBezTo>
                  <a:cubicBezTo>
                    <a:pt x="18" y="22"/>
                    <a:pt x="18" y="22"/>
                    <a:pt x="18" y="22"/>
                  </a:cubicBezTo>
                  <a:cubicBezTo>
                    <a:pt x="18" y="23"/>
                    <a:pt x="19" y="24"/>
                    <a:pt x="20" y="24"/>
                  </a:cubicBezTo>
                  <a:cubicBezTo>
                    <a:pt x="22" y="24"/>
                    <a:pt x="23" y="23"/>
                    <a:pt x="23" y="22"/>
                  </a:cubicBezTo>
                  <a:cubicBezTo>
                    <a:pt x="23" y="6"/>
                    <a:pt x="23" y="6"/>
                    <a:pt x="23" y="6"/>
                  </a:cubicBezTo>
                  <a:cubicBezTo>
                    <a:pt x="23" y="5"/>
                    <a:pt x="23" y="5"/>
                    <a:pt x="23" y="5"/>
                  </a:cubicBezTo>
                  <a:cubicBezTo>
                    <a:pt x="23" y="5"/>
                    <a:pt x="23" y="5"/>
                    <a:pt x="23" y="5"/>
                  </a:cubicBezTo>
                  <a:cubicBezTo>
                    <a:pt x="23" y="3"/>
                    <a:pt x="21" y="0"/>
                    <a:pt x="17" y="0"/>
                  </a:cubicBezTo>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5" name="Oval 174"/>
            <p:cNvSpPr>
              <a:spLocks noChangeArrowheads="1"/>
            </p:cNvSpPr>
            <p:nvPr/>
          </p:nvSpPr>
          <p:spPr bwMode="auto">
            <a:xfrm>
              <a:off x="5670551" y="3190875"/>
              <a:ext cx="95250" cy="96837"/>
            </a:xfrm>
            <a:prstGeom prst="ellipse">
              <a:avLst/>
            </a:pr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sp>
        <p:nvSpPr>
          <p:cNvPr id="19" name="Freeform 195"/>
          <p:cNvSpPr/>
          <p:nvPr/>
        </p:nvSpPr>
        <p:spPr bwMode="auto">
          <a:xfrm rot="16200000">
            <a:off x="6614374" y="2172795"/>
            <a:ext cx="1865313" cy="538552"/>
          </a:xfrm>
          <a:custGeom>
            <a:gdLst>
              <a:gd fmla="*/ 104 w 221" name="T0"/>
              <a:gd fmla="*/ 64 h 64" name="T1"/>
              <a:gd fmla="*/ 83 w 221" name="T2"/>
              <a:gd fmla="*/ 41 h 64" name="T3"/>
              <a:gd fmla="*/ 61 w 221" name="T4"/>
              <a:gd fmla="*/ 43 h 64" name="T5"/>
              <a:gd fmla="*/ 38 w 221" name="T6"/>
              <a:gd fmla="*/ 46 h 64" name="T7"/>
              <a:gd fmla="*/ 0 w 221" name="T8"/>
              <a:gd fmla="*/ 6 h 64" name="T9"/>
              <a:gd fmla="*/ 0 w 221" name="T10"/>
              <a:gd fmla="*/ 0 h 64" name="T11"/>
              <a:gd fmla="*/ 16 w 221" name="T12"/>
              <a:gd fmla="*/ 0 h 64" name="T13"/>
              <a:gd fmla="*/ 16 w 221" name="T14"/>
              <a:gd fmla="*/ 4 h 64" name="T15"/>
              <a:gd fmla="*/ 40 w 221" name="T16"/>
              <a:gd fmla="*/ 27 h 64" name="T17"/>
              <a:gd fmla="*/ 59 w 221" name="T18"/>
              <a:gd fmla="*/ 25 h 64" name="T19"/>
              <a:gd fmla="*/ 81 w 221" name="T20"/>
              <a:gd fmla="*/ 22 h 64" name="T21"/>
              <a:gd fmla="*/ 111 w 221" name="T22"/>
              <a:gd fmla="*/ 43 h 64" name="T23"/>
              <a:gd fmla="*/ 111 w 221" name="T24"/>
              <a:gd fmla="*/ 43 h 64" name="T25"/>
              <a:gd fmla="*/ 141 w 221" name="T26"/>
              <a:gd fmla="*/ 22 h 64" name="T27"/>
              <a:gd fmla="*/ 162 w 221" name="T28"/>
              <a:gd fmla="*/ 25 h 64" name="T29"/>
              <a:gd fmla="*/ 182 w 221" name="T30"/>
              <a:gd fmla="*/ 27 h 64" name="T31"/>
              <a:gd fmla="*/ 206 w 221" name="T32"/>
              <a:gd fmla="*/ 4 h 64" name="T33"/>
              <a:gd fmla="*/ 206 w 221" name="T34"/>
              <a:gd fmla="*/ 0 h 64" name="T35"/>
              <a:gd fmla="*/ 221 w 221" name="T36"/>
              <a:gd fmla="*/ 0 h 64" name="T37"/>
              <a:gd fmla="*/ 221 w 221" name="T38"/>
              <a:gd fmla="*/ 5 h 64" name="T39"/>
              <a:gd fmla="*/ 185 w 221" name="T40"/>
              <a:gd fmla="*/ 46 h 64" name="T41"/>
              <a:gd fmla="*/ 162 w 221" name="T42"/>
              <a:gd fmla="*/ 43 h 64" name="T43"/>
              <a:gd fmla="*/ 139 w 221" name="T44"/>
              <a:gd fmla="*/ 41 h 64" name="T45"/>
              <a:gd fmla="*/ 118 w 221" name="T46"/>
              <a:gd fmla="*/ 64 h 64" name="T47"/>
              <a:gd fmla="*/ 104 w 221" name="T48"/>
              <a:gd fmla="*/ 64 h 64" name="T4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b="b" l="0" r="r" t="0"/>
            <a:pathLst>
              <a:path h="64" w="221">
                <a:moveTo>
                  <a:pt x="104" y="64"/>
                </a:moveTo>
                <a:cubicBezTo>
                  <a:pt x="104" y="44"/>
                  <a:pt x="92" y="42"/>
                  <a:pt x="83" y="41"/>
                </a:cubicBezTo>
                <a:cubicBezTo>
                  <a:pt x="76" y="41"/>
                  <a:pt x="69" y="42"/>
                  <a:pt x="61" y="43"/>
                </a:cubicBezTo>
                <a:cubicBezTo>
                  <a:pt x="53" y="45"/>
                  <a:pt x="46" y="46"/>
                  <a:pt x="38" y="46"/>
                </a:cubicBezTo>
                <a:cubicBezTo>
                  <a:pt x="10" y="46"/>
                  <a:pt x="0" y="28"/>
                  <a:pt x="0" y="6"/>
                </a:cubicBezTo>
                <a:cubicBezTo>
                  <a:pt x="0" y="0"/>
                  <a:pt x="0" y="0"/>
                  <a:pt x="0" y="0"/>
                </a:cubicBezTo>
                <a:cubicBezTo>
                  <a:pt x="16" y="0"/>
                  <a:pt x="16" y="0"/>
                  <a:pt x="16" y="0"/>
                </a:cubicBezTo>
                <a:cubicBezTo>
                  <a:pt x="16" y="4"/>
                  <a:pt x="16" y="4"/>
                  <a:pt x="16" y="4"/>
                </a:cubicBezTo>
                <a:cubicBezTo>
                  <a:pt x="16" y="20"/>
                  <a:pt x="24" y="27"/>
                  <a:pt x="40" y="27"/>
                </a:cubicBezTo>
                <a:cubicBezTo>
                  <a:pt x="46" y="27"/>
                  <a:pt x="53" y="25"/>
                  <a:pt x="59" y="25"/>
                </a:cubicBezTo>
                <a:cubicBezTo>
                  <a:pt x="66" y="24"/>
                  <a:pt x="73" y="22"/>
                  <a:pt x="81" y="22"/>
                </a:cubicBezTo>
                <a:cubicBezTo>
                  <a:pt x="98" y="22"/>
                  <a:pt x="108" y="30"/>
                  <a:pt x="111" y="43"/>
                </a:cubicBezTo>
                <a:cubicBezTo>
                  <a:pt x="111" y="43"/>
                  <a:pt x="111" y="43"/>
                  <a:pt x="111" y="43"/>
                </a:cubicBezTo>
                <a:cubicBezTo>
                  <a:pt x="115" y="30"/>
                  <a:pt x="124" y="22"/>
                  <a:pt x="141" y="22"/>
                </a:cubicBezTo>
                <a:cubicBezTo>
                  <a:pt x="149" y="22"/>
                  <a:pt x="155" y="24"/>
                  <a:pt x="162" y="25"/>
                </a:cubicBezTo>
                <a:cubicBezTo>
                  <a:pt x="169" y="25"/>
                  <a:pt x="176" y="27"/>
                  <a:pt x="182" y="27"/>
                </a:cubicBezTo>
                <a:cubicBezTo>
                  <a:pt x="197" y="27"/>
                  <a:pt x="205" y="21"/>
                  <a:pt x="206" y="4"/>
                </a:cubicBezTo>
                <a:cubicBezTo>
                  <a:pt x="206" y="0"/>
                  <a:pt x="206" y="0"/>
                  <a:pt x="206" y="0"/>
                </a:cubicBezTo>
                <a:cubicBezTo>
                  <a:pt x="221" y="0"/>
                  <a:pt x="221" y="0"/>
                  <a:pt x="221" y="0"/>
                </a:cubicBezTo>
                <a:cubicBezTo>
                  <a:pt x="221" y="5"/>
                  <a:pt x="221" y="5"/>
                  <a:pt x="221" y="5"/>
                </a:cubicBezTo>
                <a:cubicBezTo>
                  <a:pt x="221" y="29"/>
                  <a:pt x="210" y="46"/>
                  <a:pt x="185" y="46"/>
                </a:cubicBezTo>
                <a:cubicBezTo>
                  <a:pt x="177" y="46"/>
                  <a:pt x="170" y="45"/>
                  <a:pt x="162" y="43"/>
                </a:cubicBezTo>
                <a:cubicBezTo>
                  <a:pt x="154" y="42"/>
                  <a:pt x="146" y="41"/>
                  <a:pt x="139" y="41"/>
                </a:cubicBezTo>
                <a:cubicBezTo>
                  <a:pt x="129" y="41"/>
                  <a:pt x="118" y="44"/>
                  <a:pt x="118" y="64"/>
                </a:cubicBezTo>
                <a:lnTo>
                  <a:pt x="104" y="64"/>
                </a:lnTo>
                <a:close/>
              </a:path>
            </a:pathLst>
          </a:custGeom>
          <a:solidFill>
            <a:srgbClr val="00544A"/>
          </a:solidFill>
          <a:ln>
            <a:noFill/>
          </a:ln>
        </p:spPr>
        <p:txBody>
          <a:bodyPr anchor="t" anchorCtr="0" bIns="45720" compatLnSpc="1" lIns="91440" numCol="1" rIns="91440" tIns="45720" vert="horz" wrap="square">
            <a:prstTxWarp prst="textNoShape">
              <a:avLst/>
            </a:prstTxWarp>
          </a:bodyPr>
          <a:lstStyle/>
          <a:p>
            <a:endParaRPr altLang="en-US" lang="zh-CN"/>
          </a:p>
        </p:txBody>
      </p:sp>
      <p:sp>
        <p:nvSpPr>
          <p:cNvPr id="105" name="矩形 104"/>
          <p:cNvSpPr/>
          <p:nvPr/>
        </p:nvSpPr>
        <p:spPr>
          <a:xfrm>
            <a:off x="1047750" y="3942287"/>
            <a:ext cx="8135938" cy="822960"/>
          </a:xfrm>
          <a:prstGeom prst="rect">
            <a:avLst/>
          </a:prstGeom>
        </p:spPr>
        <p:txBody>
          <a:bodyPr wrap="square">
            <a:spAutoFit/>
          </a:bodyPr>
          <a:lstStyle/>
          <a:p>
            <a:r>
              <a:rPr altLang="en-US" lang="zh-CN" sz="1600">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您的内容打在这里，或通过复制您的文本后在此框中选择粘贴并选择只保留文字您的内容打在这里</a:t>
            </a:r>
          </a:p>
        </p:txBody>
      </p:sp>
    </p:spTree>
    <p:extLst>
      <p:ext uri="{BB962C8B-B14F-4D97-AF65-F5344CB8AC3E}">
        <p14:creationId val="2987353115"/>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2" presetSubtype="8">
                                  <p:stCondLst>
                                    <p:cond delay="0"/>
                                  </p:stCondLst>
                                  <p:childTnLst>
                                    <p:set>
                                      <p:cBhvr>
                                        <p:cTn dur="1" fill="hold" id="6">
                                          <p:stCondLst>
                                            <p:cond delay="0"/>
                                          </p:stCondLst>
                                        </p:cTn>
                                        <p:tgtEl>
                                          <p:spTgt spid="9"/>
                                        </p:tgtEl>
                                        <p:attrNameLst>
                                          <p:attrName>style.visibility</p:attrName>
                                        </p:attrNameLst>
                                      </p:cBhvr>
                                      <p:to>
                                        <p:strVal val="visible"/>
                                      </p:to>
                                    </p:set>
                                    <p:animEffect filter="wipe(left)" transition="in">
                                      <p:cBhvr>
                                        <p:cTn dur="500" id="7"/>
                                        <p:tgtEl>
                                          <p:spTgt spid="9"/>
                                        </p:tgtEl>
                                      </p:cBhvr>
                                    </p:animEffect>
                                  </p:childTnLst>
                                </p:cTn>
                              </p:par>
                            </p:childTnLst>
                          </p:cTn>
                        </p:par>
                        <p:par>
                          <p:cTn fill="hold" id="8" nodeType="afterGroup">
                            <p:stCondLst>
                              <p:cond delay="500"/>
                            </p:stCondLst>
                            <p:childTnLst>
                              <p:par>
                                <p:cTn fill="hold" id="9" nodeType="afterEffect" presetClass="entr" presetID="22" presetSubtype="8">
                                  <p:stCondLst>
                                    <p:cond delay="0"/>
                                  </p:stCondLst>
                                  <p:childTnLst>
                                    <p:set>
                                      <p:cBhvr>
                                        <p:cTn dur="1" fill="hold" id="10">
                                          <p:stCondLst>
                                            <p:cond delay="0"/>
                                          </p:stCondLst>
                                        </p:cTn>
                                        <p:tgtEl>
                                          <p:spTgt spid="106"/>
                                        </p:tgtEl>
                                        <p:attrNameLst>
                                          <p:attrName>style.visibility</p:attrName>
                                        </p:attrNameLst>
                                      </p:cBhvr>
                                      <p:to>
                                        <p:strVal val="visible"/>
                                      </p:to>
                                    </p:set>
                                    <p:animEffect filter="wipe(left)" transition="in">
                                      <p:cBhvr>
                                        <p:cTn dur="500" id="11"/>
                                        <p:tgtEl>
                                          <p:spTgt spid="106"/>
                                        </p:tgtEl>
                                      </p:cBhvr>
                                    </p:animEffect>
                                  </p:childTnLst>
                                </p:cTn>
                              </p:par>
                            </p:childTnLst>
                          </p:cTn>
                        </p:par>
                        <p:par>
                          <p:cTn fill="hold" id="12" nodeType="afterGroup">
                            <p:stCondLst>
                              <p:cond delay="1000"/>
                            </p:stCondLst>
                            <p:childTnLst>
                              <p:par>
                                <p:cTn fill="hold" id="13" nodeType="afterEffect" presetClass="entr" presetID="22" presetSubtype="8">
                                  <p:stCondLst>
                                    <p:cond delay="0"/>
                                  </p:stCondLst>
                                  <p:childTnLst>
                                    <p:set>
                                      <p:cBhvr>
                                        <p:cTn dur="1" fill="hold" id="14">
                                          <p:stCondLst>
                                            <p:cond delay="0"/>
                                          </p:stCondLst>
                                        </p:cTn>
                                        <p:tgtEl>
                                          <p:spTgt spid="107"/>
                                        </p:tgtEl>
                                        <p:attrNameLst>
                                          <p:attrName>style.visibility</p:attrName>
                                        </p:attrNameLst>
                                      </p:cBhvr>
                                      <p:to>
                                        <p:strVal val="visible"/>
                                      </p:to>
                                    </p:set>
                                    <p:animEffect filter="wipe(left)" transition="in">
                                      <p:cBhvr>
                                        <p:cTn dur="500" id="15"/>
                                        <p:tgtEl>
                                          <p:spTgt spid="107"/>
                                        </p:tgtEl>
                                      </p:cBhvr>
                                    </p:animEffect>
                                  </p:childTnLst>
                                </p:cTn>
                              </p:par>
                            </p:childTnLst>
                          </p:cTn>
                        </p:par>
                        <p:par>
                          <p:cTn fill="hold" id="16" nodeType="afterGroup">
                            <p:stCondLst>
                              <p:cond delay="1500"/>
                            </p:stCondLst>
                            <p:childTnLst>
                              <p:par>
                                <p:cTn fill="hold" id="17" nodeType="afterEffect" presetClass="entr" presetID="22" presetSubtype="8">
                                  <p:stCondLst>
                                    <p:cond delay="0"/>
                                  </p:stCondLst>
                                  <p:childTnLst>
                                    <p:set>
                                      <p:cBhvr>
                                        <p:cTn dur="1" fill="hold" id="18">
                                          <p:stCondLst>
                                            <p:cond delay="0"/>
                                          </p:stCondLst>
                                        </p:cTn>
                                        <p:tgtEl>
                                          <p:spTgt spid="108"/>
                                        </p:tgtEl>
                                        <p:attrNameLst>
                                          <p:attrName>style.visibility</p:attrName>
                                        </p:attrNameLst>
                                      </p:cBhvr>
                                      <p:to>
                                        <p:strVal val="visible"/>
                                      </p:to>
                                    </p:set>
                                    <p:animEffect filter="wipe(left)" transition="in">
                                      <p:cBhvr>
                                        <p:cTn dur="500" id="19"/>
                                        <p:tgtEl>
                                          <p:spTgt spid="108"/>
                                        </p:tgtEl>
                                      </p:cBhvr>
                                    </p:animEffect>
                                  </p:childTnLst>
                                </p:cTn>
                              </p:par>
                            </p:childTnLst>
                          </p:cTn>
                        </p:par>
                        <p:par>
                          <p:cTn fill="hold" id="20" nodeType="afterGroup">
                            <p:stCondLst>
                              <p:cond delay="2000"/>
                            </p:stCondLst>
                            <p:childTnLst>
                              <p:par>
                                <p:cTn fill="hold" id="21" nodeType="afterEffect" presetClass="entr" presetID="22" presetSubtype="8">
                                  <p:stCondLst>
                                    <p:cond delay="0"/>
                                  </p:stCondLst>
                                  <p:childTnLst>
                                    <p:set>
                                      <p:cBhvr>
                                        <p:cTn dur="1" fill="hold" id="22">
                                          <p:stCondLst>
                                            <p:cond delay="0"/>
                                          </p:stCondLst>
                                        </p:cTn>
                                        <p:tgtEl>
                                          <p:spTgt spid="2"/>
                                        </p:tgtEl>
                                        <p:attrNameLst>
                                          <p:attrName>style.visibility</p:attrName>
                                        </p:attrNameLst>
                                      </p:cBhvr>
                                      <p:to>
                                        <p:strVal val="visible"/>
                                      </p:to>
                                    </p:set>
                                    <p:animEffect filter="wipe(left)" transition="in">
                                      <p:cBhvr>
                                        <p:cTn dur="500" id="23"/>
                                        <p:tgtEl>
                                          <p:spTgt spid="2"/>
                                        </p:tgtEl>
                                      </p:cBhvr>
                                    </p:animEffect>
                                  </p:childTnLst>
                                </p:cTn>
                              </p:par>
                            </p:childTnLst>
                          </p:cTn>
                        </p:par>
                        <p:par>
                          <p:cTn fill="hold" id="24" nodeType="afterGroup">
                            <p:stCondLst>
                              <p:cond delay="2500"/>
                            </p:stCondLst>
                            <p:childTnLst>
                              <p:par>
                                <p:cTn fill="hold" id="25" nodeType="afterEffect" presetClass="entr" presetID="22" presetSubtype="8">
                                  <p:stCondLst>
                                    <p:cond delay="0"/>
                                  </p:stCondLst>
                                  <p:childTnLst>
                                    <p:set>
                                      <p:cBhvr>
                                        <p:cTn dur="1" fill="hold" id="26">
                                          <p:stCondLst>
                                            <p:cond delay="0"/>
                                          </p:stCondLst>
                                        </p:cTn>
                                        <p:tgtEl>
                                          <p:spTgt spid="18"/>
                                        </p:tgtEl>
                                        <p:attrNameLst>
                                          <p:attrName>style.visibility</p:attrName>
                                        </p:attrNameLst>
                                      </p:cBhvr>
                                      <p:to>
                                        <p:strVal val="visible"/>
                                      </p:to>
                                    </p:set>
                                    <p:animEffect filter="wipe(left)" transition="in">
                                      <p:cBhvr>
                                        <p:cTn dur="500" id="27"/>
                                        <p:tgtEl>
                                          <p:spTgt spid="18"/>
                                        </p:tgtEl>
                                      </p:cBhvr>
                                    </p:animEffect>
                                  </p:childTnLst>
                                </p:cTn>
                              </p:par>
                            </p:childTnLst>
                          </p:cTn>
                        </p:par>
                        <p:par>
                          <p:cTn fill="hold" id="28" nodeType="afterGroup">
                            <p:stCondLst>
                              <p:cond delay="3000"/>
                            </p:stCondLst>
                            <p:childTnLst>
                              <p:par>
                                <p:cTn fill="hold" grpId="0" id="29" nodeType="afterEffect" presetClass="entr" presetID="22" presetSubtype="8">
                                  <p:stCondLst>
                                    <p:cond delay="0"/>
                                  </p:stCondLst>
                                  <p:childTnLst>
                                    <p:set>
                                      <p:cBhvr>
                                        <p:cTn dur="1" fill="hold" id="30">
                                          <p:stCondLst>
                                            <p:cond delay="0"/>
                                          </p:stCondLst>
                                        </p:cTn>
                                        <p:tgtEl>
                                          <p:spTgt spid="19"/>
                                        </p:tgtEl>
                                        <p:attrNameLst>
                                          <p:attrName>style.visibility</p:attrName>
                                        </p:attrNameLst>
                                      </p:cBhvr>
                                      <p:to>
                                        <p:strVal val="visible"/>
                                      </p:to>
                                    </p:set>
                                    <p:animEffect filter="wipe(left)" transition="in">
                                      <p:cBhvr>
                                        <p:cTn dur="500" id="31"/>
                                        <p:tgtEl>
                                          <p:spTgt spid="19"/>
                                        </p:tgtEl>
                                      </p:cBhvr>
                                    </p:animEffect>
                                  </p:childTnLst>
                                </p:cTn>
                              </p:par>
                            </p:childTnLst>
                          </p:cTn>
                        </p:par>
                        <p:par>
                          <p:cTn fill="hold" id="32" nodeType="afterGroup">
                            <p:stCondLst>
                              <p:cond delay="3500"/>
                            </p:stCondLst>
                            <p:childTnLst>
                              <p:par>
                                <p:cTn fill="hold" grpId="0" id="33" nodeType="afterEffect" presetClass="entr" presetID="42" presetSubtype="0">
                                  <p:stCondLst>
                                    <p:cond delay="0"/>
                                  </p:stCondLst>
                                  <p:childTnLst>
                                    <p:set>
                                      <p:cBhvr>
                                        <p:cTn dur="1" fill="hold" id="34">
                                          <p:stCondLst>
                                            <p:cond delay="0"/>
                                          </p:stCondLst>
                                        </p:cTn>
                                        <p:tgtEl>
                                          <p:spTgt spid="105"/>
                                        </p:tgtEl>
                                        <p:attrNameLst>
                                          <p:attrName>style.visibility</p:attrName>
                                        </p:attrNameLst>
                                      </p:cBhvr>
                                      <p:to>
                                        <p:strVal val="visible"/>
                                      </p:to>
                                    </p:set>
                                    <p:animEffect filter="fade" transition="in">
                                      <p:cBhvr>
                                        <p:cTn dur="1000" id="35"/>
                                        <p:tgtEl>
                                          <p:spTgt spid="105"/>
                                        </p:tgtEl>
                                      </p:cBhvr>
                                    </p:animEffect>
                                    <p:anim calcmode="lin" valueType="num">
                                      <p:cBhvr>
                                        <p:cTn dur="1000" fill="hold" id="36"/>
                                        <p:tgtEl>
                                          <p:spTgt spid="105"/>
                                        </p:tgtEl>
                                        <p:attrNameLst>
                                          <p:attrName>ppt_x</p:attrName>
                                        </p:attrNameLst>
                                      </p:cBhvr>
                                      <p:tavLst>
                                        <p:tav tm="0">
                                          <p:val>
                                            <p:strVal val="#ppt_x"/>
                                          </p:val>
                                        </p:tav>
                                        <p:tav tm="100000">
                                          <p:val>
                                            <p:strVal val="#ppt_x"/>
                                          </p:val>
                                        </p:tav>
                                      </p:tavLst>
                                    </p:anim>
                                    <p:anim calcmode="lin" valueType="num">
                                      <p:cBhvr>
                                        <p:cTn dur="1000" fill="hold" id="37"/>
                                        <p:tgtEl>
                                          <p:spTgt spid="105"/>
                                        </p:tgtEl>
                                        <p:attrNameLst>
                                          <p:attrName>ppt_y</p:attrName>
                                        </p:attrNameLst>
                                      </p:cBhvr>
                                      <p:tavLst>
                                        <p:tav tm="0">
                                          <p:val>
                                            <p:strVal val="#ppt_y+.1"/>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19"/>
      <p:bldP grpId="0" spid="105"/>
    </p:bldLst>
  </p:timing>
</p:sld>
</file>

<file path=ppt/slides/slide2.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3"/>
          <p:cNvGrpSpPr/>
          <p:nvPr/>
        </p:nvGrpSpPr>
        <p:grpSpPr>
          <a:xfrm>
            <a:off x="2847754" y="1057104"/>
            <a:ext cx="4896819" cy="576263"/>
            <a:chOff x="5013673" y="1556817"/>
            <a:chExt cx="5976664" cy="576064"/>
          </a:xfrm>
        </p:grpSpPr>
        <p:sp>
          <p:nvSpPr>
            <p:cNvPr id="3" name="对角圆角矩形 2"/>
            <p:cNvSpPr/>
            <p:nvPr/>
          </p:nvSpPr>
          <p:spPr>
            <a:xfrm>
              <a:off x="5013673" y="1556817"/>
              <a:ext cx="5976664" cy="576064"/>
            </a:xfrm>
            <a:prstGeom prst="round2DiagRect">
              <a:avLst>
                <a:gd fmla="val 50000" name="adj1"/>
                <a:gd fmla="val 0" name="adj2"/>
              </a:avLst>
            </a:prstGeom>
            <a:solidFill>
              <a:srgbClr val="00544A"/>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altLang="en-US" b="1" lang="zh-CN" sz="2400">
                  <a:latin charset="-122" panose="020b0503020204020204" pitchFamily="34" typeface="微软雅黑"/>
                  <a:ea charset="-122" panose="020b0503020204020204" pitchFamily="34" typeface="微软雅黑"/>
                </a:rPr>
                <a:t>单击此处添加文字</a:t>
              </a:r>
            </a:p>
          </p:txBody>
        </p:sp>
        <p:sp>
          <p:nvSpPr>
            <p:cNvPr id="4" name="对角圆角矩形 3"/>
            <p:cNvSpPr/>
            <p:nvPr/>
          </p:nvSpPr>
          <p:spPr>
            <a:xfrm>
              <a:off x="5084934" y="1628205"/>
              <a:ext cx="792126" cy="433237"/>
            </a:xfrm>
            <a:prstGeom prst="round2DiagRect">
              <a:avLst>
                <a:gd fmla="val 44886" name="adj1"/>
                <a:gd fmla="val 0" name="adj2"/>
              </a:avLst>
            </a:prstGeom>
            <a:solidFill>
              <a:schemeClr val="bg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altLang="zh-CN" b="1" lang="en-US" sz="2400">
                  <a:solidFill>
                    <a:srgbClr val="00544A"/>
                  </a:solidFill>
                </a:rPr>
                <a:t>1</a:t>
              </a:r>
            </a:p>
          </p:txBody>
        </p:sp>
      </p:grpSp>
      <p:grpSp>
        <p:nvGrpSpPr>
          <p:cNvPr id="5" name="组合 4"/>
          <p:cNvGrpSpPr/>
          <p:nvPr/>
        </p:nvGrpSpPr>
        <p:grpSpPr>
          <a:xfrm>
            <a:off x="4071888" y="2161293"/>
            <a:ext cx="4896818" cy="576263"/>
            <a:chOff x="5013499" y="1556792"/>
            <a:chExt cx="5976664" cy="576064"/>
          </a:xfrm>
        </p:grpSpPr>
        <p:sp>
          <p:nvSpPr>
            <p:cNvPr id="6" name="对角圆角矩形 5"/>
            <p:cNvSpPr/>
            <p:nvPr/>
          </p:nvSpPr>
          <p:spPr>
            <a:xfrm>
              <a:off x="5013499" y="1556792"/>
              <a:ext cx="5976664" cy="576064"/>
            </a:xfrm>
            <a:prstGeom prst="round2DiagRect">
              <a:avLst>
                <a:gd fmla="val 50000" name="adj1"/>
                <a:gd fmla="val 0" name="adj2"/>
              </a:avLst>
            </a:prstGeom>
            <a:solidFill>
              <a:srgbClr val="00544A"/>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altLang="en-US" b="1" lang="zh-CN" sz="2400">
                  <a:latin charset="-122" panose="020b0503020204020204" pitchFamily="34" typeface="微软雅黑"/>
                  <a:ea charset="-122" panose="020b0503020204020204" pitchFamily="34" typeface="微软雅黑"/>
                </a:rPr>
                <a:t>单击此处添加文字</a:t>
              </a:r>
            </a:p>
          </p:txBody>
        </p:sp>
        <p:sp>
          <p:nvSpPr>
            <p:cNvPr id="7" name="对角圆角矩形 6"/>
            <p:cNvSpPr/>
            <p:nvPr/>
          </p:nvSpPr>
          <p:spPr>
            <a:xfrm>
              <a:off x="5084933" y="1628205"/>
              <a:ext cx="792127" cy="433237"/>
            </a:xfrm>
            <a:prstGeom prst="round2DiagRect">
              <a:avLst>
                <a:gd fmla="val 44886" name="adj1"/>
                <a:gd fmla="val 0" name="adj2"/>
              </a:avLst>
            </a:prstGeom>
            <a:solidFill>
              <a:schemeClr val="bg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altLang="zh-CN" b="1" lang="en-US" sz="2400">
                  <a:solidFill>
                    <a:srgbClr val="00544A"/>
                  </a:solidFill>
                </a:rPr>
                <a:t>2</a:t>
              </a:r>
            </a:p>
          </p:txBody>
        </p:sp>
      </p:grpSp>
      <p:grpSp>
        <p:nvGrpSpPr>
          <p:cNvPr id="8" name="组合 7"/>
          <p:cNvGrpSpPr/>
          <p:nvPr/>
        </p:nvGrpSpPr>
        <p:grpSpPr>
          <a:xfrm>
            <a:off x="4215907" y="3265479"/>
            <a:ext cx="4896819" cy="576262"/>
            <a:chOff x="5013499" y="1556792"/>
            <a:chExt cx="5976664" cy="576064"/>
          </a:xfrm>
        </p:grpSpPr>
        <p:sp>
          <p:nvSpPr>
            <p:cNvPr id="9" name="对角圆角矩形 8"/>
            <p:cNvSpPr/>
            <p:nvPr/>
          </p:nvSpPr>
          <p:spPr>
            <a:xfrm>
              <a:off x="5013499" y="1556792"/>
              <a:ext cx="5976664" cy="576064"/>
            </a:xfrm>
            <a:prstGeom prst="round2DiagRect">
              <a:avLst>
                <a:gd fmla="val 50000" name="adj1"/>
                <a:gd fmla="val 0" name="adj2"/>
              </a:avLst>
            </a:prstGeom>
            <a:solidFill>
              <a:srgbClr val="00544A"/>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altLang="en-US" b="1" lang="zh-CN" sz="2400">
                  <a:latin charset="-122" panose="020b0503020204020204" pitchFamily="34" typeface="微软雅黑"/>
                  <a:ea charset="-122" panose="020b0503020204020204" pitchFamily="34" typeface="微软雅黑"/>
                </a:rPr>
                <a:t>单击此处添加文字</a:t>
              </a:r>
            </a:p>
          </p:txBody>
        </p:sp>
        <p:sp>
          <p:nvSpPr>
            <p:cNvPr id="10" name="对角圆角矩形 9"/>
            <p:cNvSpPr/>
            <p:nvPr/>
          </p:nvSpPr>
          <p:spPr>
            <a:xfrm>
              <a:off x="5084934" y="1628204"/>
              <a:ext cx="792126" cy="433239"/>
            </a:xfrm>
            <a:prstGeom prst="round2DiagRect">
              <a:avLst>
                <a:gd fmla="val 44886" name="adj1"/>
                <a:gd fmla="val 0" name="adj2"/>
              </a:avLst>
            </a:prstGeom>
            <a:solidFill>
              <a:schemeClr val="bg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altLang="zh-CN" b="1" lang="en-US" sz="2400">
                  <a:solidFill>
                    <a:srgbClr val="00544A"/>
                  </a:solidFill>
                </a:rPr>
                <a:t>3</a:t>
              </a:r>
            </a:p>
          </p:txBody>
        </p:sp>
      </p:grpSp>
      <p:grpSp>
        <p:nvGrpSpPr>
          <p:cNvPr id="11" name="组合 10"/>
          <p:cNvGrpSpPr/>
          <p:nvPr/>
        </p:nvGrpSpPr>
        <p:grpSpPr>
          <a:xfrm>
            <a:off x="3351808" y="4369668"/>
            <a:ext cx="4896818" cy="576262"/>
            <a:chOff x="5013499" y="1556792"/>
            <a:chExt cx="5976664" cy="576064"/>
          </a:xfrm>
        </p:grpSpPr>
        <p:sp>
          <p:nvSpPr>
            <p:cNvPr id="12" name="对角圆角矩形 11"/>
            <p:cNvSpPr/>
            <p:nvPr/>
          </p:nvSpPr>
          <p:spPr>
            <a:xfrm>
              <a:off x="5013499" y="1556792"/>
              <a:ext cx="5976664" cy="576064"/>
            </a:xfrm>
            <a:prstGeom prst="round2DiagRect">
              <a:avLst>
                <a:gd fmla="val 50000" name="adj1"/>
                <a:gd fmla="val 0" name="adj2"/>
              </a:avLst>
            </a:prstGeom>
            <a:solidFill>
              <a:srgbClr val="00544A"/>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r>
                <a:rPr altLang="en-US" b="1" lang="zh-CN" sz="2400">
                  <a:latin charset="-122" panose="020b0503020204020204" pitchFamily="34" typeface="微软雅黑"/>
                  <a:ea charset="-122" panose="020b0503020204020204" pitchFamily="34" typeface="微软雅黑"/>
                </a:rPr>
                <a:t>单击此处添加文字</a:t>
              </a:r>
            </a:p>
          </p:txBody>
        </p:sp>
        <p:sp>
          <p:nvSpPr>
            <p:cNvPr id="13" name="对角圆角矩形 12"/>
            <p:cNvSpPr/>
            <p:nvPr/>
          </p:nvSpPr>
          <p:spPr>
            <a:xfrm>
              <a:off x="5084933" y="1628204"/>
              <a:ext cx="792127" cy="433239"/>
            </a:xfrm>
            <a:prstGeom prst="round2DiagRect">
              <a:avLst>
                <a:gd fmla="val 44886" name="adj1"/>
                <a:gd fmla="val 0" name="adj2"/>
              </a:avLst>
            </a:prstGeom>
            <a:solidFill>
              <a:schemeClr val="bg1"/>
            </a:solidFill>
            <a:ln>
              <a:noFill/>
            </a:ln>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altLang="zh-CN" b="1" lang="en-US" sz="2400">
                  <a:solidFill>
                    <a:srgbClr val="00544A"/>
                  </a:solidFill>
                </a:rPr>
                <a:t>4</a:t>
              </a:r>
            </a:p>
          </p:txBody>
        </p:sp>
      </p:grpSp>
      <p:sp>
        <p:nvSpPr>
          <p:cNvPr id="15" name="TextBox 14"/>
          <p:cNvSpPr txBox="1"/>
          <p:nvPr/>
        </p:nvSpPr>
        <p:spPr>
          <a:xfrm>
            <a:off x="1104433" y="3937623"/>
            <a:ext cx="1944215" cy="822960"/>
          </a:xfrm>
          <a:prstGeom prst="rect">
            <a:avLst/>
          </a:prstGeom>
          <a:noFill/>
        </p:spPr>
        <p:txBody>
          <a:bodyPr wrap="square">
            <a:spAutoFit/>
          </a:bodyPr>
          <a:lstStyle/>
          <a:p>
            <a:pPr>
              <a:defRPr/>
            </a:pPr>
            <a:r>
              <a:rPr altLang="en-US" b="1" lang="zh-CN" sz="4800">
                <a:solidFill>
                  <a:srgbClr val="00544A"/>
                </a:solidFill>
                <a:latin charset="-122" panose="020b0503020204020204" pitchFamily="34" typeface="微软雅黑"/>
                <a:ea charset="-122" panose="020b0503020204020204" pitchFamily="34" typeface="微软雅黑"/>
              </a:rPr>
              <a:t>目  录</a:t>
            </a:r>
          </a:p>
        </p:txBody>
      </p:sp>
      <p:pic>
        <p:nvPicPr>
          <p:cNvPr id="16" name="Picture 3"/>
          <p:cNvPicPr>
            <a:picLocks noChangeArrowheads="1" noChangeAspect="1"/>
          </p:cNvPicPr>
          <p:nvPr/>
        </p:nvPicPr>
        <p:blipFill>
          <a:blip r:embed="rId3">
            <a:extLst>
              <a:ext uri="{28A0092B-C50C-407E-A947-70E740481C1C}">
                <a14:useLocalDpi val="0"/>
              </a:ext>
            </a:extLst>
          </a:blip>
          <a:stretch>
            <a:fillRect/>
          </a:stretch>
        </p:blipFill>
        <p:spPr bwMode="auto">
          <a:xfrm>
            <a:off x="1060840" y="1923256"/>
            <a:ext cx="1859389" cy="1854812"/>
          </a:xfrm>
          <a:prstGeom prst="rect">
            <a:avLst/>
          </a:prstGeom>
          <a:noFill/>
          <a:extLst>
            <a:ext uri="{909E8E84-426E-40DD-AFC4-6F175D3DCCD1}">
              <a14:hiddenFill>
                <a:solidFill>
                  <a:srgbClr val="FFFFFF"/>
                </a:solidFill>
              </a14:hiddenFill>
            </a:ext>
          </a:extLst>
        </p:spPr>
      </p:pic>
    </p:spTree>
    <p:extLst>
      <p:ext uri="{BB962C8B-B14F-4D97-AF65-F5344CB8AC3E}">
        <p14:creationId val="1263847091"/>
      </p:ext>
    </p:extLst>
  </p:cSld>
  <p:clrMapOvr>
    <a:masterClrMapping/>
  </p:clrMapOvr>
  <mc:AlternateContent>
    <mc:Choice Requires="p14">
      <p:transition advClick="0" advTm="3000" p14:dur="2000" spd="slow"/>
    </mc:Choice>
    <mc:Fallback>
      <p:transition advClick="0" advTm="3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53" presetSubtype="0">
                                  <p:stCondLst>
                                    <p:cond delay="0"/>
                                  </p:stCondLst>
                                  <p:childTnLst>
                                    <p:set>
                                      <p:cBhvr>
                                        <p:cTn dur="1" fill="hold" id="6">
                                          <p:stCondLst>
                                            <p:cond delay="0"/>
                                          </p:stCondLst>
                                        </p:cTn>
                                        <p:tgtEl>
                                          <p:spTgt spid="16"/>
                                        </p:tgtEl>
                                        <p:attrNameLst>
                                          <p:attrName>style.visibility</p:attrName>
                                        </p:attrNameLst>
                                      </p:cBhvr>
                                      <p:to>
                                        <p:strVal val="visible"/>
                                      </p:to>
                                    </p:set>
                                    <p:anim calcmode="lin" valueType="num">
                                      <p:cBhvr>
                                        <p:cTn dur="500" fill="hold" id="7"/>
                                        <p:tgtEl>
                                          <p:spTgt spid="16"/>
                                        </p:tgtEl>
                                        <p:attrNameLst>
                                          <p:attrName>ppt_w</p:attrName>
                                        </p:attrNameLst>
                                      </p:cBhvr>
                                      <p:tavLst>
                                        <p:tav tm="0">
                                          <p:val>
                                            <p:fltVal val="0"/>
                                          </p:val>
                                        </p:tav>
                                        <p:tav tm="100000">
                                          <p:val>
                                            <p:strVal val="#ppt_w"/>
                                          </p:val>
                                        </p:tav>
                                      </p:tavLst>
                                    </p:anim>
                                    <p:anim calcmode="lin" valueType="num">
                                      <p:cBhvr>
                                        <p:cTn dur="500" fill="hold" id="8"/>
                                        <p:tgtEl>
                                          <p:spTgt spid="16"/>
                                        </p:tgtEl>
                                        <p:attrNameLst>
                                          <p:attrName>ppt_h</p:attrName>
                                        </p:attrNameLst>
                                      </p:cBhvr>
                                      <p:tavLst>
                                        <p:tav tm="0">
                                          <p:val>
                                            <p:fltVal val="0"/>
                                          </p:val>
                                        </p:tav>
                                        <p:tav tm="100000">
                                          <p:val>
                                            <p:strVal val="#ppt_h"/>
                                          </p:val>
                                        </p:tav>
                                      </p:tavLst>
                                    </p:anim>
                                    <p:animEffect filter="fade" transition="in">
                                      <p:cBhvr>
                                        <p:cTn dur="500" id="9"/>
                                        <p:tgtEl>
                                          <p:spTgt spid="16"/>
                                        </p:tgtEl>
                                      </p:cBhvr>
                                    </p:animEffect>
                                  </p:childTnLst>
                                </p:cTn>
                              </p:par>
                            </p:childTnLst>
                          </p:cTn>
                        </p:par>
                        <p:par>
                          <p:cTn fill="hold" id="10" nodeType="afterGroup">
                            <p:stCondLst>
                              <p:cond delay="500"/>
                            </p:stCondLst>
                            <p:childTnLst>
                              <p:par>
                                <p:cTn fill="hold" grpId="0" id="11" nodeType="afterEffect" presetClass="entr" presetID="2" presetSubtype="4">
                                  <p:stCondLst>
                                    <p:cond delay="0"/>
                                  </p:stCondLst>
                                  <p:childTnLst>
                                    <p:set>
                                      <p:cBhvr>
                                        <p:cTn dur="1" fill="hold" id="12">
                                          <p:stCondLst>
                                            <p:cond delay="0"/>
                                          </p:stCondLst>
                                        </p:cTn>
                                        <p:tgtEl>
                                          <p:spTgt spid="15"/>
                                        </p:tgtEl>
                                        <p:attrNameLst>
                                          <p:attrName>style.visibility</p:attrName>
                                        </p:attrNameLst>
                                      </p:cBhvr>
                                      <p:to>
                                        <p:strVal val="visible"/>
                                      </p:to>
                                    </p:set>
                                    <p:anim calcmode="lin" valueType="num">
                                      <p:cBhvr additive="base">
                                        <p:cTn dur="500" fill="hold" id="13"/>
                                        <p:tgtEl>
                                          <p:spTgt spid="15"/>
                                        </p:tgtEl>
                                        <p:attrNameLst>
                                          <p:attrName>ppt_x</p:attrName>
                                        </p:attrNameLst>
                                      </p:cBhvr>
                                      <p:tavLst>
                                        <p:tav tm="0">
                                          <p:val>
                                            <p:strVal val="#ppt_x"/>
                                          </p:val>
                                        </p:tav>
                                        <p:tav tm="100000">
                                          <p:val>
                                            <p:strVal val="#ppt_x"/>
                                          </p:val>
                                        </p:tav>
                                      </p:tavLst>
                                    </p:anim>
                                    <p:anim calcmode="lin" valueType="num">
                                      <p:cBhvr additive="base">
                                        <p:cTn dur="500" fill="hold" id="14"/>
                                        <p:tgtEl>
                                          <p:spTgt spid="15"/>
                                        </p:tgtEl>
                                        <p:attrNameLst>
                                          <p:attrName>ppt_y</p:attrName>
                                        </p:attrNameLst>
                                      </p:cBhvr>
                                      <p:tavLst>
                                        <p:tav tm="0">
                                          <p:val>
                                            <p:strVal val="1+#ppt_h/2"/>
                                          </p:val>
                                        </p:tav>
                                        <p:tav tm="100000">
                                          <p:val>
                                            <p:strVal val="#ppt_y"/>
                                          </p:val>
                                        </p:tav>
                                      </p:tavLst>
                                    </p:anim>
                                  </p:childTnLst>
                                </p:cTn>
                              </p:par>
                            </p:childTnLst>
                          </p:cTn>
                        </p:par>
                        <p:par>
                          <p:cTn fill="hold" id="15" nodeType="afterGroup">
                            <p:stCondLst>
                              <p:cond delay="1000"/>
                            </p:stCondLst>
                            <p:childTnLst>
                              <p:par>
                                <p:cTn fill="hold" id="16" nodeType="afterEffect" presetClass="entr" presetID="42" presetSubtype="0">
                                  <p:stCondLst>
                                    <p:cond delay="0"/>
                                  </p:stCondLst>
                                  <p:childTnLst>
                                    <p:set>
                                      <p:cBhvr>
                                        <p:cTn dur="1" fill="hold" id="17">
                                          <p:stCondLst>
                                            <p:cond delay="0"/>
                                          </p:stCondLst>
                                        </p:cTn>
                                        <p:tgtEl>
                                          <p:spTgt spid="2"/>
                                        </p:tgtEl>
                                        <p:attrNameLst>
                                          <p:attrName>style.visibility</p:attrName>
                                        </p:attrNameLst>
                                      </p:cBhvr>
                                      <p:to>
                                        <p:strVal val="visible"/>
                                      </p:to>
                                    </p:set>
                                    <p:animEffect filter="fade" transition="in">
                                      <p:cBhvr>
                                        <p:cTn dur="1000" id="18"/>
                                        <p:tgtEl>
                                          <p:spTgt spid="2"/>
                                        </p:tgtEl>
                                      </p:cBhvr>
                                    </p:animEffect>
                                    <p:anim calcmode="lin" valueType="num">
                                      <p:cBhvr>
                                        <p:cTn dur="1000" fill="hold" id="19"/>
                                        <p:tgtEl>
                                          <p:spTgt spid="2"/>
                                        </p:tgtEl>
                                        <p:attrNameLst>
                                          <p:attrName>ppt_x</p:attrName>
                                        </p:attrNameLst>
                                      </p:cBhvr>
                                      <p:tavLst>
                                        <p:tav tm="0">
                                          <p:val>
                                            <p:strVal val="#ppt_x"/>
                                          </p:val>
                                        </p:tav>
                                        <p:tav tm="100000">
                                          <p:val>
                                            <p:strVal val="#ppt_x"/>
                                          </p:val>
                                        </p:tav>
                                      </p:tavLst>
                                    </p:anim>
                                    <p:anim calcmode="lin" valueType="num">
                                      <p:cBhvr>
                                        <p:cTn dur="1000" fill="hold" id="20"/>
                                        <p:tgtEl>
                                          <p:spTgt spid="2"/>
                                        </p:tgtEl>
                                        <p:attrNameLst>
                                          <p:attrName>ppt_y</p:attrName>
                                        </p:attrNameLst>
                                      </p:cBhvr>
                                      <p:tavLst>
                                        <p:tav tm="0">
                                          <p:val>
                                            <p:strVal val="#ppt_y+.1"/>
                                          </p:val>
                                        </p:tav>
                                        <p:tav tm="100000">
                                          <p:val>
                                            <p:strVal val="#ppt_y"/>
                                          </p:val>
                                        </p:tav>
                                      </p:tavLst>
                                    </p:anim>
                                  </p:childTnLst>
                                </p:cTn>
                              </p:par>
                              <p:par>
                                <p:cTn fill="hold" id="21" nodeType="withEffect" presetClass="entr" presetID="42" presetSubtype="0">
                                  <p:stCondLst>
                                    <p:cond delay="500"/>
                                  </p:stCondLst>
                                  <p:childTnLst>
                                    <p:set>
                                      <p:cBhvr>
                                        <p:cTn dur="1" fill="hold" id="22">
                                          <p:stCondLst>
                                            <p:cond delay="0"/>
                                          </p:stCondLst>
                                        </p:cTn>
                                        <p:tgtEl>
                                          <p:spTgt spid="5"/>
                                        </p:tgtEl>
                                        <p:attrNameLst>
                                          <p:attrName>style.visibility</p:attrName>
                                        </p:attrNameLst>
                                      </p:cBhvr>
                                      <p:to>
                                        <p:strVal val="visible"/>
                                      </p:to>
                                    </p:set>
                                    <p:animEffect filter="fade" transition="in">
                                      <p:cBhvr>
                                        <p:cTn dur="1000" id="23"/>
                                        <p:tgtEl>
                                          <p:spTgt spid="5"/>
                                        </p:tgtEl>
                                      </p:cBhvr>
                                    </p:animEffect>
                                    <p:anim calcmode="lin" valueType="num">
                                      <p:cBhvr>
                                        <p:cTn dur="1000" fill="hold" id="24"/>
                                        <p:tgtEl>
                                          <p:spTgt spid="5"/>
                                        </p:tgtEl>
                                        <p:attrNameLst>
                                          <p:attrName>ppt_x</p:attrName>
                                        </p:attrNameLst>
                                      </p:cBhvr>
                                      <p:tavLst>
                                        <p:tav tm="0">
                                          <p:val>
                                            <p:strVal val="#ppt_x"/>
                                          </p:val>
                                        </p:tav>
                                        <p:tav tm="100000">
                                          <p:val>
                                            <p:strVal val="#ppt_x"/>
                                          </p:val>
                                        </p:tav>
                                      </p:tavLst>
                                    </p:anim>
                                    <p:anim calcmode="lin" valueType="num">
                                      <p:cBhvr>
                                        <p:cTn dur="1000" fill="hold" id="25"/>
                                        <p:tgtEl>
                                          <p:spTgt spid="5"/>
                                        </p:tgtEl>
                                        <p:attrNameLst>
                                          <p:attrName>ppt_y</p:attrName>
                                        </p:attrNameLst>
                                      </p:cBhvr>
                                      <p:tavLst>
                                        <p:tav tm="0">
                                          <p:val>
                                            <p:strVal val="#ppt_y+.1"/>
                                          </p:val>
                                        </p:tav>
                                        <p:tav tm="100000">
                                          <p:val>
                                            <p:strVal val="#ppt_y"/>
                                          </p:val>
                                        </p:tav>
                                      </p:tavLst>
                                    </p:anim>
                                  </p:childTnLst>
                                </p:cTn>
                              </p:par>
                              <p:par>
                                <p:cTn fill="hold" id="26" nodeType="withEffect" presetClass="entr" presetID="42" presetSubtype="0">
                                  <p:stCondLst>
                                    <p:cond delay="1000"/>
                                  </p:stCondLst>
                                  <p:childTnLst>
                                    <p:set>
                                      <p:cBhvr>
                                        <p:cTn dur="1" fill="hold" id="27">
                                          <p:stCondLst>
                                            <p:cond delay="0"/>
                                          </p:stCondLst>
                                        </p:cTn>
                                        <p:tgtEl>
                                          <p:spTgt spid="8"/>
                                        </p:tgtEl>
                                        <p:attrNameLst>
                                          <p:attrName>style.visibility</p:attrName>
                                        </p:attrNameLst>
                                      </p:cBhvr>
                                      <p:to>
                                        <p:strVal val="visible"/>
                                      </p:to>
                                    </p:set>
                                    <p:animEffect filter="fade" transition="in">
                                      <p:cBhvr>
                                        <p:cTn dur="1000" id="28"/>
                                        <p:tgtEl>
                                          <p:spTgt spid="8"/>
                                        </p:tgtEl>
                                      </p:cBhvr>
                                    </p:animEffect>
                                    <p:anim calcmode="lin" valueType="num">
                                      <p:cBhvr>
                                        <p:cTn dur="1000" fill="hold" id="29"/>
                                        <p:tgtEl>
                                          <p:spTgt spid="8"/>
                                        </p:tgtEl>
                                        <p:attrNameLst>
                                          <p:attrName>ppt_x</p:attrName>
                                        </p:attrNameLst>
                                      </p:cBhvr>
                                      <p:tavLst>
                                        <p:tav tm="0">
                                          <p:val>
                                            <p:strVal val="#ppt_x"/>
                                          </p:val>
                                        </p:tav>
                                        <p:tav tm="100000">
                                          <p:val>
                                            <p:strVal val="#ppt_x"/>
                                          </p:val>
                                        </p:tav>
                                      </p:tavLst>
                                    </p:anim>
                                    <p:anim calcmode="lin" valueType="num">
                                      <p:cBhvr>
                                        <p:cTn dur="1000" fill="hold" id="30"/>
                                        <p:tgtEl>
                                          <p:spTgt spid="8"/>
                                        </p:tgtEl>
                                        <p:attrNameLst>
                                          <p:attrName>ppt_y</p:attrName>
                                        </p:attrNameLst>
                                      </p:cBhvr>
                                      <p:tavLst>
                                        <p:tav tm="0">
                                          <p:val>
                                            <p:strVal val="#ppt_y+.1"/>
                                          </p:val>
                                        </p:tav>
                                        <p:tav tm="100000">
                                          <p:val>
                                            <p:strVal val="#ppt_y"/>
                                          </p:val>
                                        </p:tav>
                                      </p:tavLst>
                                    </p:anim>
                                  </p:childTnLst>
                                </p:cTn>
                              </p:par>
                              <p:par>
                                <p:cTn fill="hold" id="31" nodeType="withEffect" presetClass="entr" presetID="42" presetSubtype="0">
                                  <p:stCondLst>
                                    <p:cond delay="1500"/>
                                  </p:stCondLst>
                                  <p:childTnLst>
                                    <p:set>
                                      <p:cBhvr>
                                        <p:cTn dur="1" fill="hold" id="32">
                                          <p:stCondLst>
                                            <p:cond delay="0"/>
                                          </p:stCondLst>
                                        </p:cTn>
                                        <p:tgtEl>
                                          <p:spTgt spid="11"/>
                                        </p:tgtEl>
                                        <p:attrNameLst>
                                          <p:attrName>style.visibility</p:attrName>
                                        </p:attrNameLst>
                                      </p:cBhvr>
                                      <p:to>
                                        <p:strVal val="visible"/>
                                      </p:to>
                                    </p:set>
                                    <p:animEffect filter="fade" transition="in">
                                      <p:cBhvr>
                                        <p:cTn dur="1000" id="33"/>
                                        <p:tgtEl>
                                          <p:spTgt spid="11"/>
                                        </p:tgtEl>
                                      </p:cBhvr>
                                    </p:animEffect>
                                    <p:anim calcmode="lin" valueType="num">
                                      <p:cBhvr>
                                        <p:cTn dur="1000" fill="hold" id="34"/>
                                        <p:tgtEl>
                                          <p:spTgt spid="11"/>
                                        </p:tgtEl>
                                        <p:attrNameLst>
                                          <p:attrName>ppt_x</p:attrName>
                                        </p:attrNameLst>
                                      </p:cBhvr>
                                      <p:tavLst>
                                        <p:tav tm="0">
                                          <p:val>
                                            <p:strVal val="#ppt_x"/>
                                          </p:val>
                                        </p:tav>
                                        <p:tav tm="100000">
                                          <p:val>
                                            <p:strVal val="#ppt_x"/>
                                          </p:val>
                                        </p:tav>
                                      </p:tavLst>
                                    </p:anim>
                                    <p:anim calcmode="lin" valueType="num">
                                      <p:cBhvr>
                                        <p:cTn dur="1000" fill="hold" id="35"/>
                                        <p:tgtEl>
                                          <p:spTgt spid="11"/>
                                        </p:tgtEl>
                                        <p:attrNameLst>
                                          <p:attrName>ppt_y</p:attrName>
                                        </p:attrNameLst>
                                      </p:cBhvr>
                                      <p:tavLst>
                                        <p:tav tm="0">
                                          <p:val>
                                            <p:strVal val="#ppt_y+.1"/>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15"/>
    </p:bldLst>
  </p:timing>
</p:sld>
</file>

<file path=ppt/slides/slide20.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147" name="组合 146"/>
          <p:cNvGrpSpPr/>
          <p:nvPr/>
        </p:nvGrpSpPr>
        <p:grpSpPr>
          <a:xfrm>
            <a:off x="1732484" y="2808841"/>
            <a:ext cx="6457562" cy="1733265"/>
            <a:chOff x="1224484" y="2808838"/>
            <a:chExt cx="6457562" cy="1733265"/>
          </a:xfrm>
        </p:grpSpPr>
        <p:sp>
          <p:nvSpPr>
            <p:cNvPr id="105" name="椭圆 104"/>
            <p:cNvSpPr/>
            <p:nvPr/>
          </p:nvSpPr>
          <p:spPr>
            <a:xfrm>
              <a:off x="1224484" y="2808838"/>
              <a:ext cx="6457562" cy="1733265"/>
            </a:xfrm>
            <a:prstGeom prst="ellipse">
              <a:avLst/>
            </a:prstGeom>
            <a:solidFill>
              <a:srgbClr val="00544A"/>
            </a:solidFill>
            <a:ln>
              <a:solidFill>
                <a:schemeClr val="bg1">
                  <a:lumMod val="85000"/>
                </a:schemeClr>
              </a:solidFill>
            </a:ln>
            <a:effectLst>
              <a:outerShdw algn="tl" blurRad="50800" dir="2700000" dist="38100"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useBgFill="1">
          <p:nvSpPr>
            <p:cNvPr id="106" name="椭圆 105"/>
            <p:cNvSpPr/>
            <p:nvPr/>
          </p:nvSpPr>
          <p:spPr>
            <a:xfrm>
              <a:off x="2018898" y="3007416"/>
              <a:ext cx="4868735" cy="1169919"/>
            </a:xfrm>
            <a:prstGeom prst="ellipse">
              <a:avLst/>
            </a:prstGeom>
            <a:ln>
              <a:solidFill>
                <a:schemeClr val="bg1">
                  <a:lumMod val="85000"/>
                </a:schemeClr>
              </a:solidFill>
            </a:ln>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grpSp>
        <p:nvGrpSpPr>
          <p:cNvPr id="108" name="组合 107"/>
          <p:cNvGrpSpPr/>
          <p:nvPr/>
        </p:nvGrpSpPr>
        <p:grpSpPr>
          <a:xfrm>
            <a:off x="2412635" y="1360302"/>
            <a:ext cx="543699" cy="1854157"/>
            <a:chOff x="7460238" y="2695952"/>
            <a:chExt cx="690641" cy="2355268"/>
          </a:xfrm>
        </p:grpSpPr>
        <p:sp>
          <p:nvSpPr>
            <p:cNvPr descr="© INSCALE GmbH, 26.05.2010 http://www.presentationload.com/" id="142" name="Freeform 23"/>
            <p:cNvSpPr>
              <a:spLocks noChangeAspect="1"/>
            </p:cNvSpPr>
            <p:nvPr/>
          </p:nvSpPr>
          <p:spPr bwMode="gray">
            <a:xfrm>
              <a:off x="7460238" y="2695952"/>
              <a:ext cx="690641" cy="2355268"/>
            </a:xfrm>
            <a:custGeom>
              <a:cxnLst>
                <a:cxn ang="0">
                  <a:pos x="168" y="301"/>
                </a:cxn>
                <a:cxn ang="0">
                  <a:pos x="114" y="600"/>
                </a:cxn>
                <a:cxn ang="0">
                  <a:pos x="156" y="650"/>
                </a:cxn>
                <a:cxn ang="0">
                  <a:pos x="146" y="728"/>
                </a:cxn>
                <a:cxn ang="0">
                  <a:pos x="152" y="771"/>
                </a:cxn>
                <a:cxn ang="0">
                  <a:pos x="87" y="1167"/>
                </a:cxn>
                <a:cxn ang="0">
                  <a:pos x="112" y="1331"/>
                </a:cxn>
                <a:cxn ang="0">
                  <a:pos x="64" y="1598"/>
                </a:cxn>
                <a:cxn ang="0">
                  <a:pos x="65" y="1631"/>
                </a:cxn>
                <a:cxn ang="0">
                  <a:pos x="143" y="1600"/>
                </a:cxn>
                <a:cxn ang="0">
                  <a:pos x="191" y="1588"/>
                </a:cxn>
                <a:cxn ang="0">
                  <a:pos x="199" y="1617"/>
                </a:cxn>
                <a:cxn ang="0">
                  <a:pos x="206" y="1495"/>
                </a:cxn>
                <a:cxn ang="0">
                  <a:pos x="186" y="1183"/>
                </a:cxn>
                <a:cxn ang="0">
                  <a:pos x="345" y="1493"/>
                </a:cxn>
                <a:cxn ang="0">
                  <a:pos x="257" y="1619"/>
                </a:cxn>
                <a:cxn ang="0">
                  <a:pos x="266" y="1631"/>
                </a:cxn>
                <a:cxn ang="0">
                  <a:pos x="321" y="1635"/>
                </a:cxn>
                <a:cxn ang="0">
                  <a:pos x="385" y="1599"/>
                </a:cxn>
                <a:cxn ang="0">
                  <a:pos x="393" y="1602"/>
                </a:cxn>
                <a:cxn ang="0">
                  <a:pos x="404" y="1576"/>
                </a:cxn>
                <a:cxn ang="0">
                  <a:pos x="418" y="1487"/>
                </a:cxn>
                <a:cxn ang="0">
                  <a:pos x="427" y="1202"/>
                </a:cxn>
                <a:cxn ang="0">
                  <a:pos x="445" y="803"/>
                </a:cxn>
                <a:cxn ang="0">
                  <a:pos x="444" y="755"/>
                </a:cxn>
                <a:cxn ang="0">
                  <a:pos x="425" y="467"/>
                </a:cxn>
                <a:cxn ang="0">
                  <a:pos x="450" y="291"/>
                </a:cxn>
                <a:cxn ang="0">
                  <a:pos x="383" y="196"/>
                </a:cxn>
                <a:cxn ang="0">
                  <a:pos x="399" y="140"/>
                </a:cxn>
                <a:cxn ang="0">
                  <a:pos x="399" y="124"/>
                </a:cxn>
                <a:cxn ang="0">
                  <a:pos x="396" y="93"/>
                </a:cxn>
                <a:cxn ang="0">
                  <a:pos x="339" y="14"/>
                </a:cxn>
                <a:cxn ang="0">
                  <a:pos x="237" y="124"/>
                </a:cxn>
                <a:cxn ang="0">
                  <a:pos x="237" y="138"/>
                </a:cxn>
                <a:cxn ang="0">
                  <a:pos x="242" y="156"/>
                </a:cxn>
                <a:cxn ang="0">
                  <a:pos x="251" y="162"/>
                </a:cxn>
                <a:cxn ang="0">
                  <a:pos x="274" y="211"/>
                </a:cxn>
                <a:cxn ang="0">
                  <a:pos x="208" y="273"/>
                </a:cxn>
              </a:cxnLst>
              <a:rect b="b" l="0" r="r" t="0"/>
              <a:pathLst>
                <a:path h="1634" w="482">
                  <a:moveTo>
                    <a:pt x="208" y="273"/>
                  </a:moveTo>
                  <a:cubicBezTo>
                    <a:pt x="208" y="273"/>
                    <a:pt x="163" y="286"/>
                    <a:pt x="168" y="301"/>
                  </a:cubicBezTo>
                  <a:cubicBezTo>
                    <a:pt x="168" y="301"/>
                    <a:pt x="92" y="509"/>
                    <a:pt x="80" y="537"/>
                  </a:cubicBezTo>
                  <a:cubicBezTo>
                    <a:pt x="80" y="537"/>
                    <a:pt x="77" y="598"/>
                    <a:pt x="114" y="600"/>
                  </a:cubicBezTo>
                  <a:cubicBezTo>
                    <a:pt x="167" y="608"/>
                    <a:pt x="167" y="608"/>
                    <a:pt x="167" y="608"/>
                  </a:cubicBezTo>
                  <a:cubicBezTo>
                    <a:pt x="156" y="650"/>
                    <a:pt x="156" y="650"/>
                    <a:pt x="156" y="650"/>
                  </a:cubicBezTo>
                  <a:cubicBezTo>
                    <a:pt x="166" y="649"/>
                    <a:pt x="166" y="649"/>
                    <a:pt x="166" y="649"/>
                  </a:cubicBezTo>
                  <a:cubicBezTo>
                    <a:pt x="166" y="649"/>
                    <a:pt x="182" y="679"/>
                    <a:pt x="146" y="728"/>
                  </a:cubicBezTo>
                  <a:cubicBezTo>
                    <a:pt x="152" y="736"/>
                    <a:pt x="152" y="736"/>
                    <a:pt x="152" y="736"/>
                  </a:cubicBezTo>
                  <a:cubicBezTo>
                    <a:pt x="152" y="736"/>
                    <a:pt x="134" y="768"/>
                    <a:pt x="152" y="771"/>
                  </a:cubicBezTo>
                  <a:cubicBezTo>
                    <a:pt x="152" y="771"/>
                    <a:pt x="68" y="1135"/>
                    <a:pt x="69" y="1161"/>
                  </a:cubicBezTo>
                  <a:cubicBezTo>
                    <a:pt x="87" y="1167"/>
                    <a:pt x="87" y="1167"/>
                    <a:pt x="87" y="1167"/>
                  </a:cubicBezTo>
                  <a:cubicBezTo>
                    <a:pt x="87" y="1167"/>
                    <a:pt x="91" y="1182"/>
                    <a:pt x="96" y="1188"/>
                  </a:cubicBezTo>
                  <a:cubicBezTo>
                    <a:pt x="96" y="1188"/>
                    <a:pt x="93" y="1248"/>
                    <a:pt x="112" y="1331"/>
                  </a:cubicBezTo>
                  <a:cubicBezTo>
                    <a:pt x="112" y="1331"/>
                    <a:pt x="132" y="1470"/>
                    <a:pt x="121" y="1505"/>
                  </a:cubicBezTo>
                  <a:cubicBezTo>
                    <a:pt x="121" y="1505"/>
                    <a:pt x="86" y="1595"/>
                    <a:pt x="64" y="1598"/>
                  </a:cubicBezTo>
                  <a:cubicBezTo>
                    <a:pt x="60" y="1598"/>
                    <a:pt x="0" y="1608"/>
                    <a:pt x="28" y="1629"/>
                  </a:cubicBezTo>
                  <a:cubicBezTo>
                    <a:pt x="65" y="1631"/>
                    <a:pt x="65" y="1631"/>
                    <a:pt x="65" y="1631"/>
                  </a:cubicBezTo>
                  <a:cubicBezTo>
                    <a:pt x="88" y="1632"/>
                    <a:pt x="88" y="1632"/>
                    <a:pt x="88" y="1632"/>
                  </a:cubicBezTo>
                  <a:cubicBezTo>
                    <a:pt x="88" y="1632"/>
                    <a:pt x="123" y="1630"/>
                    <a:pt x="143" y="1600"/>
                  </a:cubicBezTo>
                  <a:cubicBezTo>
                    <a:pt x="143" y="1600"/>
                    <a:pt x="177" y="1565"/>
                    <a:pt x="184" y="1569"/>
                  </a:cubicBezTo>
                  <a:cubicBezTo>
                    <a:pt x="184" y="1569"/>
                    <a:pt x="192" y="1566"/>
                    <a:pt x="191" y="1588"/>
                  </a:cubicBezTo>
                  <a:cubicBezTo>
                    <a:pt x="191" y="1615"/>
                    <a:pt x="191" y="1615"/>
                    <a:pt x="191" y="1615"/>
                  </a:cubicBezTo>
                  <a:cubicBezTo>
                    <a:pt x="199" y="1617"/>
                    <a:pt x="199" y="1617"/>
                    <a:pt x="199" y="1617"/>
                  </a:cubicBezTo>
                  <a:cubicBezTo>
                    <a:pt x="199" y="1617"/>
                    <a:pt x="216" y="1555"/>
                    <a:pt x="227" y="1548"/>
                  </a:cubicBezTo>
                  <a:cubicBezTo>
                    <a:pt x="227" y="1548"/>
                    <a:pt x="238" y="1515"/>
                    <a:pt x="206" y="1495"/>
                  </a:cubicBezTo>
                  <a:cubicBezTo>
                    <a:pt x="206" y="1495"/>
                    <a:pt x="184" y="1428"/>
                    <a:pt x="202" y="1347"/>
                  </a:cubicBezTo>
                  <a:cubicBezTo>
                    <a:pt x="202" y="1347"/>
                    <a:pt x="224" y="1225"/>
                    <a:pt x="186" y="1183"/>
                  </a:cubicBezTo>
                  <a:cubicBezTo>
                    <a:pt x="323" y="1198"/>
                    <a:pt x="323" y="1198"/>
                    <a:pt x="323" y="1198"/>
                  </a:cubicBezTo>
                  <a:cubicBezTo>
                    <a:pt x="323" y="1198"/>
                    <a:pt x="364" y="1377"/>
                    <a:pt x="345" y="1493"/>
                  </a:cubicBezTo>
                  <a:cubicBezTo>
                    <a:pt x="345" y="1493"/>
                    <a:pt x="314" y="1594"/>
                    <a:pt x="269" y="1606"/>
                  </a:cubicBezTo>
                  <a:cubicBezTo>
                    <a:pt x="257" y="1619"/>
                    <a:pt x="257" y="1619"/>
                    <a:pt x="257" y="1619"/>
                  </a:cubicBezTo>
                  <a:cubicBezTo>
                    <a:pt x="257" y="1628"/>
                    <a:pt x="257" y="1628"/>
                    <a:pt x="257" y="1628"/>
                  </a:cubicBezTo>
                  <a:cubicBezTo>
                    <a:pt x="266" y="1631"/>
                    <a:pt x="266" y="1631"/>
                    <a:pt x="266" y="1631"/>
                  </a:cubicBezTo>
                  <a:cubicBezTo>
                    <a:pt x="266" y="1631"/>
                    <a:pt x="275" y="1635"/>
                    <a:pt x="283" y="1635"/>
                  </a:cubicBezTo>
                  <a:cubicBezTo>
                    <a:pt x="291" y="1635"/>
                    <a:pt x="318" y="1635"/>
                    <a:pt x="321" y="1635"/>
                  </a:cubicBezTo>
                  <a:cubicBezTo>
                    <a:pt x="324" y="1635"/>
                    <a:pt x="352" y="1629"/>
                    <a:pt x="352" y="1629"/>
                  </a:cubicBezTo>
                  <a:cubicBezTo>
                    <a:pt x="352" y="1629"/>
                    <a:pt x="375" y="1610"/>
                    <a:pt x="385" y="1599"/>
                  </a:cubicBezTo>
                  <a:cubicBezTo>
                    <a:pt x="395" y="1584"/>
                    <a:pt x="395" y="1584"/>
                    <a:pt x="395" y="1584"/>
                  </a:cubicBezTo>
                  <a:cubicBezTo>
                    <a:pt x="393" y="1602"/>
                    <a:pt x="393" y="1602"/>
                    <a:pt x="393" y="1602"/>
                  </a:cubicBezTo>
                  <a:cubicBezTo>
                    <a:pt x="404" y="1602"/>
                    <a:pt x="404" y="1602"/>
                    <a:pt x="404" y="1602"/>
                  </a:cubicBezTo>
                  <a:cubicBezTo>
                    <a:pt x="404" y="1576"/>
                    <a:pt x="404" y="1576"/>
                    <a:pt x="404" y="1576"/>
                  </a:cubicBezTo>
                  <a:cubicBezTo>
                    <a:pt x="404" y="1576"/>
                    <a:pt x="432" y="1540"/>
                    <a:pt x="432" y="1535"/>
                  </a:cubicBezTo>
                  <a:cubicBezTo>
                    <a:pt x="432" y="1530"/>
                    <a:pt x="440" y="1504"/>
                    <a:pt x="418" y="1487"/>
                  </a:cubicBezTo>
                  <a:cubicBezTo>
                    <a:pt x="418" y="1487"/>
                    <a:pt x="400" y="1450"/>
                    <a:pt x="430" y="1359"/>
                  </a:cubicBezTo>
                  <a:cubicBezTo>
                    <a:pt x="430" y="1359"/>
                    <a:pt x="452" y="1242"/>
                    <a:pt x="427" y="1202"/>
                  </a:cubicBezTo>
                  <a:cubicBezTo>
                    <a:pt x="436" y="1196"/>
                    <a:pt x="436" y="1196"/>
                    <a:pt x="436" y="1196"/>
                  </a:cubicBezTo>
                  <a:cubicBezTo>
                    <a:pt x="436" y="1196"/>
                    <a:pt x="450" y="820"/>
                    <a:pt x="445" y="803"/>
                  </a:cubicBezTo>
                  <a:cubicBezTo>
                    <a:pt x="445" y="803"/>
                    <a:pt x="439" y="768"/>
                    <a:pt x="434" y="761"/>
                  </a:cubicBezTo>
                  <a:cubicBezTo>
                    <a:pt x="444" y="755"/>
                    <a:pt x="444" y="755"/>
                    <a:pt x="444" y="755"/>
                  </a:cubicBezTo>
                  <a:cubicBezTo>
                    <a:pt x="444" y="755"/>
                    <a:pt x="429" y="649"/>
                    <a:pt x="413" y="595"/>
                  </a:cubicBezTo>
                  <a:cubicBezTo>
                    <a:pt x="413" y="595"/>
                    <a:pt x="400" y="513"/>
                    <a:pt x="425" y="467"/>
                  </a:cubicBezTo>
                  <a:cubicBezTo>
                    <a:pt x="425" y="467"/>
                    <a:pt x="482" y="377"/>
                    <a:pt x="470" y="309"/>
                  </a:cubicBezTo>
                  <a:cubicBezTo>
                    <a:pt x="470" y="309"/>
                    <a:pt x="469" y="302"/>
                    <a:pt x="450" y="291"/>
                  </a:cubicBezTo>
                  <a:cubicBezTo>
                    <a:pt x="450" y="291"/>
                    <a:pt x="389" y="259"/>
                    <a:pt x="386" y="224"/>
                  </a:cubicBezTo>
                  <a:cubicBezTo>
                    <a:pt x="386" y="224"/>
                    <a:pt x="381" y="213"/>
                    <a:pt x="383" y="196"/>
                  </a:cubicBezTo>
                  <a:cubicBezTo>
                    <a:pt x="385" y="179"/>
                    <a:pt x="391" y="164"/>
                    <a:pt x="393" y="150"/>
                  </a:cubicBezTo>
                  <a:cubicBezTo>
                    <a:pt x="399" y="140"/>
                    <a:pt x="399" y="140"/>
                    <a:pt x="399" y="140"/>
                  </a:cubicBezTo>
                  <a:cubicBezTo>
                    <a:pt x="399" y="132"/>
                    <a:pt x="399" y="132"/>
                    <a:pt x="399" y="132"/>
                  </a:cubicBezTo>
                  <a:cubicBezTo>
                    <a:pt x="399" y="124"/>
                    <a:pt x="399" y="124"/>
                    <a:pt x="399" y="124"/>
                  </a:cubicBezTo>
                  <a:cubicBezTo>
                    <a:pt x="399" y="124"/>
                    <a:pt x="400" y="116"/>
                    <a:pt x="399" y="109"/>
                  </a:cubicBezTo>
                  <a:cubicBezTo>
                    <a:pt x="398" y="102"/>
                    <a:pt x="396" y="93"/>
                    <a:pt x="396" y="93"/>
                  </a:cubicBezTo>
                  <a:cubicBezTo>
                    <a:pt x="396" y="93"/>
                    <a:pt x="397" y="85"/>
                    <a:pt x="394" y="80"/>
                  </a:cubicBezTo>
                  <a:cubicBezTo>
                    <a:pt x="391" y="75"/>
                    <a:pt x="392" y="39"/>
                    <a:pt x="339" y="14"/>
                  </a:cubicBezTo>
                  <a:cubicBezTo>
                    <a:pt x="339" y="14"/>
                    <a:pt x="288" y="0"/>
                    <a:pt x="254" y="52"/>
                  </a:cubicBezTo>
                  <a:cubicBezTo>
                    <a:pt x="254" y="52"/>
                    <a:pt x="232" y="77"/>
                    <a:pt x="237" y="124"/>
                  </a:cubicBezTo>
                  <a:cubicBezTo>
                    <a:pt x="237" y="124"/>
                    <a:pt x="234" y="123"/>
                    <a:pt x="234" y="128"/>
                  </a:cubicBezTo>
                  <a:cubicBezTo>
                    <a:pt x="234" y="133"/>
                    <a:pt x="237" y="138"/>
                    <a:pt x="237" y="138"/>
                  </a:cubicBezTo>
                  <a:cubicBezTo>
                    <a:pt x="237" y="138"/>
                    <a:pt x="237" y="139"/>
                    <a:pt x="237" y="143"/>
                  </a:cubicBezTo>
                  <a:cubicBezTo>
                    <a:pt x="237" y="147"/>
                    <a:pt x="241" y="151"/>
                    <a:pt x="242" y="156"/>
                  </a:cubicBezTo>
                  <a:cubicBezTo>
                    <a:pt x="244" y="165"/>
                    <a:pt x="248" y="162"/>
                    <a:pt x="248" y="162"/>
                  </a:cubicBezTo>
                  <a:cubicBezTo>
                    <a:pt x="251" y="162"/>
                    <a:pt x="251" y="162"/>
                    <a:pt x="251" y="162"/>
                  </a:cubicBezTo>
                  <a:cubicBezTo>
                    <a:pt x="251" y="162"/>
                    <a:pt x="262" y="176"/>
                    <a:pt x="266" y="194"/>
                  </a:cubicBezTo>
                  <a:cubicBezTo>
                    <a:pt x="274" y="211"/>
                    <a:pt x="274" y="211"/>
                    <a:pt x="274" y="211"/>
                  </a:cubicBezTo>
                  <a:cubicBezTo>
                    <a:pt x="274" y="228"/>
                    <a:pt x="274" y="228"/>
                    <a:pt x="274" y="228"/>
                  </a:cubicBezTo>
                  <a:lnTo>
                    <a:pt x="208" y="273"/>
                  </a:lnTo>
                  <a:close/>
                </a:path>
              </a:pathLst>
            </a:custGeom>
            <a:solidFill>
              <a:schemeClr val="tx1">
                <a:lumMod val="75000"/>
                <a:lumOff val="25000"/>
              </a:schemeClr>
            </a:solidFill>
            <a:ln w="3175">
              <a:solidFill>
                <a:srgbClr val="FFFFFF"/>
              </a:solidFill>
              <a:round/>
            </a:ln>
          </p:spPr>
          <p:txBody>
            <a:bodyPr/>
            <a:lstStyle/>
            <a:p>
              <a:endParaRPr lang="en-GB"/>
            </a:p>
          </p:txBody>
        </p:sp>
        <p:sp>
          <p:nvSpPr>
            <p:cNvPr descr="© INSCALE GmbH, 26.05.2010 http://www.presentationload.com/" id="143" name="_color1"/>
            <p:cNvSpPr>
              <a:spLocks noChangeAspect="1"/>
            </p:cNvSpPr>
            <p:nvPr/>
          </p:nvSpPr>
          <p:spPr bwMode="gray">
            <a:xfrm>
              <a:off x="7738702" y="2987755"/>
              <a:ext cx="277238" cy="372723"/>
            </a:xfrm>
            <a:custGeom>
              <a:cxnLst>
                <a:cxn ang="0">
                  <a:pos x="183" y="0"/>
                </a:cxn>
                <a:cxn ang="0">
                  <a:pos x="193" y="40"/>
                </a:cxn>
                <a:cxn ang="0">
                  <a:pos x="161" y="112"/>
                </a:cxn>
                <a:cxn ang="0">
                  <a:pos x="129" y="87"/>
                </a:cxn>
                <a:cxn ang="0">
                  <a:pos x="42" y="258"/>
                </a:cxn>
                <a:cxn ang="0">
                  <a:pos x="37" y="258"/>
                </a:cxn>
                <a:cxn ang="0">
                  <a:pos x="47" y="140"/>
                </a:cxn>
                <a:cxn ang="0">
                  <a:pos x="0" y="89"/>
                </a:cxn>
                <a:cxn ang="0">
                  <a:pos x="17" y="73"/>
                </a:cxn>
                <a:cxn ang="0">
                  <a:pos x="82" y="28"/>
                </a:cxn>
                <a:cxn ang="0">
                  <a:pos x="89" y="49"/>
                </a:cxn>
                <a:cxn ang="0">
                  <a:pos x="60" y="125"/>
                </a:cxn>
                <a:cxn ang="0">
                  <a:pos x="71" y="141"/>
                </a:cxn>
                <a:cxn ang="0">
                  <a:pos x="141" y="46"/>
                </a:cxn>
                <a:cxn ang="0">
                  <a:pos x="147" y="43"/>
                </a:cxn>
                <a:cxn ang="0">
                  <a:pos x="158" y="41"/>
                </a:cxn>
                <a:cxn ang="0">
                  <a:pos x="164" y="34"/>
                </a:cxn>
                <a:cxn ang="0">
                  <a:pos x="183" y="0"/>
                </a:cxn>
              </a:cxnLst>
              <a:rect b="b" l="0" r="r" t="0"/>
              <a:pathLst>
                <a:path h="258" w="193">
                  <a:moveTo>
                    <a:pt x="183" y="0"/>
                  </a:moveTo>
                  <a:cubicBezTo>
                    <a:pt x="193" y="40"/>
                    <a:pt x="193" y="40"/>
                    <a:pt x="193" y="40"/>
                  </a:cubicBezTo>
                  <a:cubicBezTo>
                    <a:pt x="161" y="112"/>
                    <a:pt x="161" y="112"/>
                    <a:pt x="161" y="112"/>
                  </a:cubicBezTo>
                  <a:cubicBezTo>
                    <a:pt x="129" y="87"/>
                    <a:pt x="129" y="87"/>
                    <a:pt x="129" y="87"/>
                  </a:cubicBezTo>
                  <a:cubicBezTo>
                    <a:pt x="129" y="87"/>
                    <a:pt x="31" y="195"/>
                    <a:pt x="42" y="258"/>
                  </a:cubicBezTo>
                  <a:cubicBezTo>
                    <a:pt x="37" y="258"/>
                    <a:pt x="37" y="258"/>
                    <a:pt x="37" y="258"/>
                  </a:cubicBezTo>
                  <a:cubicBezTo>
                    <a:pt x="37" y="258"/>
                    <a:pt x="19" y="193"/>
                    <a:pt x="47" y="140"/>
                  </a:cubicBezTo>
                  <a:cubicBezTo>
                    <a:pt x="47" y="140"/>
                    <a:pt x="15" y="86"/>
                    <a:pt x="0" y="89"/>
                  </a:cubicBezTo>
                  <a:cubicBezTo>
                    <a:pt x="17" y="73"/>
                    <a:pt x="17" y="73"/>
                    <a:pt x="17" y="73"/>
                  </a:cubicBezTo>
                  <a:cubicBezTo>
                    <a:pt x="82" y="28"/>
                    <a:pt x="82" y="28"/>
                    <a:pt x="82" y="28"/>
                  </a:cubicBezTo>
                  <a:cubicBezTo>
                    <a:pt x="89" y="49"/>
                    <a:pt x="89" y="49"/>
                    <a:pt x="89" y="49"/>
                  </a:cubicBezTo>
                  <a:cubicBezTo>
                    <a:pt x="89" y="49"/>
                    <a:pt x="41" y="120"/>
                    <a:pt x="60" y="125"/>
                  </a:cubicBezTo>
                  <a:cubicBezTo>
                    <a:pt x="71" y="141"/>
                    <a:pt x="71" y="141"/>
                    <a:pt x="71" y="141"/>
                  </a:cubicBezTo>
                  <a:cubicBezTo>
                    <a:pt x="71" y="141"/>
                    <a:pt x="54" y="115"/>
                    <a:pt x="141" y="46"/>
                  </a:cubicBezTo>
                  <a:cubicBezTo>
                    <a:pt x="147" y="43"/>
                    <a:pt x="147" y="43"/>
                    <a:pt x="147" y="43"/>
                  </a:cubicBezTo>
                  <a:cubicBezTo>
                    <a:pt x="158" y="41"/>
                    <a:pt x="158" y="41"/>
                    <a:pt x="158" y="41"/>
                  </a:cubicBezTo>
                  <a:cubicBezTo>
                    <a:pt x="164" y="34"/>
                    <a:pt x="164" y="34"/>
                    <a:pt x="164" y="34"/>
                  </a:cubicBezTo>
                  <a:cubicBezTo>
                    <a:pt x="164" y="34"/>
                    <a:pt x="174" y="18"/>
                    <a:pt x="183" y="0"/>
                  </a:cubicBezTo>
                  <a:close/>
                </a:path>
              </a:pathLst>
            </a:custGeom>
            <a:solidFill>
              <a:schemeClr val="accent1">
                <a:lumMod val="20000"/>
                <a:lumOff val="80000"/>
              </a:schemeClr>
            </a:solidFill>
            <a:ln w="9525">
              <a:solidFill>
                <a:schemeClr val="accent1">
                  <a:lumMod val="20000"/>
                  <a:lumOff val="80000"/>
                </a:schemeClr>
              </a:solidFill>
              <a:round/>
            </a:ln>
          </p:spPr>
          <p:txBody>
            <a:bodyPr/>
            <a:lstStyle/>
            <a:p>
              <a:endParaRPr lang="en-GB"/>
            </a:p>
          </p:txBody>
        </p:sp>
      </p:grpSp>
      <p:grpSp>
        <p:nvGrpSpPr>
          <p:cNvPr id="111" name="Gruppieren 62"/>
          <p:cNvGrpSpPr/>
          <p:nvPr/>
        </p:nvGrpSpPr>
        <p:grpSpPr>
          <a:xfrm>
            <a:off x="4459977" y="1309561"/>
            <a:ext cx="1025166" cy="2372170"/>
            <a:chOff x="4143693" y="2118360"/>
            <a:chExt cx="1009105" cy="2461894"/>
          </a:xfrm>
        </p:grpSpPr>
        <p:sp>
          <p:nvSpPr>
            <p:cNvPr id="136" name="Freeform 6"/>
            <p:cNvSpPr>
              <a:spLocks noEditPoints="1"/>
            </p:cNvSpPr>
            <p:nvPr/>
          </p:nvSpPr>
          <p:spPr bwMode="gray">
            <a:xfrm>
              <a:off x="4143693" y="2118360"/>
              <a:ext cx="1009105" cy="2461894"/>
            </a:xfrm>
            <a:custGeom>
              <a:cxnLst>
                <a:cxn ang="0">
                  <a:pos x="389" y="267"/>
                </a:cxn>
                <a:cxn ang="0">
                  <a:pos x="347" y="187"/>
                </a:cxn>
                <a:cxn ang="0">
                  <a:pos x="280" y="167"/>
                </a:cxn>
                <a:cxn ang="0">
                  <a:pos x="251" y="156"/>
                </a:cxn>
                <a:cxn ang="0">
                  <a:pos x="252" y="141"/>
                </a:cxn>
                <a:cxn ang="0">
                  <a:pos x="276" y="80"/>
                </a:cxn>
                <a:cxn ang="0">
                  <a:pos x="223" y="0"/>
                </a:cxn>
                <a:cxn ang="0">
                  <a:pos x="170" y="36"/>
                </a:cxn>
                <a:cxn ang="0">
                  <a:pos x="169" y="98"/>
                </a:cxn>
                <a:cxn ang="0">
                  <a:pos x="178" y="142"/>
                </a:cxn>
                <a:cxn ang="0">
                  <a:pos x="170" y="156"/>
                </a:cxn>
                <a:cxn ang="0">
                  <a:pos x="154" y="166"/>
                </a:cxn>
                <a:cxn ang="0">
                  <a:pos x="80" y="184"/>
                </a:cxn>
                <a:cxn ang="0">
                  <a:pos x="29" y="282"/>
                </a:cxn>
                <a:cxn ang="0">
                  <a:pos x="6" y="322"/>
                </a:cxn>
                <a:cxn ang="0">
                  <a:pos x="18" y="388"/>
                </a:cxn>
                <a:cxn ang="0">
                  <a:pos x="38" y="422"/>
                </a:cxn>
                <a:cxn ang="0">
                  <a:pos x="76" y="559"/>
                </a:cxn>
                <a:cxn ang="0">
                  <a:pos x="116" y="575"/>
                </a:cxn>
                <a:cxn ang="0">
                  <a:pos x="107" y="705"/>
                </a:cxn>
                <a:cxn ang="0">
                  <a:pos x="109" y="755"/>
                </a:cxn>
                <a:cxn ang="0">
                  <a:pos x="106" y="770"/>
                </a:cxn>
                <a:cxn ang="0">
                  <a:pos x="104" y="804"/>
                </a:cxn>
                <a:cxn ang="0">
                  <a:pos x="112" y="927"/>
                </a:cxn>
                <a:cxn ang="0">
                  <a:pos x="111" y="994"/>
                </a:cxn>
                <a:cxn ang="0">
                  <a:pos x="97" y="1030"/>
                </a:cxn>
                <a:cxn ang="0">
                  <a:pos x="157" y="1013"/>
                </a:cxn>
                <a:cxn ang="0">
                  <a:pos x="173" y="986"/>
                </a:cxn>
                <a:cxn ang="0">
                  <a:pos x="194" y="883"/>
                </a:cxn>
                <a:cxn ang="0">
                  <a:pos x="196" y="789"/>
                </a:cxn>
                <a:cxn ang="0">
                  <a:pos x="213" y="650"/>
                </a:cxn>
                <a:cxn ang="0">
                  <a:pos x="217" y="818"/>
                </a:cxn>
                <a:cxn ang="0">
                  <a:pos x="204" y="942"/>
                </a:cxn>
                <a:cxn ang="0">
                  <a:pos x="238" y="1002"/>
                </a:cxn>
                <a:cxn ang="0">
                  <a:pos x="298" y="1015"/>
                </a:cxn>
                <a:cxn ang="0">
                  <a:pos x="281" y="944"/>
                </a:cxn>
                <a:cxn ang="0">
                  <a:pos x="307" y="747"/>
                </a:cxn>
                <a:cxn ang="0">
                  <a:pos x="319" y="574"/>
                </a:cxn>
                <a:cxn ang="0">
                  <a:pos x="326" y="522"/>
                </a:cxn>
                <a:cxn ang="0">
                  <a:pos x="327" y="559"/>
                </a:cxn>
                <a:cxn ang="0">
                  <a:pos x="376" y="431"/>
                </a:cxn>
                <a:cxn ang="0">
                  <a:pos x="413" y="360"/>
                </a:cxn>
                <a:cxn ang="0">
                  <a:pos x="424" y="313"/>
                </a:cxn>
                <a:cxn ang="0">
                  <a:pos x="68" y="330"/>
                </a:cxn>
                <a:cxn ang="0">
                  <a:pos x="80" y="391"/>
                </a:cxn>
                <a:cxn ang="0">
                  <a:pos x="345" y="311"/>
                </a:cxn>
              </a:cxnLst>
              <a:rect b="b" l="0" r="r" t="0"/>
              <a:pathLst>
                <a:path h="1036" w="425">
                  <a:moveTo>
                    <a:pt x="424" y="313"/>
                  </a:moveTo>
                  <a:cubicBezTo>
                    <a:pt x="418" y="306"/>
                    <a:pt x="414" y="296"/>
                    <a:pt x="408" y="288"/>
                  </a:cubicBezTo>
                  <a:cubicBezTo>
                    <a:pt x="404" y="281"/>
                    <a:pt x="395" y="275"/>
                    <a:pt x="389" y="267"/>
                  </a:cubicBezTo>
                  <a:cubicBezTo>
                    <a:pt x="384" y="261"/>
                    <a:pt x="382" y="256"/>
                    <a:pt x="372" y="255"/>
                  </a:cubicBezTo>
                  <a:cubicBezTo>
                    <a:pt x="371" y="239"/>
                    <a:pt x="365" y="229"/>
                    <a:pt x="356" y="223"/>
                  </a:cubicBezTo>
                  <a:cubicBezTo>
                    <a:pt x="359" y="210"/>
                    <a:pt x="351" y="200"/>
                    <a:pt x="347" y="187"/>
                  </a:cubicBezTo>
                  <a:cubicBezTo>
                    <a:pt x="343" y="178"/>
                    <a:pt x="341" y="179"/>
                    <a:pt x="328" y="177"/>
                  </a:cubicBezTo>
                  <a:cubicBezTo>
                    <a:pt x="322" y="176"/>
                    <a:pt x="316" y="175"/>
                    <a:pt x="311" y="174"/>
                  </a:cubicBezTo>
                  <a:cubicBezTo>
                    <a:pt x="300" y="172"/>
                    <a:pt x="288" y="168"/>
                    <a:pt x="280" y="167"/>
                  </a:cubicBezTo>
                  <a:cubicBezTo>
                    <a:pt x="275" y="166"/>
                    <a:pt x="269" y="167"/>
                    <a:pt x="265" y="166"/>
                  </a:cubicBezTo>
                  <a:cubicBezTo>
                    <a:pt x="259" y="164"/>
                    <a:pt x="256" y="161"/>
                    <a:pt x="252" y="158"/>
                  </a:cubicBezTo>
                  <a:cubicBezTo>
                    <a:pt x="251" y="157"/>
                    <a:pt x="251" y="157"/>
                    <a:pt x="251" y="156"/>
                  </a:cubicBezTo>
                  <a:cubicBezTo>
                    <a:pt x="251" y="156"/>
                    <a:pt x="251" y="155"/>
                    <a:pt x="250" y="153"/>
                  </a:cubicBezTo>
                  <a:cubicBezTo>
                    <a:pt x="249" y="151"/>
                    <a:pt x="248" y="150"/>
                    <a:pt x="248" y="149"/>
                  </a:cubicBezTo>
                  <a:cubicBezTo>
                    <a:pt x="249" y="146"/>
                    <a:pt x="250" y="144"/>
                    <a:pt x="252" y="141"/>
                  </a:cubicBezTo>
                  <a:cubicBezTo>
                    <a:pt x="256" y="133"/>
                    <a:pt x="258" y="120"/>
                    <a:pt x="261" y="113"/>
                  </a:cubicBezTo>
                  <a:cubicBezTo>
                    <a:pt x="263" y="108"/>
                    <a:pt x="269" y="105"/>
                    <a:pt x="270" y="100"/>
                  </a:cubicBezTo>
                  <a:cubicBezTo>
                    <a:pt x="273" y="94"/>
                    <a:pt x="272" y="87"/>
                    <a:pt x="276" y="80"/>
                  </a:cubicBezTo>
                  <a:cubicBezTo>
                    <a:pt x="276" y="76"/>
                    <a:pt x="274" y="75"/>
                    <a:pt x="271" y="75"/>
                  </a:cubicBezTo>
                  <a:cubicBezTo>
                    <a:pt x="284" y="54"/>
                    <a:pt x="270" y="22"/>
                    <a:pt x="255" y="11"/>
                  </a:cubicBezTo>
                  <a:cubicBezTo>
                    <a:pt x="243" y="9"/>
                    <a:pt x="235" y="3"/>
                    <a:pt x="223" y="0"/>
                  </a:cubicBezTo>
                  <a:cubicBezTo>
                    <a:pt x="222" y="1"/>
                    <a:pt x="220" y="1"/>
                    <a:pt x="219" y="1"/>
                  </a:cubicBezTo>
                  <a:cubicBezTo>
                    <a:pt x="197" y="3"/>
                    <a:pt x="188" y="15"/>
                    <a:pt x="176" y="25"/>
                  </a:cubicBezTo>
                  <a:cubicBezTo>
                    <a:pt x="176" y="30"/>
                    <a:pt x="172" y="30"/>
                    <a:pt x="170" y="36"/>
                  </a:cubicBezTo>
                  <a:cubicBezTo>
                    <a:pt x="168" y="46"/>
                    <a:pt x="173" y="66"/>
                    <a:pt x="165" y="71"/>
                  </a:cubicBezTo>
                  <a:cubicBezTo>
                    <a:pt x="165" y="74"/>
                    <a:pt x="165" y="76"/>
                    <a:pt x="166" y="79"/>
                  </a:cubicBezTo>
                  <a:cubicBezTo>
                    <a:pt x="169" y="83"/>
                    <a:pt x="167" y="92"/>
                    <a:pt x="169" y="98"/>
                  </a:cubicBezTo>
                  <a:cubicBezTo>
                    <a:pt x="171" y="102"/>
                    <a:pt x="173" y="103"/>
                    <a:pt x="177" y="105"/>
                  </a:cubicBezTo>
                  <a:cubicBezTo>
                    <a:pt x="177" y="120"/>
                    <a:pt x="182" y="137"/>
                    <a:pt x="177" y="147"/>
                  </a:cubicBezTo>
                  <a:cubicBezTo>
                    <a:pt x="177" y="146"/>
                    <a:pt x="178" y="144"/>
                    <a:pt x="178" y="142"/>
                  </a:cubicBezTo>
                  <a:cubicBezTo>
                    <a:pt x="176" y="144"/>
                    <a:pt x="175" y="147"/>
                    <a:pt x="173" y="152"/>
                  </a:cubicBezTo>
                  <a:cubicBezTo>
                    <a:pt x="173" y="152"/>
                    <a:pt x="172" y="154"/>
                    <a:pt x="172" y="155"/>
                  </a:cubicBezTo>
                  <a:cubicBezTo>
                    <a:pt x="170" y="156"/>
                    <a:pt x="170" y="156"/>
                    <a:pt x="170" y="156"/>
                  </a:cubicBezTo>
                  <a:cubicBezTo>
                    <a:pt x="169" y="156"/>
                    <a:pt x="169" y="156"/>
                    <a:pt x="169" y="156"/>
                  </a:cubicBezTo>
                  <a:cubicBezTo>
                    <a:pt x="168" y="157"/>
                    <a:pt x="168" y="157"/>
                    <a:pt x="168" y="158"/>
                  </a:cubicBezTo>
                  <a:cubicBezTo>
                    <a:pt x="154" y="166"/>
                    <a:pt x="154" y="166"/>
                    <a:pt x="154" y="166"/>
                  </a:cubicBezTo>
                  <a:cubicBezTo>
                    <a:pt x="149" y="168"/>
                    <a:pt x="143" y="169"/>
                    <a:pt x="137" y="171"/>
                  </a:cubicBezTo>
                  <a:cubicBezTo>
                    <a:pt x="125" y="174"/>
                    <a:pt x="112" y="176"/>
                    <a:pt x="99" y="179"/>
                  </a:cubicBezTo>
                  <a:cubicBezTo>
                    <a:pt x="92" y="181"/>
                    <a:pt x="84" y="182"/>
                    <a:pt x="80" y="184"/>
                  </a:cubicBezTo>
                  <a:cubicBezTo>
                    <a:pt x="68" y="190"/>
                    <a:pt x="68" y="210"/>
                    <a:pt x="64" y="223"/>
                  </a:cubicBezTo>
                  <a:cubicBezTo>
                    <a:pt x="59" y="236"/>
                    <a:pt x="46" y="244"/>
                    <a:pt x="48" y="260"/>
                  </a:cubicBezTo>
                  <a:cubicBezTo>
                    <a:pt x="42" y="267"/>
                    <a:pt x="34" y="273"/>
                    <a:pt x="29" y="282"/>
                  </a:cubicBezTo>
                  <a:cubicBezTo>
                    <a:pt x="27" y="286"/>
                    <a:pt x="26" y="290"/>
                    <a:pt x="23" y="295"/>
                  </a:cubicBezTo>
                  <a:cubicBezTo>
                    <a:pt x="21" y="299"/>
                    <a:pt x="18" y="301"/>
                    <a:pt x="16" y="305"/>
                  </a:cubicBezTo>
                  <a:cubicBezTo>
                    <a:pt x="13" y="311"/>
                    <a:pt x="9" y="317"/>
                    <a:pt x="6" y="322"/>
                  </a:cubicBezTo>
                  <a:cubicBezTo>
                    <a:pt x="0" y="330"/>
                    <a:pt x="4" y="347"/>
                    <a:pt x="8" y="358"/>
                  </a:cubicBezTo>
                  <a:cubicBezTo>
                    <a:pt x="8" y="359"/>
                    <a:pt x="10" y="363"/>
                    <a:pt x="11" y="365"/>
                  </a:cubicBezTo>
                  <a:cubicBezTo>
                    <a:pt x="13" y="374"/>
                    <a:pt x="15" y="380"/>
                    <a:pt x="18" y="388"/>
                  </a:cubicBezTo>
                  <a:cubicBezTo>
                    <a:pt x="21" y="393"/>
                    <a:pt x="23" y="398"/>
                    <a:pt x="25" y="402"/>
                  </a:cubicBezTo>
                  <a:cubicBezTo>
                    <a:pt x="27" y="405"/>
                    <a:pt x="30" y="408"/>
                    <a:pt x="32" y="411"/>
                  </a:cubicBezTo>
                  <a:cubicBezTo>
                    <a:pt x="35" y="415"/>
                    <a:pt x="36" y="419"/>
                    <a:pt x="38" y="422"/>
                  </a:cubicBezTo>
                  <a:cubicBezTo>
                    <a:pt x="43" y="429"/>
                    <a:pt x="50" y="434"/>
                    <a:pt x="52" y="442"/>
                  </a:cubicBezTo>
                  <a:cubicBezTo>
                    <a:pt x="62" y="449"/>
                    <a:pt x="71" y="456"/>
                    <a:pt x="77" y="467"/>
                  </a:cubicBezTo>
                  <a:cubicBezTo>
                    <a:pt x="76" y="496"/>
                    <a:pt x="76" y="528"/>
                    <a:pt x="76" y="559"/>
                  </a:cubicBezTo>
                  <a:cubicBezTo>
                    <a:pt x="83" y="563"/>
                    <a:pt x="100" y="572"/>
                    <a:pt x="107" y="566"/>
                  </a:cubicBezTo>
                  <a:cubicBezTo>
                    <a:pt x="109" y="564"/>
                    <a:pt x="110" y="562"/>
                    <a:pt x="110" y="560"/>
                  </a:cubicBezTo>
                  <a:cubicBezTo>
                    <a:pt x="112" y="565"/>
                    <a:pt x="115" y="570"/>
                    <a:pt x="116" y="575"/>
                  </a:cubicBezTo>
                  <a:cubicBezTo>
                    <a:pt x="117" y="580"/>
                    <a:pt x="114" y="586"/>
                    <a:pt x="113" y="592"/>
                  </a:cubicBezTo>
                  <a:cubicBezTo>
                    <a:pt x="110" y="612"/>
                    <a:pt x="110" y="632"/>
                    <a:pt x="110" y="657"/>
                  </a:cubicBezTo>
                  <a:cubicBezTo>
                    <a:pt x="109" y="674"/>
                    <a:pt x="106" y="691"/>
                    <a:pt x="107" y="705"/>
                  </a:cubicBezTo>
                  <a:cubicBezTo>
                    <a:pt x="107" y="709"/>
                    <a:pt x="110" y="713"/>
                    <a:pt x="110" y="717"/>
                  </a:cubicBezTo>
                  <a:cubicBezTo>
                    <a:pt x="112" y="726"/>
                    <a:pt x="113" y="738"/>
                    <a:pt x="112" y="746"/>
                  </a:cubicBezTo>
                  <a:cubicBezTo>
                    <a:pt x="111" y="749"/>
                    <a:pt x="110" y="752"/>
                    <a:pt x="109" y="755"/>
                  </a:cubicBezTo>
                  <a:cubicBezTo>
                    <a:pt x="108" y="758"/>
                    <a:pt x="108" y="761"/>
                    <a:pt x="107" y="764"/>
                  </a:cubicBezTo>
                  <a:cubicBezTo>
                    <a:pt x="107" y="764"/>
                    <a:pt x="106" y="764"/>
                    <a:pt x="106" y="764"/>
                  </a:cubicBezTo>
                  <a:cubicBezTo>
                    <a:pt x="105" y="765"/>
                    <a:pt x="106" y="768"/>
                    <a:pt x="106" y="770"/>
                  </a:cubicBezTo>
                  <a:cubicBezTo>
                    <a:pt x="106" y="772"/>
                    <a:pt x="105" y="774"/>
                    <a:pt x="104" y="775"/>
                  </a:cubicBezTo>
                  <a:cubicBezTo>
                    <a:pt x="104" y="782"/>
                    <a:pt x="106" y="789"/>
                    <a:pt x="106" y="795"/>
                  </a:cubicBezTo>
                  <a:cubicBezTo>
                    <a:pt x="105" y="798"/>
                    <a:pt x="104" y="801"/>
                    <a:pt x="104" y="804"/>
                  </a:cubicBezTo>
                  <a:cubicBezTo>
                    <a:pt x="104" y="819"/>
                    <a:pt x="105" y="834"/>
                    <a:pt x="106" y="848"/>
                  </a:cubicBezTo>
                  <a:cubicBezTo>
                    <a:pt x="106" y="862"/>
                    <a:pt x="105" y="877"/>
                    <a:pt x="106" y="890"/>
                  </a:cubicBezTo>
                  <a:cubicBezTo>
                    <a:pt x="107" y="903"/>
                    <a:pt x="112" y="915"/>
                    <a:pt x="112" y="927"/>
                  </a:cubicBezTo>
                  <a:cubicBezTo>
                    <a:pt x="111" y="936"/>
                    <a:pt x="104" y="945"/>
                    <a:pt x="103" y="952"/>
                  </a:cubicBezTo>
                  <a:cubicBezTo>
                    <a:pt x="102" y="966"/>
                    <a:pt x="110" y="976"/>
                    <a:pt x="111" y="988"/>
                  </a:cubicBezTo>
                  <a:cubicBezTo>
                    <a:pt x="111" y="989"/>
                    <a:pt x="111" y="991"/>
                    <a:pt x="111" y="994"/>
                  </a:cubicBezTo>
                  <a:cubicBezTo>
                    <a:pt x="110" y="996"/>
                    <a:pt x="105" y="1000"/>
                    <a:pt x="109" y="1001"/>
                  </a:cubicBezTo>
                  <a:cubicBezTo>
                    <a:pt x="103" y="1004"/>
                    <a:pt x="101" y="1014"/>
                    <a:pt x="96" y="1021"/>
                  </a:cubicBezTo>
                  <a:cubicBezTo>
                    <a:pt x="96" y="1024"/>
                    <a:pt x="97" y="1027"/>
                    <a:pt x="97" y="1030"/>
                  </a:cubicBezTo>
                  <a:cubicBezTo>
                    <a:pt x="98" y="1032"/>
                    <a:pt x="99" y="1035"/>
                    <a:pt x="102" y="1036"/>
                  </a:cubicBezTo>
                  <a:cubicBezTo>
                    <a:pt x="117" y="1035"/>
                    <a:pt x="132" y="1034"/>
                    <a:pt x="148" y="1033"/>
                  </a:cubicBezTo>
                  <a:cubicBezTo>
                    <a:pt x="158" y="1030"/>
                    <a:pt x="159" y="1022"/>
                    <a:pt x="157" y="1013"/>
                  </a:cubicBezTo>
                  <a:cubicBezTo>
                    <a:pt x="159" y="1010"/>
                    <a:pt x="163" y="1010"/>
                    <a:pt x="166" y="1009"/>
                  </a:cubicBezTo>
                  <a:cubicBezTo>
                    <a:pt x="170" y="1007"/>
                    <a:pt x="173" y="1006"/>
                    <a:pt x="174" y="1003"/>
                  </a:cubicBezTo>
                  <a:cubicBezTo>
                    <a:pt x="174" y="998"/>
                    <a:pt x="174" y="992"/>
                    <a:pt x="173" y="986"/>
                  </a:cubicBezTo>
                  <a:cubicBezTo>
                    <a:pt x="179" y="977"/>
                    <a:pt x="184" y="966"/>
                    <a:pt x="189" y="956"/>
                  </a:cubicBezTo>
                  <a:cubicBezTo>
                    <a:pt x="193" y="948"/>
                    <a:pt x="191" y="931"/>
                    <a:pt x="191" y="917"/>
                  </a:cubicBezTo>
                  <a:cubicBezTo>
                    <a:pt x="191" y="906"/>
                    <a:pt x="193" y="894"/>
                    <a:pt x="194" y="883"/>
                  </a:cubicBezTo>
                  <a:cubicBezTo>
                    <a:pt x="194" y="864"/>
                    <a:pt x="189" y="845"/>
                    <a:pt x="190" y="826"/>
                  </a:cubicBezTo>
                  <a:cubicBezTo>
                    <a:pt x="190" y="821"/>
                    <a:pt x="192" y="815"/>
                    <a:pt x="193" y="809"/>
                  </a:cubicBezTo>
                  <a:cubicBezTo>
                    <a:pt x="194" y="803"/>
                    <a:pt x="195" y="796"/>
                    <a:pt x="196" y="789"/>
                  </a:cubicBezTo>
                  <a:cubicBezTo>
                    <a:pt x="198" y="778"/>
                    <a:pt x="202" y="765"/>
                    <a:pt x="203" y="754"/>
                  </a:cubicBezTo>
                  <a:cubicBezTo>
                    <a:pt x="204" y="734"/>
                    <a:pt x="199" y="714"/>
                    <a:pt x="201" y="697"/>
                  </a:cubicBezTo>
                  <a:cubicBezTo>
                    <a:pt x="202" y="681"/>
                    <a:pt x="211" y="666"/>
                    <a:pt x="213" y="650"/>
                  </a:cubicBezTo>
                  <a:cubicBezTo>
                    <a:pt x="214" y="630"/>
                    <a:pt x="207" y="610"/>
                    <a:pt x="216" y="592"/>
                  </a:cubicBezTo>
                  <a:cubicBezTo>
                    <a:pt x="218" y="637"/>
                    <a:pt x="213" y="688"/>
                    <a:pt x="216" y="741"/>
                  </a:cubicBezTo>
                  <a:cubicBezTo>
                    <a:pt x="217" y="766"/>
                    <a:pt x="218" y="792"/>
                    <a:pt x="217" y="818"/>
                  </a:cubicBezTo>
                  <a:cubicBezTo>
                    <a:pt x="217" y="831"/>
                    <a:pt x="218" y="844"/>
                    <a:pt x="219" y="857"/>
                  </a:cubicBezTo>
                  <a:cubicBezTo>
                    <a:pt x="219" y="871"/>
                    <a:pt x="222" y="886"/>
                    <a:pt x="221" y="898"/>
                  </a:cubicBezTo>
                  <a:cubicBezTo>
                    <a:pt x="219" y="912"/>
                    <a:pt x="205" y="928"/>
                    <a:pt x="204" y="942"/>
                  </a:cubicBezTo>
                  <a:cubicBezTo>
                    <a:pt x="204" y="956"/>
                    <a:pt x="212" y="966"/>
                    <a:pt x="219" y="974"/>
                  </a:cubicBezTo>
                  <a:cubicBezTo>
                    <a:pt x="219" y="982"/>
                    <a:pt x="220" y="990"/>
                    <a:pt x="219" y="996"/>
                  </a:cubicBezTo>
                  <a:cubicBezTo>
                    <a:pt x="224" y="999"/>
                    <a:pt x="231" y="1000"/>
                    <a:pt x="238" y="1002"/>
                  </a:cubicBezTo>
                  <a:cubicBezTo>
                    <a:pt x="238" y="1008"/>
                    <a:pt x="238" y="1015"/>
                    <a:pt x="240" y="1020"/>
                  </a:cubicBezTo>
                  <a:cubicBezTo>
                    <a:pt x="252" y="1024"/>
                    <a:pt x="265" y="1022"/>
                    <a:pt x="279" y="1020"/>
                  </a:cubicBezTo>
                  <a:cubicBezTo>
                    <a:pt x="286" y="1019"/>
                    <a:pt x="294" y="1019"/>
                    <a:pt x="298" y="1015"/>
                  </a:cubicBezTo>
                  <a:cubicBezTo>
                    <a:pt x="297" y="993"/>
                    <a:pt x="282" y="989"/>
                    <a:pt x="276" y="973"/>
                  </a:cubicBezTo>
                  <a:cubicBezTo>
                    <a:pt x="277" y="973"/>
                    <a:pt x="277" y="973"/>
                    <a:pt x="277" y="973"/>
                  </a:cubicBezTo>
                  <a:cubicBezTo>
                    <a:pt x="278" y="964"/>
                    <a:pt x="282" y="953"/>
                    <a:pt x="281" y="944"/>
                  </a:cubicBezTo>
                  <a:cubicBezTo>
                    <a:pt x="280" y="935"/>
                    <a:pt x="274" y="932"/>
                    <a:pt x="269" y="926"/>
                  </a:cubicBezTo>
                  <a:cubicBezTo>
                    <a:pt x="284" y="908"/>
                    <a:pt x="286" y="881"/>
                    <a:pt x="291" y="854"/>
                  </a:cubicBezTo>
                  <a:cubicBezTo>
                    <a:pt x="297" y="820"/>
                    <a:pt x="303" y="784"/>
                    <a:pt x="307" y="747"/>
                  </a:cubicBezTo>
                  <a:cubicBezTo>
                    <a:pt x="308" y="728"/>
                    <a:pt x="308" y="708"/>
                    <a:pt x="310" y="689"/>
                  </a:cubicBezTo>
                  <a:cubicBezTo>
                    <a:pt x="312" y="671"/>
                    <a:pt x="317" y="653"/>
                    <a:pt x="319" y="636"/>
                  </a:cubicBezTo>
                  <a:cubicBezTo>
                    <a:pt x="321" y="615"/>
                    <a:pt x="317" y="595"/>
                    <a:pt x="319" y="574"/>
                  </a:cubicBezTo>
                  <a:cubicBezTo>
                    <a:pt x="319" y="570"/>
                    <a:pt x="321" y="566"/>
                    <a:pt x="321" y="562"/>
                  </a:cubicBezTo>
                  <a:cubicBezTo>
                    <a:pt x="321" y="557"/>
                    <a:pt x="320" y="552"/>
                    <a:pt x="321" y="547"/>
                  </a:cubicBezTo>
                  <a:cubicBezTo>
                    <a:pt x="322" y="539"/>
                    <a:pt x="324" y="530"/>
                    <a:pt x="326" y="522"/>
                  </a:cubicBezTo>
                  <a:cubicBezTo>
                    <a:pt x="326" y="522"/>
                    <a:pt x="326" y="522"/>
                    <a:pt x="326" y="522"/>
                  </a:cubicBezTo>
                  <a:cubicBezTo>
                    <a:pt x="326" y="529"/>
                    <a:pt x="322" y="535"/>
                    <a:pt x="323" y="541"/>
                  </a:cubicBezTo>
                  <a:cubicBezTo>
                    <a:pt x="323" y="547"/>
                    <a:pt x="325" y="554"/>
                    <a:pt x="327" y="559"/>
                  </a:cubicBezTo>
                  <a:cubicBezTo>
                    <a:pt x="329" y="565"/>
                    <a:pt x="332" y="570"/>
                    <a:pt x="336" y="573"/>
                  </a:cubicBezTo>
                  <a:cubicBezTo>
                    <a:pt x="357" y="569"/>
                    <a:pt x="378" y="564"/>
                    <a:pt x="395" y="556"/>
                  </a:cubicBezTo>
                  <a:cubicBezTo>
                    <a:pt x="389" y="514"/>
                    <a:pt x="383" y="469"/>
                    <a:pt x="376" y="431"/>
                  </a:cubicBezTo>
                  <a:cubicBezTo>
                    <a:pt x="382" y="422"/>
                    <a:pt x="387" y="414"/>
                    <a:pt x="393" y="405"/>
                  </a:cubicBezTo>
                  <a:cubicBezTo>
                    <a:pt x="398" y="397"/>
                    <a:pt x="408" y="391"/>
                    <a:pt x="411" y="382"/>
                  </a:cubicBezTo>
                  <a:cubicBezTo>
                    <a:pt x="413" y="375"/>
                    <a:pt x="411" y="367"/>
                    <a:pt x="413" y="360"/>
                  </a:cubicBezTo>
                  <a:cubicBezTo>
                    <a:pt x="415" y="354"/>
                    <a:pt x="420" y="349"/>
                    <a:pt x="421" y="343"/>
                  </a:cubicBezTo>
                  <a:cubicBezTo>
                    <a:pt x="423" y="336"/>
                    <a:pt x="422" y="326"/>
                    <a:pt x="425" y="319"/>
                  </a:cubicBezTo>
                  <a:cubicBezTo>
                    <a:pt x="425" y="317"/>
                    <a:pt x="424" y="315"/>
                    <a:pt x="424" y="313"/>
                  </a:cubicBezTo>
                  <a:close/>
                  <a:moveTo>
                    <a:pt x="71" y="360"/>
                  </a:moveTo>
                  <a:cubicBezTo>
                    <a:pt x="70" y="355"/>
                    <a:pt x="66" y="350"/>
                    <a:pt x="65" y="345"/>
                  </a:cubicBezTo>
                  <a:cubicBezTo>
                    <a:pt x="65" y="340"/>
                    <a:pt x="69" y="335"/>
                    <a:pt x="68" y="330"/>
                  </a:cubicBezTo>
                  <a:cubicBezTo>
                    <a:pt x="75" y="326"/>
                    <a:pt x="81" y="320"/>
                    <a:pt x="83" y="311"/>
                  </a:cubicBezTo>
                  <a:cubicBezTo>
                    <a:pt x="84" y="312"/>
                    <a:pt x="85" y="312"/>
                    <a:pt x="85" y="313"/>
                  </a:cubicBezTo>
                  <a:cubicBezTo>
                    <a:pt x="86" y="341"/>
                    <a:pt x="86" y="368"/>
                    <a:pt x="80" y="391"/>
                  </a:cubicBezTo>
                  <a:cubicBezTo>
                    <a:pt x="75" y="383"/>
                    <a:pt x="74" y="371"/>
                    <a:pt x="71" y="360"/>
                  </a:cubicBezTo>
                  <a:close/>
                  <a:moveTo>
                    <a:pt x="356" y="356"/>
                  </a:moveTo>
                  <a:cubicBezTo>
                    <a:pt x="353" y="341"/>
                    <a:pt x="349" y="326"/>
                    <a:pt x="345" y="311"/>
                  </a:cubicBezTo>
                  <a:cubicBezTo>
                    <a:pt x="353" y="317"/>
                    <a:pt x="357" y="327"/>
                    <a:pt x="367" y="330"/>
                  </a:cubicBezTo>
                  <a:cubicBezTo>
                    <a:pt x="364" y="339"/>
                    <a:pt x="364" y="352"/>
                    <a:pt x="356" y="356"/>
                  </a:cubicBezTo>
                  <a:close/>
                </a:path>
              </a:pathLst>
            </a:custGeom>
            <a:solidFill>
              <a:schemeClr val="tx1">
                <a:lumMod val="75000"/>
                <a:lumOff val="25000"/>
              </a:schemeClr>
            </a:solidFill>
            <a:ln w="3175">
              <a:solidFill>
                <a:srgbClr val="FFFFFF"/>
              </a:solidFill>
              <a:round/>
            </a:ln>
          </p:spPr>
          <p:txBody>
            <a:bodyPr anchor="t" anchorCtr="0" bIns="45720" compatLnSpc="1" lIns="91440" numCol="1" rIns="91440" tIns="45720" vert="horz" wrap="square">
              <a:prstTxWarp prst="textNoShape">
                <a:avLst/>
              </a:prstTxWarp>
            </a:bodyPr>
            <a:lstStyle/>
            <a:p>
              <a:endParaRPr lang="en-GB"/>
            </a:p>
          </p:txBody>
        </p:sp>
        <p:grpSp>
          <p:nvGrpSpPr>
            <p:cNvPr id="137" name="Gruppieren 71"/>
            <p:cNvGrpSpPr/>
            <p:nvPr/>
          </p:nvGrpSpPr>
          <p:grpSpPr>
            <a:xfrm>
              <a:off x="4419355" y="2464772"/>
              <a:ext cx="470017" cy="722929"/>
              <a:chOff x="3241430" y="2429847"/>
              <a:chExt cx="470017" cy="722929"/>
            </a:xfrm>
          </p:grpSpPr>
          <p:sp>
            <p:nvSpPr>
              <p:cNvPr id="138" name="_color1"/>
              <p:cNvSpPr/>
              <p:nvPr/>
            </p:nvSpPr>
            <p:spPr bwMode="gray">
              <a:xfrm>
                <a:off x="3241430" y="2438392"/>
                <a:ext cx="470017" cy="714384"/>
              </a:xfrm>
              <a:custGeom>
                <a:cxnLst>
                  <a:cxn ang="0">
                    <a:pos x="177" y="236"/>
                  </a:cxn>
                  <a:cxn ang="0">
                    <a:pos x="161" y="206"/>
                  </a:cxn>
                  <a:cxn ang="0">
                    <a:pos x="153" y="160"/>
                  </a:cxn>
                  <a:cxn ang="0">
                    <a:pos x="134" y="36"/>
                  </a:cxn>
                  <a:cxn ang="0">
                    <a:pos x="135" y="33"/>
                  </a:cxn>
                  <a:cxn ang="0">
                    <a:pos x="135" y="23"/>
                  </a:cxn>
                  <a:cxn ang="0">
                    <a:pos x="135" y="23"/>
                  </a:cxn>
                  <a:cxn ang="0">
                    <a:pos x="134" y="16"/>
                  </a:cxn>
                  <a:cxn ang="0">
                    <a:pos x="134" y="15"/>
                  </a:cxn>
                  <a:cxn ang="0">
                    <a:pos x="133" y="12"/>
                  </a:cxn>
                  <a:cxn ang="0">
                    <a:pos x="133" y="12"/>
                  </a:cxn>
                  <a:cxn ang="0">
                    <a:pos x="131" y="9"/>
                  </a:cxn>
                  <a:cxn ang="0">
                    <a:pos x="130" y="7"/>
                  </a:cxn>
                  <a:cxn ang="0">
                    <a:pos x="128" y="6"/>
                  </a:cxn>
                  <a:cxn ang="0">
                    <a:pos x="127" y="7"/>
                  </a:cxn>
                  <a:cxn ang="0">
                    <a:pos x="122" y="17"/>
                  </a:cxn>
                  <a:cxn ang="0">
                    <a:pos x="114" y="23"/>
                  </a:cxn>
                  <a:cxn ang="0">
                    <a:pos x="114" y="23"/>
                  </a:cxn>
                  <a:cxn ang="0">
                    <a:pos x="105" y="29"/>
                  </a:cxn>
                  <a:cxn ang="0">
                    <a:pos x="94" y="37"/>
                  </a:cxn>
                  <a:cxn ang="0">
                    <a:pos x="93" y="38"/>
                  </a:cxn>
                  <a:cxn ang="0">
                    <a:pos x="93" y="39"/>
                  </a:cxn>
                  <a:cxn ang="0">
                    <a:pos x="90" y="39"/>
                  </a:cxn>
                  <a:cxn ang="0">
                    <a:pos x="83" y="32"/>
                  </a:cxn>
                  <a:cxn ang="0">
                    <a:pos x="75" y="25"/>
                  </a:cxn>
                  <a:cxn ang="0">
                    <a:pos x="67" y="18"/>
                  </a:cxn>
                  <a:cxn ang="0">
                    <a:pos x="60" y="10"/>
                  </a:cxn>
                  <a:cxn ang="0">
                    <a:pos x="60" y="7"/>
                  </a:cxn>
                  <a:cxn ang="0">
                    <a:pos x="61" y="2"/>
                  </a:cxn>
                  <a:cxn ang="0">
                    <a:pos x="60" y="0"/>
                  </a:cxn>
                  <a:cxn ang="0">
                    <a:pos x="57" y="1"/>
                  </a:cxn>
                  <a:cxn ang="0">
                    <a:pos x="55" y="5"/>
                  </a:cxn>
                  <a:cxn ang="0">
                    <a:pos x="55" y="5"/>
                  </a:cxn>
                  <a:cxn ang="0">
                    <a:pos x="53" y="11"/>
                  </a:cxn>
                  <a:cxn ang="0">
                    <a:pos x="51" y="14"/>
                  </a:cxn>
                  <a:cxn ang="0">
                    <a:pos x="50" y="18"/>
                  </a:cxn>
                  <a:cxn ang="0">
                    <a:pos x="47" y="27"/>
                  </a:cxn>
                  <a:cxn ang="0">
                    <a:pos x="47" y="28"/>
                  </a:cxn>
                  <a:cxn ang="0">
                    <a:pos x="47" y="29"/>
                  </a:cxn>
                  <a:cxn ang="0">
                    <a:pos x="47" y="29"/>
                  </a:cxn>
                  <a:cxn ang="0">
                    <a:pos x="48" y="35"/>
                  </a:cxn>
                  <a:cxn ang="0">
                    <a:pos x="27" y="124"/>
                  </a:cxn>
                  <a:cxn ang="0">
                    <a:pos x="27" y="154"/>
                  </a:cxn>
                  <a:cxn ang="0">
                    <a:pos x="28" y="186"/>
                  </a:cxn>
                  <a:cxn ang="0">
                    <a:pos x="21" y="209"/>
                  </a:cxn>
                  <a:cxn ang="0">
                    <a:pos x="0" y="279"/>
                  </a:cxn>
                  <a:cxn ang="0">
                    <a:pos x="4" y="281"/>
                  </a:cxn>
                  <a:cxn ang="0">
                    <a:pos x="24" y="283"/>
                  </a:cxn>
                  <a:cxn ang="0">
                    <a:pos x="37" y="287"/>
                  </a:cxn>
                  <a:cxn ang="0">
                    <a:pos x="50" y="291"/>
                  </a:cxn>
                  <a:cxn ang="0">
                    <a:pos x="50" y="291"/>
                  </a:cxn>
                  <a:cxn ang="0">
                    <a:pos x="141" y="286"/>
                  </a:cxn>
                  <a:cxn ang="0">
                    <a:pos x="140" y="284"/>
                  </a:cxn>
                  <a:cxn ang="0">
                    <a:pos x="149" y="277"/>
                  </a:cxn>
                  <a:cxn ang="0">
                    <a:pos x="182" y="270"/>
                  </a:cxn>
                  <a:cxn ang="0">
                    <a:pos x="191" y="266"/>
                  </a:cxn>
                  <a:cxn ang="0">
                    <a:pos x="177" y="236"/>
                  </a:cxn>
                </a:cxnLst>
                <a:rect b="b" l="0" r="r" t="0"/>
                <a:pathLst>
                  <a:path h="291" w="191">
                    <a:moveTo>
                      <a:pt x="177" y="236"/>
                    </a:moveTo>
                    <a:cubicBezTo>
                      <a:pt x="173" y="226"/>
                      <a:pt x="164" y="216"/>
                      <a:pt x="161" y="206"/>
                    </a:cubicBezTo>
                    <a:cubicBezTo>
                      <a:pt x="157" y="192"/>
                      <a:pt x="156" y="176"/>
                      <a:pt x="153" y="160"/>
                    </a:cubicBezTo>
                    <a:cubicBezTo>
                      <a:pt x="146" y="118"/>
                      <a:pt x="139" y="77"/>
                      <a:pt x="134" y="36"/>
                    </a:cubicBezTo>
                    <a:cubicBezTo>
                      <a:pt x="135" y="33"/>
                      <a:pt x="135" y="33"/>
                      <a:pt x="135" y="33"/>
                    </a:cubicBezTo>
                    <a:cubicBezTo>
                      <a:pt x="135" y="23"/>
                      <a:pt x="135" y="23"/>
                      <a:pt x="135" y="23"/>
                    </a:cubicBezTo>
                    <a:cubicBezTo>
                      <a:pt x="136" y="23"/>
                      <a:pt x="135" y="23"/>
                      <a:pt x="135" y="23"/>
                    </a:cubicBezTo>
                    <a:cubicBezTo>
                      <a:pt x="134" y="16"/>
                      <a:pt x="134" y="16"/>
                      <a:pt x="134" y="16"/>
                    </a:cubicBezTo>
                    <a:cubicBezTo>
                      <a:pt x="134" y="15"/>
                      <a:pt x="134" y="15"/>
                      <a:pt x="134" y="15"/>
                    </a:cubicBezTo>
                    <a:cubicBezTo>
                      <a:pt x="133" y="12"/>
                      <a:pt x="133" y="12"/>
                      <a:pt x="133" y="12"/>
                    </a:cubicBezTo>
                    <a:cubicBezTo>
                      <a:pt x="133" y="12"/>
                      <a:pt x="133" y="12"/>
                      <a:pt x="133" y="12"/>
                    </a:cubicBezTo>
                    <a:cubicBezTo>
                      <a:pt x="131" y="9"/>
                      <a:pt x="131" y="9"/>
                      <a:pt x="131" y="9"/>
                    </a:cubicBezTo>
                    <a:cubicBezTo>
                      <a:pt x="130" y="7"/>
                      <a:pt x="130" y="7"/>
                      <a:pt x="130" y="7"/>
                    </a:cubicBezTo>
                    <a:cubicBezTo>
                      <a:pt x="130" y="7"/>
                      <a:pt x="129" y="6"/>
                      <a:pt x="128" y="6"/>
                    </a:cubicBezTo>
                    <a:cubicBezTo>
                      <a:pt x="128" y="6"/>
                      <a:pt x="127" y="7"/>
                      <a:pt x="127" y="7"/>
                    </a:cubicBezTo>
                    <a:cubicBezTo>
                      <a:pt x="122" y="17"/>
                      <a:pt x="122" y="17"/>
                      <a:pt x="122" y="17"/>
                    </a:cubicBezTo>
                    <a:cubicBezTo>
                      <a:pt x="114" y="23"/>
                      <a:pt x="114" y="23"/>
                      <a:pt x="114" y="23"/>
                    </a:cubicBezTo>
                    <a:cubicBezTo>
                      <a:pt x="114" y="23"/>
                      <a:pt x="114" y="23"/>
                      <a:pt x="114" y="23"/>
                    </a:cubicBezTo>
                    <a:cubicBezTo>
                      <a:pt x="105" y="29"/>
                      <a:pt x="105" y="29"/>
                      <a:pt x="105" y="29"/>
                    </a:cubicBezTo>
                    <a:cubicBezTo>
                      <a:pt x="94" y="37"/>
                      <a:pt x="94" y="37"/>
                      <a:pt x="94" y="37"/>
                    </a:cubicBezTo>
                    <a:cubicBezTo>
                      <a:pt x="93" y="37"/>
                      <a:pt x="93" y="37"/>
                      <a:pt x="93" y="38"/>
                    </a:cubicBezTo>
                    <a:cubicBezTo>
                      <a:pt x="93" y="38"/>
                      <a:pt x="93" y="39"/>
                      <a:pt x="93" y="39"/>
                    </a:cubicBezTo>
                    <a:cubicBezTo>
                      <a:pt x="92" y="39"/>
                      <a:pt x="91" y="39"/>
                      <a:pt x="90" y="39"/>
                    </a:cubicBezTo>
                    <a:cubicBezTo>
                      <a:pt x="83" y="32"/>
                      <a:pt x="83" y="32"/>
                      <a:pt x="83" y="32"/>
                    </a:cubicBezTo>
                    <a:cubicBezTo>
                      <a:pt x="75" y="25"/>
                      <a:pt x="75" y="25"/>
                      <a:pt x="75" y="25"/>
                    </a:cubicBezTo>
                    <a:cubicBezTo>
                      <a:pt x="67" y="18"/>
                      <a:pt x="67" y="18"/>
                      <a:pt x="67" y="18"/>
                    </a:cubicBezTo>
                    <a:cubicBezTo>
                      <a:pt x="60" y="10"/>
                      <a:pt x="60" y="10"/>
                      <a:pt x="60" y="10"/>
                    </a:cubicBezTo>
                    <a:cubicBezTo>
                      <a:pt x="60" y="7"/>
                      <a:pt x="60" y="7"/>
                      <a:pt x="60" y="7"/>
                    </a:cubicBezTo>
                    <a:cubicBezTo>
                      <a:pt x="61" y="2"/>
                      <a:pt x="61" y="2"/>
                      <a:pt x="61" y="2"/>
                    </a:cubicBezTo>
                    <a:cubicBezTo>
                      <a:pt x="61" y="2"/>
                      <a:pt x="61" y="1"/>
                      <a:pt x="60" y="0"/>
                    </a:cubicBezTo>
                    <a:cubicBezTo>
                      <a:pt x="59" y="0"/>
                      <a:pt x="58" y="0"/>
                      <a:pt x="57" y="1"/>
                    </a:cubicBezTo>
                    <a:cubicBezTo>
                      <a:pt x="55" y="5"/>
                      <a:pt x="55" y="5"/>
                      <a:pt x="55" y="5"/>
                    </a:cubicBezTo>
                    <a:cubicBezTo>
                      <a:pt x="55" y="5"/>
                      <a:pt x="55" y="5"/>
                      <a:pt x="55" y="5"/>
                    </a:cubicBezTo>
                    <a:cubicBezTo>
                      <a:pt x="53" y="11"/>
                      <a:pt x="53" y="11"/>
                      <a:pt x="53" y="11"/>
                    </a:cubicBezTo>
                    <a:cubicBezTo>
                      <a:pt x="51" y="14"/>
                      <a:pt x="51" y="14"/>
                      <a:pt x="51" y="14"/>
                    </a:cubicBezTo>
                    <a:cubicBezTo>
                      <a:pt x="50" y="18"/>
                      <a:pt x="50" y="18"/>
                      <a:pt x="50" y="18"/>
                    </a:cubicBezTo>
                    <a:cubicBezTo>
                      <a:pt x="47" y="27"/>
                      <a:pt x="47" y="27"/>
                      <a:pt x="47" y="27"/>
                    </a:cubicBezTo>
                    <a:cubicBezTo>
                      <a:pt x="47" y="27"/>
                      <a:pt x="47" y="28"/>
                      <a:pt x="47" y="28"/>
                    </a:cubicBezTo>
                    <a:cubicBezTo>
                      <a:pt x="47" y="29"/>
                      <a:pt x="47" y="29"/>
                      <a:pt x="47" y="29"/>
                    </a:cubicBezTo>
                    <a:cubicBezTo>
                      <a:pt x="47" y="29"/>
                      <a:pt x="47" y="29"/>
                      <a:pt x="47" y="29"/>
                    </a:cubicBezTo>
                    <a:cubicBezTo>
                      <a:pt x="48" y="35"/>
                      <a:pt x="48" y="35"/>
                      <a:pt x="48" y="35"/>
                    </a:cubicBezTo>
                    <a:cubicBezTo>
                      <a:pt x="43" y="65"/>
                      <a:pt x="30" y="92"/>
                      <a:pt x="27" y="124"/>
                    </a:cubicBezTo>
                    <a:cubicBezTo>
                      <a:pt x="26" y="133"/>
                      <a:pt x="26" y="144"/>
                      <a:pt x="27" y="154"/>
                    </a:cubicBezTo>
                    <a:cubicBezTo>
                      <a:pt x="27" y="164"/>
                      <a:pt x="29" y="175"/>
                      <a:pt x="28" y="186"/>
                    </a:cubicBezTo>
                    <a:cubicBezTo>
                      <a:pt x="27" y="193"/>
                      <a:pt x="23" y="201"/>
                      <a:pt x="21" y="209"/>
                    </a:cubicBezTo>
                    <a:cubicBezTo>
                      <a:pt x="14" y="233"/>
                      <a:pt x="8" y="258"/>
                      <a:pt x="0" y="279"/>
                    </a:cubicBezTo>
                    <a:cubicBezTo>
                      <a:pt x="1" y="280"/>
                      <a:pt x="2" y="281"/>
                      <a:pt x="4" y="281"/>
                    </a:cubicBezTo>
                    <a:cubicBezTo>
                      <a:pt x="9" y="285"/>
                      <a:pt x="17" y="282"/>
                      <a:pt x="24" y="283"/>
                    </a:cubicBezTo>
                    <a:cubicBezTo>
                      <a:pt x="28" y="284"/>
                      <a:pt x="33" y="286"/>
                      <a:pt x="37" y="287"/>
                    </a:cubicBezTo>
                    <a:cubicBezTo>
                      <a:pt x="42" y="288"/>
                      <a:pt x="47" y="287"/>
                      <a:pt x="50" y="291"/>
                    </a:cubicBezTo>
                    <a:cubicBezTo>
                      <a:pt x="50" y="291"/>
                      <a:pt x="50" y="291"/>
                      <a:pt x="50" y="291"/>
                    </a:cubicBezTo>
                    <a:cubicBezTo>
                      <a:pt x="80" y="290"/>
                      <a:pt x="112" y="287"/>
                      <a:pt x="141" y="286"/>
                    </a:cubicBezTo>
                    <a:cubicBezTo>
                      <a:pt x="140" y="286"/>
                      <a:pt x="140" y="285"/>
                      <a:pt x="140" y="284"/>
                    </a:cubicBezTo>
                    <a:cubicBezTo>
                      <a:pt x="139" y="280"/>
                      <a:pt x="145" y="278"/>
                      <a:pt x="149" y="277"/>
                    </a:cubicBezTo>
                    <a:cubicBezTo>
                      <a:pt x="160" y="274"/>
                      <a:pt x="174" y="271"/>
                      <a:pt x="182" y="270"/>
                    </a:cubicBezTo>
                    <a:cubicBezTo>
                      <a:pt x="184" y="269"/>
                      <a:pt x="187" y="267"/>
                      <a:pt x="191" y="266"/>
                    </a:cubicBezTo>
                    <a:cubicBezTo>
                      <a:pt x="186" y="256"/>
                      <a:pt x="182" y="246"/>
                      <a:pt x="177" y="236"/>
                    </a:cubicBezTo>
                    <a:close/>
                  </a:path>
                </a:pathLst>
              </a:custGeom>
              <a:solidFill>
                <a:schemeClr val="bg1"/>
              </a:solidFill>
              <a:ln w="9525">
                <a:noFill/>
                <a:round/>
              </a:ln>
            </p:spPr>
            <p:txBody>
              <a:bodyPr anchor="t" anchorCtr="0" bIns="45720" compatLnSpc="1" lIns="91440" numCol="1" rIns="91440" tIns="45720" vert="horz" wrap="square">
                <a:prstTxWarp prst="textNoShape">
                  <a:avLst/>
                </a:prstTxWarp>
              </a:bodyPr>
              <a:lstStyle/>
              <a:p>
                <a:endParaRPr lang="en-GB"/>
              </a:p>
            </p:txBody>
          </p:sp>
          <p:sp>
            <p:nvSpPr>
              <p:cNvPr descr="© INSCALE GmbH, 26.05.2010 http://www.presentationload.com/" id="139" name="_color1"/>
              <p:cNvSpPr/>
              <p:nvPr/>
            </p:nvSpPr>
            <p:spPr bwMode="gray">
              <a:xfrm rot="21410658">
                <a:off x="3411453" y="2525856"/>
                <a:ext cx="131391" cy="626107"/>
              </a:xfrm>
              <a:custGeom>
                <a:cxnLst>
                  <a:cxn ang="0">
                    <a:pos x="177" y="495"/>
                  </a:cxn>
                  <a:cxn ang="0">
                    <a:pos x="171" y="228"/>
                  </a:cxn>
                  <a:cxn ang="0">
                    <a:pos x="126" y="87"/>
                  </a:cxn>
                  <a:cxn ang="0">
                    <a:pos x="168" y="36"/>
                  </a:cxn>
                  <a:cxn ang="0">
                    <a:pos x="132" y="3"/>
                  </a:cxn>
                  <a:cxn ang="0">
                    <a:pos x="81" y="0"/>
                  </a:cxn>
                  <a:cxn ang="0">
                    <a:pos x="78" y="0"/>
                  </a:cxn>
                  <a:cxn ang="0">
                    <a:pos x="45" y="36"/>
                  </a:cxn>
                  <a:cxn ang="0">
                    <a:pos x="87" y="84"/>
                  </a:cxn>
                  <a:cxn ang="0">
                    <a:pos x="45" y="204"/>
                  </a:cxn>
                  <a:cxn ang="0">
                    <a:pos x="30" y="303"/>
                  </a:cxn>
                  <a:cxn ang="0">
                    <a:pos x="0" y="630"/>
                  </a:cxn>
                  <a:cxn ang="0">
                    <a:pos x="0" y="783"/>
                  </a:cxn>
                  <a:cxn ang="0">
                    <a:pos x="81" y="873"/>
                  </a:cxn>
                  <a:cxn ang="0">
                    <a:pos x="84" y="873"/>
                  </a:cxn>
                  <a:cxn ang="0">
                    <a:pos x="177" y="786"/>
                  </a:cxn>
                  <a:cxn ang="0">
                    <a:pos x="180" y="786"/>
                  </a:cxn>
                  <a:cxn ang="0">
                    <a:pos x="180" y="762"/>
                  </a:cxn>
                  <a:cxn ang="0">
                    <a:pos x="177" y="495"/>
                  </a:cxn>
                </a:cxnLst>
                <a:rect b="b" l="0" r="r" t="0"/>
                <a:pathLst>
                  <a:path h="873" w="181">
                    <a:moveTo>
                      <a:pt x="177" y="495"/>
                    </a:moveTo>
                    <a:cubicBezTo>
                      <a:pt x="177" y="402"/>
                      <a:pt x="181" y="305"/>
                      <a:pt x="171" y="228"/>
                    </a:cubicBezTo>
                    <a:cubicBezTo>
                      <a:pt x="165" y="181"/>
                      <a:pt x="119" y="126"/>
                      <a:pt x="126" y="87"/>
                    </a:cubicBezTo>
                    <a:cubicBezTo>
                      <a:pt x="130" y="63"/>
                      <a:pt x="164" y="55"/>
                      <a:pt x="168" y="36"/>
                    </a:cubicBezTo>
                    <a:cubicBezTo>
                      <a:pt x="155" y="35"/>
                      <a:pt x="147" y="11"/>
                      <a:pt x="132" y="3"/>
                    </a:cubicBezTo>
                    <a:cubicBezTo>
                      <a:pt x="116" y="1"/>
                      <a:pt x="92" y="7"/>
                      <a:pt x="81" y="0"/>
                    </a:cubicBezTo>
                    <a:cubicBezTo>
                      <a:pt x="78" y="0"/>
                      <a:pt x="78" y="0"/>
                      <a:pt x="78" y="0"/>
                    </a:cubicBezTo>
                    <a:cubicBezTo>
                      <a:pt x="71" y="16"/>
                      <a:pt x="57" y="25"/>
                      <a:pt x="45" y="36"/>
                    </a:cubicBezTo>
                    <a:cubicBezTo>
                      <a:pt x="60" y="51"/>
                      <a:pt x="74" y="67"/>
                      <a:pt x="87" y="84"/>
                    </a:cubicBezTo>
                    <a:cubicBezTo>
                      <a:pt x="87" y="127"/>
                      <a:pt x="56" y="162"/>
                      <a:pt x="45" y="204"/>
                    </a:cubicBezTo>
                    <a:cubicBezTo>
                      <a:pt x="38" y="232"/>
                      <a:pt x="35" y="268"/>
                      <a:pt x="30" y="303"/>
                    </a:cubicBezTo>
                    <a:cubicBezTo>
                      <a:pt x="15" y="400"/>
                      <a:pt x="8" y="531"/>
                      <a:pt x="0" y="630"/>
                    </a:cubicBezTo>
                    <a:cubicBezTo>
                      <a:pt x="0" y="783"/>
                      <a:pt x="0" y="783"/>
                      <a:pt x="0" y="783"/>
                    </a:cubicBezTo>
                    <a:cubicBezTo>
                      <a:pt x="29" y="811"/>
                      <a:pt x="55" y="842"/>
                      <a:pt x="81" y="873"/>
                    </a:cubicBezTo>
                    <a:cubicBezTo>
                      <a:pt x="84" y="873"/>
                      <a:pt x="84" y="873"/>
                      <a:pt x="84" y="873"/>
                    </a:cubicBezTo>
                    <a:cubicBezTo>
                      <a:pt x="113" y="842"/>
                      <a:pt x="148" y="817"/>
                      <a:pt x="177" y="786"/>
                    </a:cubicBezTo>
                    <a:cubicBezTo>
                      <a:pt x="180" y="786"/>
                      <a:pt x="180" y="786"/>
                      <a:pt x="180" y="786"/>
                    </a:cubicBezTo>
                    <a:cubicBezTo>
                      <a:pt x="180" y="762"/>
                      <a:pt x="180" y="762"/>
                      <a:pt x="180" y="762"/>
                    </a:cubicBezTo>
                    <a:cubicBezTo>
                      <a:pt x="175" y="683"/>
                      <a:pt x="177" y="589"/>
                      <a:pt x="177" y="495"/>
                    </a:cubicBezTo>
                    <a:close/>
                  </a:path>
                </a:pathLst>
              </a:custGeom>
              <a:solidFill>
                <a:srgbClr val="00544A"/>
              </a:solidFill>
              <a:ln cap="flat" cmpd="sng" w="9525">
                <a:noFill/>
                <a:prstDash val="solid"/>
                <a:round/>
                <a:headEnd len="med" type="none" w="med"/>
                <a:tailEnd len="med" type="none" w="med"/>
              </a:ln>
              <a:effectLst/>
            </p:spPr>
            <p:txBody>
              <a:bodyPr/>
              <a:lstStyle/>
              <a:p>
                <a:endParaRPr lang="en-GB"/>
              </a:p>
            </p:txBody>
          </p:sp>
          <p:sp>
            <p:nvSpPr>
              <p:cNvPr descr="© INSCALE GmbH, 26.05.2010 http://www.presentationload.com/" id="140" name="Freeform 48"/>
              <p:cNvSpPr/>
              <p:nvPr/>
            </p:nvSpPr>
            <p:spPr bwMode="gray">
              <a:xfrm rot="21410658">
                <a:off x="3476216" y="2446605"/>
                <a:ext cx="98258" cy="149672"/>
              </a:xfrm>
              <a:custGeom>
                <a:cxnLst>
                  <a:cxn ang="0">
                    <a:pos x="128" y="27"/>
                  </a:cxn>
                  <a:cxn ang="0">
                    <a:pos x="125" y="15"/>
                  </a:cxn>
                  <a:cxn ang="0">
                    <a:pos x="117" y="0"/>
                  </a:cxn>
                  <a:cxn ang="0">
                    <a:pos x="0" y="93"/>
                  </a:cxn>
                  <a:cxn ang="0">
                    <a:pos x="33" y="123"/>
                  </a:cxn>
                  <a:cxn ang="0">
                    <a:pos x="75" y="207"/>
                  </a:cxn>
                  <a:cxn ang="0">
                    <a:pos x="78" y="207"/>
                  </a:cxn>
                  <a:cxn ang="0">
                    <a:pos x="85" y="182"/>
                  </a:cxn>
                  <a:cxn ang="0">
                    <a:pos x="93" y="168"/>
                  </a:cxn>
                  <a:cxn ang="0">
                    <a:pos x="105" y="141"/>
                  </a:cxn>
                  <a:cxn ang="0">
                    <a:pos x="128" y="27"/>
                  </a:cxn>
                </a:cxnLst>
                <a:rect b="b" l="0" r="r" t="0"/>
                <a:pathLst>
                  <a:path h="206" w="138">
                    <a:moveTo>
                      <a:pt x="128" y="27"/>
                    </a:moveTo>
                    <a:cubicBezTo>
                      <a:pt x="128" y="27"/>
                      <a:pt x="127" y="22"/>
                      <a:pt x="125" y="15"/>
                    </a:cubicBezTo>
                    <a:cubicBezTo>
                      <a:pt x="122" y="8"/>
                      <a:pt x="119" y="1"/>
                      <a:pt x="117" y="0"/>
                    </a:cubicBezTo>
                    <a:cubicBezTo>
                      <a:pt x="96" y="52"/>
                      <a:pt x="54" y="56"/>
                      <a:pt x="0" y="93"/>
                    </a:cubicBezTo>
                    <a:cubicBezTo>
                      <a:pt x="15" y="113"/>
                      <a:pt x="21" y="106"/>
                      <a:pt x="33" y="123"/>
                    </a:cubicBezTo>
                    <a:cubicBezTo>
                      <a:pt x="52" y="146"/>
                      <a:pt x="60" y="180"/>
                      <a:pt x="75" y="207"/>
                    </a:cubicBezTo>
                    <a:cubicBezTo>
                      <a:pt x="78" y="207"/>
                      <a:pt x="78" y="207"/>
                      <a:pt x="78" y="207"/>
                    </a:cubicBezTo>
                    <a:cubicBezTo>
                      <a:pt x="79" y="201"/>
                      <a:pt x="85" y="184"/>
                      <a:pt x="85" y="182"/>
                    </a:cubicBezTo>
                    <a:cubicBezTo>
                      <a:pt x="85" y="182"/>
                      <a:pt x="88" y="174"/>
                      <a:pt x="93" y="168"/>
                    </a:cubicBezTo>
                    <a:cubicBezTo>
                      <a:pt x="95" y="165"/>
                      <a:pt x="100" y="151"/>
                      <a:pt x="105" y="141"/>
                    </a:cubicBezTo>
                    <a:cubicBezTo>
                      <a:pt x="122" y="109"/>
                      <a:pt x="138" y="50"/>
                      <a:pt x="128" y="27"/>
                    </a:cubicBezTo>
                    <a:close/>
                  </a:path>
                </a:pathLst>
              </a:custGeom>
              <a:solidFill>
                <a:schemeClr val="bg1"/>
              </a:solidFill>
              <a:ln w="9525">
                <a:solidFill>
                  <a:srgbClr val="FFFFFF"/>
                </a:solidFill>
                <a:round/>
              </a:ln>
            </p:spPr>
            <p:txBody>
              <a:bodyPr/>
              <a:lstStyle/>
              <a:p>
                <a:endParaRPr lang="en-GB"/>
              </a:p>
            </p:txBody>
          </p:sp>
          <p:sp>
            <p:nvSpPr>
              <p:cNvPr descr="© INSCALE GmbH, 26.05.2010 http://www.presentationload.com/" id="141" name="Freeform 49"/>
              <p:cNvSpPr/>
              <p:nvPr/>
            </p:nvSpPr>
            <p:spPr bwMode="gray">
              <a:xfrm rot="21410658">
                <a:off x="3367024" y="2429847"/>
                <a:ext cx="94830" cy="165667"/>
              </a:xfrm>
              <a:custGeom>
                <a:cxnLst>
                  <a:cxn ang="0">
                    <a:pos x="0" y="84"/>
                  </a:cxn>
                  <a:cxn ang="0">
                    <a:pos x="0" y="81"/>
                  </a:cxn>
                  <a:cxn ang="0">
                    <a:pos x="22" y="29"/>
                  </a:cxn>
                  <a:cxn ang="0">
                    <a:pos x="39" y="0"/>
                  </a:cxn>
                  <a:cxn ang="0">
                    <a:pos x="36" y="30"/>
                  </a:cxn>
                  <a:cxn ang="0">
                    <a:pos x="132" y="132"/>
                  </a:cxn>
                  <a:cxn ang="0">
                    <a:pos x="33" y="228"/>
                  </a:cxn>
                  <a:cxn ang="0">
                    <a:pos x="0" y="84"/>
                  </a:cxn>
                </a:cxnLst>
                <a:rect b="b" l="0" r="r" t="0"/>
                <a:pathLst>
                  <a:path h="228" w="132">
                    <a:moveTo>
                      <a:pt x="0" y="84"/>
                    </a:moveTo>
                    <a:cubicBezTo>
                      <a:pt x="0" y="83"/>
                      <a:pt x="0" y="82"/>
                      <a:pt x="0" y="81"/>
                    </a:cubicBezTo>
                    <a:cubicBezTo>
                      <a:pt x="7" y="66"/>
                      <a:pt x="14" y="39"/>
                      <a:pt x="22" y="29"/>
                    </a:cubicBezTo>
                    <a:cubicBezTo>
                      <a:pt x="28" y="15"/>
                      <a:pt x="31" y="6"/>
                      <a:pt x="39" y="0"/>
                    </a:cubicBezTo>
                    <a:cubicBezTo>
                      <a:pt x="38" y="10"/>
                      <a:pt x="34" y="17"/>
                      <a:pt x="36" y="30"/>
                    </a:cubicBezTo>
                    <a:cubicBezTo>
                      <a:pt x="60" y="72"/>
                      <a:pt x="104" y="94"/>
                      <a:pt x="132" y="132"/>
                    </a:cubicBezTo>
                    <a:cubicBezTo>
                      <a:pt x="87" y="152"/>
                      <a:pt x="72" y="202"/>
                      <a:pt x="33" y="228"/>
                    </a:cubicBezTo>
                    <a:cubicBezTo>
                      <a:pt x="30" y="172"/>
                      <a:pt x="8" y="135"/>
                      <a:pt x="0" y="84"/>
                    </a:cubicBezTo>
                    <a:close/>
                  </a:path>
                </a:pathLst>
              </a:custGeom>
              <a:solidFill>
                <a:schemeClr val="bg1"/>
              </a:solidFill>
              <a:ln w="9525">
                <a:solidFill>
                  <a:srgbClr val="FFFFFF"/>
                </a:solidFill>
                <a:round/>
              </a:ln>
            </p:spPr>
            <p:txBody>
              <a:bodyPr/>
              <a:lstStyle/>
              <a:p>
                <a:endParaRPr lang="en-GB"/>
              </a:p>
            </p:txBody>
          </p:sp>
        </p:grpSp>
      </p:grpSp>
      <p:grpSp>
        <p:nvGrpSpPr>
          <p:cNvPr id="113" name="组合 112"/>
          <p:cNvGrpSpPr/>
          <p:nvPr/>
        </p:nvGrpSpPr>
        <p:grpSpPr>
          <a:xfrm>
            <a:off x="3329998" y="2011743"/>
            <a:ext cx="805755" cy="2316874"/>
            <a:chOff x="3851342" y="2730080"/>
            <a:chExt cx="805755" cy="2316874"/>
          </a:xfrm>
        </p:grpSpPr>
        <p:sp>
          <p:nvSpPr>
            <p:cNvPr id="130" name="Freeform 6"/>
            <p:cNvSpPr>
              <a:spLocks noEditPoints="1"/>
            </p:cNvSpPr>
            <p:nvPr/>
          </p:nvSpPr>
          <p:spPr bwMode="auto">
            <a:xfrm>
              <a:off x="3851342" y="2730080"/>
              <a:ext cx="805755" cy="2316874"/>
            </a:xfrm>
            <a:custGeom>
              <a:gdLst>
                <a:gd fmla="*/ 101 w 129" name="T0"/>
                <a:gd fmla="*/ 284 h 371" name="T1"/>
                <a:gd fmla="*/ 93 w 129" name="T2"/>
                <a:gd fmla="*/ 340 h 371" name="T3"/>
                <a:gd fmla="*/ 92 w 129" name="T4"/>
                <a:gd fmla="*/ 367 h 371" name="T5"/>
                <a:gd fmla="*/ 72 w 129" name="T6"/>
                <a:gd fmla="*/ 357 h 371" name="T7"/>
                <a:gd fmla="*/ 70 w 129" name="T8"/>
                <a:gd fmla="*/ 345 h 371" name="T9"/>
                <a:gd fmla="*/ 73 w 129" name="T10"/>
                <a:gd fmla="*/ 296 h 371" name="T11"/>
                <a:gd fmla="*/ 71 w 129" name="T12"/>
                <a:gd fmla="*/ 230 h 371" name="T13"/>
                <a:gd fmla="*/ 64 w 129" name="T14"/>
                <a:gd fmla="*/ 205 h 371" name="T15"/>
                <a:gd fmla="*/ 54 w 129" name="T16"/>
                <a:gd fmla="*/ 242 h 371" name="T17"/>
                <a:gd fmla="*/ 45 w 129" name="T18"/>
                <a:gd fmla="*/ 292 h 371" name="T19"/>
                <a:gd fmla="*/ 35 w 129" name="T20"/>
                <a:gd fmla="*/ 327 h 371" name="T21"/>
                <a:gd fmla="*/ 35 w 129" name="T22"/>
                <a:gd fmla="*/ 342 h 371" name="T23"/>
                <a:gd fmla="*/ 29 w 129" name="T24"/>
                <a:gd fmla="*/ 361 h 371" name="T25"/>
                <a:gd fmla="*/ 10 w 129" name="T26"/>
                <a:gd fmla="*/ 367 h 371" name="T27"/>
                <a:gd fmla="*/ 10 w 129" name="T28"/>
                <a:gd fmla="*/ 356 h 371" name="T29"/>
                <a:gd fmla="*/ 9 w 129" name="T30"/>
                <a:gd fmla="*/ 340 h 371" name="T31"/>
                <a:gd fmla="*/ 12 w 129" name="T32"/>
                <a:gd fmla="*/ 285 h 371" name="T33"/>
                <a:gd fmla="*/ 19 w 129" name="T34"/>
                <a:gd fmla="*/ 208 h 371" name="T35"/>
                <a:gd fmla="*/ 10 w 129" name="T36"/>
                <a:gd fmla="*/ 203 h 371" name="T37"/>
                <a:gd fmla="*/ 16 w 129" name="T38"/>
                <a:gd fmla="*/ 181 h 371" name="T39"/>
                <a:gd fmla="*/ 7 w 129" name="T40"/>
                <a:gd fmla="*/ 176 h 371" name="T41"/>
                <a:gd fmla="*/ 3 w 129" name="T42"/>
                <a:gd fmla="*/ 154 h 371" name="T43"/>
                <a:gd fmla="*/ 2 w 129" name="T44"/>
                <a:gd fmla="*/ 140 h 371" name="T45"/>
                <a:gd fmla="*/ 1 w 129" name="T46"/>
                <a:gd fmla="*/ 134 h 371" name="T47"/>
                <a:gd fmla="*/ 3 w 129" name="T48"/>
                <a:gd fmla="*/ 126 h 371" name="T49"/>
                <a:gd fmla="*/ 12 w 129" name="T50"/>
                <a:gd fmla="*/ 82 h 371" name="T51"/>
                <a:gd fmla="*/ 38 w 129" name="T52"/>
                <a:gd fmla="*/ 60 h 371" name="T53"/>
                <a:gd fmla="*/ 51 w 129" name="T54"/>
                <a:gd fmla="*/ 50 h 371" name="T55"/>
                <a:gd fmla="*/ 46 w 129" name="T56"/>
                <a:gd fmla="*/ 36 h 371" name="T57"/>
                <a:gd fmla="*/ 47 w 129" name="T58"/>
                <a:gd fmla="*/ 28 h 371" name="T59"/>
                <a:gd fmla="*/ 62 w 129" name="T60"/>
                <a:gd fmla="*/ 1 h 371" name="T61"/>
                <a:gd fmla="*/ 81 w 129" name="T62"/>
                <a:gd fmla="*/ 23 h 371" name="T63"/>
                <a:gd fmla="*/ 85 w 129" name="T64"/>
                <a:gd fmla="*/ 29 h 371" name="T65"/>
                <a:gd fmla="*/ 77 w 129" name="T66"/>
                <a:gd fmla="*/ 43 h 371" name="T67"/>
                <a:gd fmla="*/ 95 w 129" name="T68"/>
                <a:gd fmla="*/ 63 h 371" name="T69"/>
                <a:gd fmla="*/ 122 w 129" name="T70"/>
                <a:gd fmla="*/ 110 h 371" name="T71"/>
                <a:gd fmla="*/ 128 w 129" name="T72"/>
                <a:gd fmla="*/ 142 h 371" name="T73"/>
                <a:gd fmla="*/ 117 w 129" name="T74"/>
                <a:gd fmla="*/ 176 h 371" name="T75"/>
                <a:gd fmla="*/ 111 w 129" name="T76"/>
                <a:gd fmla="*/ 187 h 371" name="T77"/>
                <a:gd fmla="*/ 104 w 129" name="T78"/>
                <a:gd fmla="*/ 209 h 371" name="T79"/>
                <a:gd fmla="*/ 103 w 129" name="T80"/>
                <a:gd fmla="*/ 131 h 371" name="T81"/>
                <a:gd fmla="*/ 104 w 129" name="T82"/>
                <a:gd fmla="*/ 153 h 371" name="T83"/>
                <a:gd fmla="*/ 105 w 129" name="T84"/>
                <a:gd fmla="*/ 135 h 371" name="T85"/>
                <a:gd fmla="*/ 23 w 129" name="T86"/>
                <a:gd fmla="*/ 133 h 371" name="T87"/>
                <a:gd fmla="*/ 23 w 129" name="T88"/>
                <a:gd fmla="*/ 147 h 371" name="T89"/>
                <a:gd fmla="*/ 24 w 129" name="T90"/>
                <a:gd fmla="*/ 145 h 371" name="T91"/>
                <a:gd fmla="*/ 23 w 129" name="T92"/>
                <a:gd fmla="*/ 133 h 371" name="T9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Lst>
              <a:rect b="b" l="0" r="r" t="0"/>
              <a:pathLst>
                <a:path h="371" w="129">
                  <a:moveTo>
                    <a:pt x="102" y="250"/>
                  </a:moveTo>
                  <a:cubicBezTo>
                    <a:pt x="102" y="250"/>
                    <a:pt x="102" y="274"/>
                    <a:pt x="101" y="284"/>
                  </a:cubicBezTo>
                  <a:cubicBezTo>
                    <a:pt x="100" y="295"/>
                    <a:pt x="97" y="310"/>
                    <a:pt x="97" y="315"/>
                  </a:cubicBezTo>
                  <a:cubicBezTo>
                    <a:pt x="96" y="319"/>
                    <a:pt x="94" y="334"/>
                    <a:pt x="93" y="340"/>
                  </a:cubicBezTo>
                  <a:cubicBezTo>
                    <a:pt x="92" y="347"/>
                    <a:pt x="90" y="349"/>
                    <a:pt x="91" y="352"/>
                  </a:cubicBezTo>
                  <a:cubicBezTo>
                    <a:pt x="92" y="354"/>
                    <a:pt x="99" y="362"/>
                    <a:pt x="92" y="367"/>
                  </a:cubicBezTo>
                  <a:cubicBezTo>
                    <a:pt x="92" y="367"/>
                    <a:pt x="84" y="371"/>
                    <a:pt x="73" y="361"/>
                  </a:cubicBezTo>
                  <a:cubicBezTo>
                    <a:pt x="73" y="361"/>
                    <a:pt x="71" y="361"/>
                    <a:pt x="72" y="357"/>
                  </a:cubicBezTo>
                  <a:cubicBezTo>
                    <a:pt x="70" y="356"/>
                    <a:pt x="71" y="354"/>
                    <a:pt x="72" y="352"/>
                  </a:cubicBezTo>
                  <a:cubicBezTo>
                    <a:pt x="72" y="349"/>
                    <a:pt x="70" y="347"/>
                    <a:pt x="70" y="345"/>
                  </a:cubicBezTo>
                  <a:cubicBezTo>
                    <a:pt x="70" y="343"/>
                    <a:pt x="68" y="327"/>
                    <a:pt x="70" y="321"/>
                  </a:cubicBezTo>
                  <a:cubicBezTo>
                    <a:pt x="72" y="315"/>
                    <a:pt x="74" y="302"/>
                    <a:pt x="73" y="296"/>
                  </a:cubicBezTo>
                  <a:cubicBezTo>
                    <a:pt x="73" y="291"/>
                    <a:pt x="74" y="273"/>
                    <a:pt x="73" y="265"/>
                  </a:cubicBezTo>
                  <a:cubicBezTo>
                    <a:pt x="73" y="256"/>
                    <a:pt x="73" y="235"/>
                    <a:pt x="71" y="230"/>
                  </a:cubicBezTo>
                  <a:cubicBezTo>
                    <a:pt x="69" y="226"/>
                    <a:pt x="65" y="214"/>
                    <a:pt x="65" y="212"/>
                  </a:cubicBezTo>
                  <a:cubicBezTo>
                    <a:pt x="65" y="209"/>
                    <a:pt x="64" y="205"/>
                    <a:pt x="64" y="205"/>
                  </a:cubicBezTo>
                  <a:cubicBezTo>
                    <a:pt x="64" y="205"/>
                    <a:pt x="63" y="212"/>
                    <a:pt x="62" y="214"/>
                  </a:cubicBezTo>
                  <a:cubicBezTo>
                    <a:pt x="61" y="216"/>
                    <a:pt x="56" y="236"/>
                    <a:pt x="54" y="242"/>
                  </a:cubicBezTo>
                  <a:cubicBezTo>
                    <a:pt x="52" y="248"/>
                    <a:pt x="52" y="258"/>
                    <a:pt x="50" y="269"/>
                  </a:cubicBezTo>
                  <a:cubicBezTo>
                    <a:pt x="48" y="279"/>
                    <a:pt x="45" y="288"/>
                    <a:pt x="45" y="292"/>
                  </a:cubicBezTo>
                  <a:cubicBezTo>
                    <a:pt x="44" y="297"/>
                    <a:pt x="40" y="309"/>
                    <a:pt x="39" y="314"/>
                  </a:cubicBezTo>
                  <a:cubicBezTo>
                    <a:pt x="37" y="319"/>
                    <a:pt x="36" y="324"/>
                    <a:pt x="35" y="327"/>
                  </a:cubicBezTo>
                  <a:cubicBezTo>
                    <a:pt x="34" y="330"/>
                    <a:pt x="33" y="331"/>
                    <a:pt x="34" y="333"/>
                  </a:cubicBezTo>
                  <a:cubicBezTo>
                    <a:pt x="35" y="335"/>
                    <a:pt x="37" y="339"/>
                    <a:pt x="35" y="342"/>
                  </a:cubicBezTo>
                  <a:cubicBezTo>
                    <a:pt x="33" y="346"/>
                    <a:pt x="30" y="349"/>
                    <a:pt x="30" y="352"/>
                  </a:cubicBezTo>
                  <a:cubicBezTo>
                    <a:pt x="30" y="354"/>
                    <a:pt x="32" y="360"/>
                    <a:pt x="29" y="361"/>
                  </a:cubicBezTo>
                  <a:cubicBezTo>
                    <a:pt x="27" y="362"/>
                    <a:pt x="22" y="363"/>
                    <a:pt x="21" y="365"/>
                  </a:cubicBezTo>
                  <a:cubicBezTo>
                    <a:pt x="20" y="366"/>
                    <a:pt x="13" y="368"/>
                    <a:pt x="10" y="367"/>
                  </a:cubicBezTo>
                  <a:cubicBezTo>
                    <a:pt x="7" y="368"/>
                    <a:pt x="3" y="364"/>
                    <a:pt x="4" y="362"/>
                  </a:cubicBezTo>
                  <a:cubicBezTo>
                    <a:pt x="4" y="362"/>
                    <a:pt x="8" y="358"/>
                    <a:pt x="10" y="356"/>
                  </a:cubicBezTo>
                  <a:cubicBezTo>
                    <a:pt x="12" y="355"/>
                    <a:pt x="12" y="353"/>
                    <a:pt x="12" y="351"/>
                  </a:cubicBezTo>
                  <a:cubicBezTo>
                    <a:pt x="12" y="349"/>
                    <a:pt x="11" y="344"/>
                    <a:pt x="9" y="340"/>
                  </a:cubicBezTo>
                  <a:cubicBezTo>
                    <a:pt x="8" y="336"/>
                    <a:pt x="7" y="333"/>
                    <a:pt x="8" y="329"/>
                  </a:cubicBezTo>
                  <a:cubicBezTo>
                    <a:pt x="9" y="326"/>
                    <a:pt x="12" y="291"/>
                    <a:pt x="12" y="285"/>
                  </a:cubicBezTo>
                  <a:cubicBezTo>
                    <a:pt x="13" y="279"/>
                    <a:pt x="16" y="255"/>
                    <a:pt x="16" y="246"/>
                  </a:cubicBezTo>
                  <a:cubicBezTo>
                    <a:pt x="17" y="238"/>
                    <a:pt x="20" y="209"/>
                    <a:pt x="19" y="208"/>
                  </a:cubicBezTo>
                  <a:cubicBezTo>
                    <a:pt x="18" y="208"/>
                    <a:pt x="18" y="208"/>
                    <a:pt x="18" y="208"/>
                  </a:cubicBezTo>
                  <a:cubicBezTo>
                    <a:pt x="18" y="208"/>
                    <a:pt x="14" y="209"/>
                    <a:pt x="10" y="203"/>
                  </a:cubicBezTo>
                  <a:cubicBezTo>
                    <a:pt x="5" y="197"/>
                    <a:pt x="2" y="198"/>
                    <a:pt x="5" y="195"/>
                  </a:cubicBezTo>
                  <a:cubicBezTo>
                    <a:pt x="8" y="193"/>
                    <a:pt x="16" y="181"/>
                    <a:pt x="16" y="181"/>
                  </a:cubicBezTo>
                  <a:cubicBezTo>
                    <a:pt x="14" y="177"/>
                    <a:pt x="14" y="177"/>
                    <a:pt x="14" y="177"/>
                  </a:cubicBezTo>
                  <a:cubicBezTo>
                    <a:pt x="14" y="177"/>
                    <a:pt x="8" y="180"/>
                    <a:pt x="7" y="176"/>
                  </a:cubicBezTo>
                  <a:cubicBezTo>
                    <a:pt x="7" y="173"/>
                    <a:pt x="8" y="168"/>
                    <a:pt x="7" y="165"/>
                  </a:cubicBezTo>
                  <a:cubicBezTo>
                    <a:pt x="6" y="163"/>
                    <a:pt x="5" y="155"/>
                    <a:pt x="3" y="154"/>
                  </a:cubicBezTo>
                  <a:cubicBezTo>
                    <a:pt x="2" y="152"/>
                    <a:pt x="0" y="147"/>
                    <a:pt x="0" y="144"/>
                  </a:cubicBezTo>
                  <a:cubicBezTo>
                    <a:pt x="0" y="141"/>
                    <a:pt x="2" y="140"/>
                    <a:pt x="2" y="140"/>
                  </a:cubicBezTo>
                  <a:cubicBezTo>
                    <a:pt x="2" y="140"/>
                    <a:pt x="1" y="138"/>
                    <a:pt x="0" y="137"/>
                  </a:cubicBezTo>
                  <a:cubicBezTo>
                    <a:pt x="0" y="136"/>
                    <a:pt x="0" y="135"/>
                    <a:pt x="1" y="134"/>
                  </a:cubicBezTo>
                  <a:cubicBezTo>
                    <a:pt x="1" y="133"/>
                    <a:pt x="1" y="132"/>
                    <a:pt x="2" y="130"/>
                  </a:cubicBezTo>
                  <a:cubicBezTo>
                    <a:pt x="2" y="130"/>
                    <a:pt x="3" y="128"/>
                    <a:pt x="3" y="126"/>
                  </a:cubicBezTo>
                  <a:cubicBezTo>
                    <a:pt x="3" y="124"/>
                    <a:pt x="4" y="115"/>
                    <a:pt x="6" y="107"/>
                  </a:cubicBezTo>
                  <a:cubicBezTo>
                    <a:pt x="8" y="100"/>
                    <a:pt x="11" y="88"/>
                    <a:pt x="12" y="82"/>
                  </a:cubicBezTo>
                  <a:cubicBezTo>
                    <a:pt x="12" y="76"/>
                    <a:pt x="11" y="71"/>
                    <a:pt x="15" y="69"/>
                  </a:cubicBezTo>
                  <a:cubicBezTo>
                    <a:pt x="19" y="66"/>
                    <a:pt x="34" y="61"/>
                    <a:pt x="38" y="60"/>
                  </a:cubicBezTo>
                  <a:cubicBezTo>
                    <a:pt x="43" y="59"/>
                    <a:pt x="47" y="57"/>
                    <a:pt x="49" y="56"/>
                  </a:cubicBezTo>
                  <a:cubicBezTo>
                    <a:pt x="51" y="54"/>
                    <a:pt x="52" y="53"/>
                    <a:pt x="51" y="50"/>
                  </a:cubicBezTo>
                  <a:cubicBezTo>
                    <a:pt x="50" y="46"/>
                    <a:pt x="50" y="40"/>
                    <a:pt x="50" y="39"/>
                  </a:cubicBezTo>
                  <a:cubicBezTo>
                    <a:pt x="50" y="39"/>
                    <a:pt x="47" y="40"/>
                    <a:pt x="46" y="36"/>
                  </a:cubicBezTo>
                  <a:cubicBezTo>
                    <a:pt x="45" y="32"/>
                    <a:pt x="44" y="29"/>
                    <a:pt x="45" y="27"/>
                  </a:cubicBezTo>
                  <a:cubicBezTo>
                    <a:pt x="46" y="26"/>
                    <a:pt x="47" y="27"/>
                    <a:pt x="47" y="28"/>
                  </a:cubicBezTo>
                  <a:cubicBezTo>
                    <a:pt x="47" y="28"/>
                    <a:pt x="45" y="22"/>
                    <a:pt x="46" y="18"/>
                  </a:cubicBezTo>
                  <a:cubicBezTo>
                    <a:pt x="47" y="13"/>
                    <a:pt x="50" y="1"/>
                    <a:pt x="62" y="1"/>
                  </a:cubicBezTo>
                  <a:cubicBezTo>
                    <a:pt x="62" y="1"/>
                    <a:pt x="74" y="0"/>
                    <a:pt x="80" y="9"/>
                  </a:cubicBezTo>
                  <a:cubicBezTo>
                    <a:pt x="84" y="16"/>
                    <a:pt x="81" y="21"/>
                    <a:pt x="81" y="23"/>
                  </a:cubicBezTo>
                  <a:cubicBezTo>
                    <a:pt x="81" y="23"/>
                    <a:pt x="80" y="27"/>
                    <a:pt x="80" y="27"/>
                  </a:cubicBezTo>
                  <a:cubicBezTo>
                    <a:pt x="81" y="28"/>
                    <a:pt x="85" y="25"/>
                    <a:pt x="85" y="29"/>
                  </a:cubicBezTo>
                  <a:cubicBezTo>
                    <a:pt x="84" y="32"/>
                    <a:pt x="81" y="39"/>
                    <a:pt x="80" y="38"/>
                  </a:cubicBezTo>
                  <a:cubicBezTo>
                    <a:pt x="78" y="38"/>
                    <a:pt x="78" y="41"/>
                    <a:pt x="77" y="43"/>
                  </a:cubicBezTo>
                  <a:cubicBezTo>
                    <a:pt x="77" y="44"/>
                    <a:pt x="75" y="51"/>
                    <a:pt x="78" y="54"/>
                  </a:cubicBezTo>
                  <a:cubicBezTo>
                    <a:pt x="81" y="56"/>
                    <a:pt x="91" y="62"/>
                    <a:pt x="95" y="63"/>
                  </a:cubicBezTo>
                  <a:cubicBezTo>
                    <a:pt x="101" y="66"/>
                    <a:pt x="117" y="66"/>
                    <a:pt x="118" y="73"/>
                  </a:cubicBezTo>
                  <a:cubicBezTo>
                    <a:pt x="118" y="73"/>
                    <a:pt x="120" y="97"/>
                    <a:pt x="122" y="110"/>
                  </a:cubicBezTo>
                  <a:cubicBezTo>
                    <a:pt x="124" y="122"/>
                    <a:pt x="129" y="134"/>
                    <a:pt x="129" y="136"/>
                  </a:cubicBezTo>
                  <a:cubicBezTo>
                    <a:pt x="128" y="138"/>
                    <a:pt x="127" y="140"/>
                    <a:pt x="128" y="142"/>
                  </a:cubicBezTo>
                  <a:cubicBezTo>
                    <a:pt x="128" y="145"/>
                    <a:pt x="127" y="145"/>
                    <a:pt x="126" y="149"/>
                  </a:cubicBezTo>
                  <a:cubicBezTo>
                    <a:pt x="126" y="154"/>
                    <a:pt x="118" y="173"/>
                    <a:pt x="117" y="176"/>
                  </a:cubicBezTo>
                  <a:cubicBezTo>
                    <a:pt x="116" y="179"/>
                    <a:pt x="113" y="183"/>
                    <a:pt x="111" y="183"/>
                  </a:cubicBezTo>
                  <a:cubicBezTo>
                    <a:pt x="109" y="183"/>
                    <a:pt x="110" y="183"/>
                    <a:pt x="111" y="187"/>
                  </a:cubicBezTo>
                  <a:cubicBezTo>
                    <a:pt x="112" y="191"/>
                    <a:pt x="116" y="208"/>
                    <a:pt x="115" y="209"/>
                  </a:cubicBezTo>
                  <a:cubicBezTo>
                    <a:pt x="114" y="209"/>
                    <a:pt x="104" y="209"/>
                    <a:pt x="104" y="209"/>
                  </a:cubicBezTo>
                  <a:cubicBezTo>
                    <a:pt x="104" y="209"/>
                    <a:pt x="102" y="245"/>
                    <a:pt x="102" y="250"/>
                  </a:cubicBezTo>
                  <a:close/>
                  <a:moveTo>
                    <a:pt x="103" y="131"/>
                  </a:moveTo>
                  <a:cubicBezTo>
                    <a:pt x="103" y="131"/>
                    <a:pt x="103" y="150"/>
                    <a:pt x="102" y="153"/>
                  </a:cubicBezTo>
                  <a:cubicBezTo>
                    <a:pt x="102" y="155"/>
                    <a:pt x="103" y="157"/>
                    <a:pt x="104" y="153"/>
                  </a:cubicBezTo>
                  <a:cubicBezTo>
                    <a:pt x="106" y="149"/>
                    <a:pt x="106" y="143"/>
                    <a:pt x="106" y="141"/>
                  </a:cubicBezTo>
                  <a:cubicBezTo>
                    <a:pt x="106" y="138"/>
                    <a:pt x="106" y="137"/>
                    <a:pt x="105" y="135"/>
                  </a:cubicBezTo>
                  <a:cubicBezTo>
                    <a:pt x="104" y="132"/>
                    <a:pt x="103" y="131"/>
                    <a:pt x="103" y="131"/>
                  </a:cubicBezTo>
                  <a:close/>
                  <a:moveTo>
                    <a:pt x="23" y="133"/>
                  </a:moveTo>
                  <a:cubicBezTo>
                    <a:pt x="23" y="134"/>
                    <a:pt x="22" y="137"/>
                    <a:pt x="22" y="141"/>
                  </a:cubicBezTo>
                  <a:cubicBezTo>
                    <a:pt x="23" y="144"/>
                    <a:pt x="23" y="147"/>
                    <a:pt x="23" y="147"/>
                  </a:cubicBezTo>
                  <a:cubicBezTo>
                    <a:pt x="23" y="147"/>
                    <a:pt x="24" y="154"/>
                    <a:pt x="24" y="151"/>
                  </a:cubicBezTo>
                  <a:cubicBezTo>
                    <a:pt x="24" y="149"/>
                    <a:pt x="24" y="147"/>
                    <a:pt x="24" y="145"/>
                  </a:cubicBezTo>
                  <a:cubicBezTo>
                    <a:pt x="24" y="142"/>
                    <a:pt x="24" y="134"/>
                    <a:pt x="24" y="134"/>
                  </a:cubicBezTo>
                  <a:cubicBezTo>
                    <a:pt x="24" y="134"/>
                    <a:pt x="23" y="131"/>
                    <a:pt x="23" y="133"/>
                  </a:cubicBezTo>
                  <a:close/>
                </a:path>
              </a:pathLst>
            </a:custGeom>
            <a:solidFill>
              <a:schemeClr val="tx1">
                <a:lumMod val="75000"/>
                <a:lumOff val="25000"/>
              </a:schemeClr>
            </a:solidFill>
            <a:ln w="3175">
              <a:solidFill>
                <a:schemeClr val="bg1"/>
              </a:solidFill>
            </a:ln>
            <a:extLst/>
          </p:spPr>
          <p:txBody>
            <a:bodyPr anchor="t" anchorCtr="0" bIns="45720" compatLnSpc="1" lIns="91440" numCol="1" rIns="91440" tIns="45720" vert="horz" wrap="square">
              <a:prstTxWarp prst="textNoShape">
                <a:avLst/>
              </a:prstTxWarp>
            </a:bodyPr>
            <a:lstStyle/>
            <a:p>
              <a:endParaRPr altLang="en-US" lang="zh-CN"/>
            </a:p>
          </p:txBody>
        </p:sp>
        <p:sp>
          <p:nvSpPr>
            <p:cNvPr id="131" name="Freeform 11"/>
            <p:cNvSpPr/>
            <p:nvPr/>
          </p:nvSpPr>
          <p:spPr bwMode="auto">
            <a:xfrm>
              <a:off x="4482737" y="3765673"/>
              <a:ext cx="97748" cy="87179"/>
            </a:xfrm>
            <a:custGeom>
              <a:gdLst>
                <a:gd fmla="*/ 16 w 16" name="T0"/>
                <a:gd fmla="*/ 10 h 14" name="T1"/>
                <a:gd fmla="*/ 14 w 16" name="T2"/>
                <a:gd fmla="*/ 14 h 14" name="T3"/>
                <a:gd fmla="*/ 3 w 16" name="T4"/>
                <a:gd fmla="*/ 3 h 14" name="T5"/>
                <a:gd fmla="*/ 0 w 16" name="T6"/>
                <a:gd fmla="*/ 2 h 14" name="T7"/>
                <a:gd fmla="*/ 0 w 16" name="T8"/>
                <a:gd fmla="*/ 1 h 14" name="T9"/>
                <a:gd fmla="*/ 16 w 16" name="T10"/>
                <a:gd fmla="*/ 10 h 14" name="T11"/>
              </a:gdLst>
              <a:cxnLst>
                <a:cxn ang="0">
                  <a:pos x="T0" y="T1"/>
                </a:cxn>
                <a:cxn ang="0">
                  <a:pos x="T2" y="T3"/>
                </a:cxn>
                <a:cxn ang="0">
                  <a:pos x="T4" y="T5"/>
                </a:cxn>
                <a:cxn ang="0">
                  <a:pos x="T6" y="T7"/>
                </a:cxn>
                <a:cxn ang="0">
                  <a:pos x="T8" y="T9"/>
                </a:cxn>
                <a:cxn ang="0">
                  <a:pos x="T10" y="T11"/>
                </a:cxn>
              </a:cxnLst>
              <a:rect b="b" l="0" r="r" t="0"/>
              <a:pathLst>
                <a:path h="14" w="16">
                  <a:moveTo>
                    <a:pt x="16" y="10"/>
                  </a:moveTo>
                  <a:cubicBezTo>
                    <a:pt x="14" y="14"/>
                    <a:pt x="14" y="14"/>
                    <a:pt x="14" y="14"/>
                  </a:cubicBezTo>
                  <a:cubicBezTo>
                    <a:pt x="14" y="14"/>
                    <a:pt x="11" y="5"/>
                    <a:pt x="3" y="3"/>
                  </a:cubicBezTo>
                  <a:cubicBezTo>
                    <a:pt x="0" y="2"/>
                    <a:pt x="0" y="2"/>
                    <a:pt x="0" y="2"/>
                  </a:cubicBezTo>
                  <a:cubicBezTo>
                    <a:pt x="0" y="1"/>
                    <a:pt x="0" y="1"/>
                    <a:pt x="0" y="1"/>
                  </a:cubicBezTo>
                  <a:cubicBezTo>
                    <a:pt x="0" y="1"/>
                    <a:pt x="7" y="0"/>
                    <a:pt x="16" y="10"/>
                  </a:cubicBez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32" name="Freeform 12"/>
            <p:cNvSpPr/>
            <p:nvPr/>
          </p:nvSpPr>
          <p:spPr bwMode="auto">
            <a:xfrm>
              <a:off x="3896254" y="3760389"/>
              <a:ext cx="92464" cy="81896"/>
            </a:xfrm>
            <a:custGeom>
              <a:gdLst>
                <a:gd fmla="*/ 4 w 15" name="T0"/>
                <a:gd fmla="*/ 13 h 13" name="T1"/>
                <a:gd fmla="*/ 0 w 15" name="T2"/>
                <a:gd fmla="*/ 11 h 13" name="T3"/>
                <a:gd fmla="*/ 7 w 15" name="T4"/>
                <a:gd fmla="*/ 1 h 13" name="T5"/>
                <a:gd fmla="*/ 14 w 15" name="T6"/>
                <a:gd fmla="*/ 1 h 13" name="T7"/>
                <a:gd fmla="*/ 15 w 15" name="T8"/>
                <a:gd fmla="*/ 1 h 13" name="T9"/>
                <a:gd fmla="*/ 4 w 15" name="T10"/>
                <a:gd fmla="*/ 5 h 13" name="T11"/>
                <a:gd fmla="*/ 4 w 15" name="T12"/>
                <a:gd fmla="*/ 10 h 13" name="T13"/>
                <a:gd fmla="*/ 6 w 15" name="T14"/>
                <a:gd fmla="*/ 12 h 13" name="T15"/>
                <a:gd fmla="*/ 4 w 15" name="T16"/>
                <a:gd fmla="*/ 13 h 13" name="T17"/>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b="b" l="0" r="r" t="0"/>
              <a:pathLst>
                <a:path h="13" w="15">
                  <a:moveTo>
                    <a:pt x="4" y="13"/>
                  </a:moveTo>
                  <a:cubicBezTo>
                    <a:pt x="4" y="13"/>
                    <a:pt x="0" y="13"/>
                    <a:pt x="0" y="11"/>
                  </a:cubicBezTo>
                  <a:cubicBezTo>
                    <a:pt x="0" y="9"/>
                    <a:pt x="1" y="1"/>
                    <a:pt x="7" y="1"/>
                  </a:cubicBezTo>
                  <a:cubicBezTo>
                    <a:pt x="14" y="1"/>
                    <a:pt x="13" y="0"/>
                    <a:pt x="14" y="1"/>
                  </a:cubicBezTo>
                  <a:cubicBezTo>
                    <a:pt x="15" y="1"/>
                    <a:pt x="15" y="1"/>
                    <a:pt x="15" y="1"/>
                  </a:cubicBezTo>
                  <a:cubicBezTo>
                    <a:pt x="15" y="1"/>
                    <a:pt x="5" y="2"/>
                    <a:pt x="4" y="5"/>
                  </a:cubicBezTo>
                  <a:cubicBezTo>
                    <a:pt x="4" y="8"/>
                    <a:pt x="4" y="10"/>
                    <a:pt x="4" y="10"/>
                  </a:cubicBezTo>
                  <a:cubicBezTo>
                    <a:pt x="5" y="11"/>
                    <a:pt x="6" y="12"/>
                    <a:pt x="6" y="12"/>
                  </a:cubicBezTo>
                  <a:lnTo>
                    <a:pt x="4" y="13"/>
                  </a:ln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33" name="Freeform 164"/>
            <p:cNvSpPr/>
            <p:nvPr/>
          </p:nvSpPr>
          <p:spPr bwMode="auto">
            <a:xfrm>
              <a:off x="4085296" y="3065842"/>
              <a:ext cx="334132" cy="814618"/>
            </a:xfrm>
            <a:custGeom>
              <a:gdLst>
                <a:gd fmla="*/ 29 w 40" name="T0"/>
                <a:gd fmla="*/ 50 h 86" name="T1"/>
                <a:gd fmla="*/ 29 w 40" name="T2"/>
                <a:gd fmla="*/ 36 h 86" name="T3"/>
                <a:gd fmla="*/ 34 w 40" name="T4"/>
                <a:gd fmla="*/ 5 h 86" name="T5"/>
                <a:gd fmla="*/ 34 w 40" name="T6"/>
                <a:gd fmla="*/ 3 h 86" name="T7"/>
                <a:gd fmla="*/ 33 w 40" name="T8"/>
                <a:gd fmla="*/ 0 h 86" name="T9"/>
                <a:gd fmla="*/ 29 w 40" name="T10"/>
                <a:gd fmla="*/ 3 h 86" name="T11"/>
                <a:gd fmla="*/ 21 w 40" name="T12"/>
                <a:gd fmla="*/ 8 h 86" name="T13"/>
                <a:gd fmla="*/ 17 w 40" name="T14"/>
                <a:gd fmla="*/ 5 h 86" name="T15"/>
                <a:gd fmla="*/ 12 w 40" name="T16"/>
                <a:gd fmla="*/ 2 h 86" name="T17"/>
                <a:gd fmla="*/ 10 w 40" name="T18"/>
                <a:gd fmla="*/ 4 h 86" name="T19"/>
                <a:gd fmla="*/ 11 w 40" name="T20"/>
                <a:gd fmla="*/ 27 h 86" name="T21"/>
                <a:gd fmla="*/ 10 w 40" name="T22"/>
                <a:gd fmla="*/ 59 h 86" name="T23"/>
                <a:gd fmla="*/ 1 w 40" name="T24"/>
                <a:gd fmla="*/ 85 h 86" name="T25"/>
                <a:gd fmla="*/ 21 w 40" name="T26"/>
                <a:gd fmla="*/ 86 h 86" name="T27"/>
                <a:gd fmla="*/ 40 w 40" name="T28"/>
                <a:gd fmla="*/ 83 h 86" name="T29"/>
                <a:gd fmla="*/ 29 w 40" name="T30"/>
                <a:gd fmla="*/ 50 h 86" name="T31"/>
                <a:gd fmla="*/ 7646 w 10076" name="connsiteX0"/>
                <a:gd fmla="*/ 7414 h 11695" name="connsiteY0"/>
                <a:gd fmla="*/ 7550 w 10076" name="connsiteX1"/>
                <a:gd fmla="*/ 5747 h 11695" name="connsiteY1"/>
                <a:gd fmla="*/ 8091 w 10076" name="connsiteX2"/>
                <a:gd fmla="*/ 2156 h 11695" name="connsiteY2"/>
                <a:gd fmla="*/ 8091 w 10076" name="connsiteX3"/>
                <a:gd fmla="*/ 1925 h 11695" name="connsiteY3"/>
                <a:gd fmla="*/ 9651 w 10076" name="connsiteX4"/>
                <a:gd fmla="*/ 632 h 11695" name="connsiteY4"/>
                <a:gd fmla="*/ 7705 w 10076" name="connsiteX5"/>
                <a:gd fmla="*/ 4 h 11695" name="connsiteY5"/>
                <a:gd fmla="*/ 4910 w 10076" name="connsiteX6"/>
                <a:gd fmla="*/ 1249 h 11695" name="connsiteY6"/>
                <a:gd fmla="*/ 2044 w 10076" name="connsiteX7"/>
                <a:gd fmla="*/ 65 h 11695" name="connsiteY7"/>
                <a:gd fmla="*/ 122 w 10076" name="connsiteX8"/>
                <a:gd fmla="*/ 571 h 11695" name="connsiteY8"/>
                <a:gd fmla="*/ 2329 w 10076" name="connsiteX9"/>
                <a:gd fmla="*/ 4614 h 11695" name="connsiteY9"/>
                <a:gd fmla="*/ 1798 w 10076" name="connsiteX10"/>
                <a:gd fmla="*/ 8320 h 11695" name="connsiteY10"/>
                <a:gd fmla="*/ 97 w 10076" name="connsiteX11"/>
                <a:gd fmla="*/ 11423 h 11695" name="connsiteY11"/>
                <a:gd fmla="*/ 4942 w 10076" name="connsiteX12"/>
                <a:gd fmla="*/ 11539 h 11695" name="connsiteY12"/>
                <a:gd fmla="*/ 9831 w 10076" name="connsiteX13"/>
                <a:gd fmla="*/ 11374 h 11695" name="connsiteY13"/>
                <a:gd fmla="*/ 7646 w 10076" name="connsiteX14"/>
                <a:gd fmla="*/ 7414 h 11695" name="connsiteY14"/>
                <a:gd fmla="*/ 7646 w 10076" name="connsiteX15"/>
                <a:gd fmla="*/ 7349 h 11630" name="connsiteY15"/>
                <a:gd fmla="*/ 7646 w 10076" name="connsiteX16"/>
                <a:gd fmla="*/ 7349 h 11630" name="connsiteY16"/>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b="b" l="l" r="r" t="t"/>
              <a:pathLst>
                <a:path h="11695" w="10076">
                  <a:moveTo>
                    <a:pt x="7646" y="7414"/>
                  </a:moveTo>
                  <a:cubicBezTo>
                    <a:pt x="7162" y="6951"/>
                    <a:pt x="7476" y="6624"/>
                    <a:pt x="7550" y="5747"/>
                  </a:cubicBezTo>
                  <a:cubicBezTo>
                    <a:pt x="7623" y="4870"/>
                    <a:pt x="7607" y="2851"/>
                    <a:pt x="8091" y="2156"/>
                  </a:cubicBezTo>
                  <a:cubicBezTo>
                    <a:pt x="8091" y="2079"/>
                    <a:pt x="7831" y="2179"/>
                    <a:pt x="8091" y="1925"/>
                  </a:cubicBezTo>
                  <a:cubicBezTo>
                    <a:pt x="8351" y="1671"/>
                    <a:pt x="9644" y="753"/>
                    <a:pt x="9651" y="632"/>
                  </a:cubicBezTo>
                  <a:cubicBezTo>
                    <a:pt x="9658" y="511"/>
                    <a:pt x="8507" y="101"/>
                    <a:pt x="7705" y="4"/>
                  </a:cubicBezTo>
                  <a:cubicBezTo>
                    <a:pt x="6903" y="-93"/>
                    <a:pt x="5925" y="1267"/>
                    <a:pt x="4910" y="1249"/>
                  </a:cubicBezTo>
                  <a:cubicBezTo>
                    <a:pt x="3895" y="1231"/>
                    <a:pt x="2746" y="-33"/>
                    <a:pt x="2044" y="65"/>
                  </a:cubicBezTo>
                  <a:cubicBezTo>
                    <a:pt x="2044" y="181"/>
                    <a:pt x="365" y="456"/>
                    <a:pt x="122" y="571"/>
                  </a:cubicBezTo>
                  <a:cubicBezTo>
                    <a:pt x="849" y="1034"/>
                    <a:pt x="2050" y="3323"/>
                    <a:pt x="2329" y="4614"/>
                  </a:cubicBezTo>
                  <a:cubicBezTo>
                    <a:pt x="2608" y="5905"/>
                    <a:pt x="2041" y="7510"/>
                    <a:pt x="1798" y="8320"/>
                  </a:cubicBezTo>
                  <a:cubicBezTo>
                    <a:pt x="1314" y="9130"/>
                    <a:pt x="-427" y="10887"/>
                    <a:pt x="97" y="11423"/>
                  </a:cubicBezTo>
                  <a:cubicBezTo>
                    <a:pt x="621" y="11960"/>
                    <a:pt x="3731" y="11539"/>
                    <a:pt x="4942" y="11539"/>
                  </a:cubicBezTo>
                  <a:cubicBezTo>
                    <a:pt x="5910" y="11539"/>
                    <a:pt x="8710" y="11697"/>
                    <a:pt x="9831" y="11374"/>
                  </a:cubicBezTo>
                  <a:cubicBezTo>
                    <a:pt x="10952" y="11052"/>
                    <a:pt x="7888" y="7993"/>
                    <a:pt x="7646" y="7414"/>
                  </a:cubicBez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34" name="Freeform 10"/>
            <p:cNvSpPr/>
            <p:nvPr/>
          </p:nvSpPr>
          <p:spPr bwMode="auto">
            <a:xfrm>
              <a:off x="4194778" y="3115786"/>
              <a:ext cx="124166" cy="525721"/>
            </a:xfrm>
            <a:custGeom>
              <a:gdLst>
                <a:gd fmla="*/ 5 w 20" name="T0"/>
                <a:gd fmla="*/ 9 h 84" name="T1"/>
                <a:gd fmla="*/ 3 w 20" name="T2"/>
                <a:gd fmla="*/ 3 h 84" name="T3"/>
                <a:gd fmla="*/ 8 w 20" name="T4"/>
                <a:gd fmla="*/ 0 h 84" name="T5"/>
                <a:gd fmla="*/ 12 w 20" name="T6"/>
                <a:gd fmla="*/ 3 h 84" name="T7"/>
                <a:gd fmla="*/ 10 w 20" name="T8"/>
                <a:gd fmla="*/ 9 h 84" name="T9"/>
                <a:gd fmla="*/ 17 w 20" name="T10"/>
                <a:gd fmla="*/ 49 h 84" name="T11"/>
                <a:gd fmla="*/ 19 w 20" name="T12"/>
                <a:gd fmla="*/ 74 h 84" name="T13"/>
                <a:gd fmla="*/ 10 w 20" name="T14"/>
                <a:gd fmla="*/ 84 h 84" name="T15"/>
                <a:gd fmla="*/ 0 w 20" name="T16"/>
                <a:gd fmla="*/ 74 h 84" name="T17"/>
                <a:gd fmla="*/ 1 w 20" name="T18"/>
                <a:gd fmla="*/ 32 h 84" name="T19"/>
                <a:gd fmla="*/ 5 w 20" name="T20"/>
                <a:gd fmla="*/ 9 h 84" name="T2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b="b" l="0" r="r" t="0"/>
              <a:pathLst>
                <a:path h="84" w="20">
                  <a:moveTo>
                    <a:pt x="5" y="9"/>
                  </a:moveTo>
                  <a:cubicBezTo>
                    <a:pt x="5" y="9"/>
                    <a:pt x="2" y="4"/>
                    <a:pt x="3" y="3"/>
                  </a:cubicBezTo>
                  <a:cubicBezTo>
                    <a:pt x="4" y="2"/>
                    <a:pt x="7" y="0"/>
                    <a:pt x="8" y="0"/>
                  </a:cubicBezTo>
                  <a:cubicBezTo>
                    <a:pt x="9" y="1"/>
                    <a:pt x="11" y="2"/>
                    <a:pt x="12" y="3"/>
                  </a:cubicBezTo>
                  <a:cubicBezTo>
                    <a:pt x="12" y="4"/>
                    <a:pt x="10" y="8"/>
                    <a:pt x="10" y="9"/>
                  </a:cubicBezTo>
                  <a:cubicBezTo>
                    <a:pt x="10" y="11"/>
                    <a:pt x="16" y="31"/>
                    <a:pt x="17" y="49"/>
                  </a:cubicBezTo>
                  <a:cubicBezTo>
                    <a:pt x="17" y="49"/>
                    <a:pt x="20" y="72"/>
                    <a:pt x="19" y="74"/>
                  </a:cubicBezTo>
                  <a:cubicBezTo>
                    <a:pt x="18" y="76"/>
                    <a:pt x="11" y="84"/>
                    <a:pt x="10" y="84"/>
                  </a:cubicBezTo>
                  <a:cubicBezTo>
                    <a:pt x="9" y="83"/>
                    <a:pt x="0" y="76"/>
                    <a:pt x="0" y="74"/>
                  </a:cubicBezTo>
                  <a:cubicBezTo>
                    <a:pt x="0" y="72"/>
                    <a:pt x="1" y="35"/>
                    <a:pt x="1" y="32"/>
                  </a:cubicBezTo>
                  <a:cubicBezTo>
                    <a:pt x="1" y="27"/>
                    <a:pt x="4" y="10"/>
                    <a:pt x="5" y="9"/>
                  </a:cubicBezTo>
                  <a:close/>
                </a:path>
              </a:pathLst>
            </a:custGeom>
            <a:solidFill>
              <a:srgbClr val="00544A"/>
            </a:solidFill>
            <a:ln cap="flat" cmpd="sng" w="9525">
              <a:noFill/>
              <a:prstDash val="solid"/>
              <a:round/>
              <a:headEnd len="med" type="none" w="med"/>
              <a:tailEnd len="med" type="none" w="med"/>
            </a:ln>
            <a:effectLst/>
            <a:extLst/>
          </p:spPr>
          <p:txBody>
            <a:bodyPr/>
            <a:lstStyle/>
            <a:p>
              <a:endParaRPr altLang="en-US" lang="zh-CN"/>
            </a:p>
          </p:txBody>
        </p:sp>
        <p:sp>
          <p:nvSpPr>
            <p:cNvPr id="135" name="Freeform 9"/>
            <p:cNvSpPr/>
            <p:nvPr/>
          </p:nvSpPr>
          <p:spPr bwMode="auto">
            <a:xfrm>
              <a:off x="4157793" y="3055023"/>
              <a:ext cx="187570" cy="142658"/>
            </a:xfrm>
            <a:custGeom>
              <a:gdLst>
                <a:gd fmla="*/ 0 w 30" name="T0"/>
                <a:gd fmla="*/ 11 h 23" name="T1"/>
                <a:gd fmla="*/ 3 w 30" name="T2"/>
                <a:gd fmla="*/ 22 h 23" name="T3"/>
                <a:gd fmla="*/ 14 w 30" name="T4"/>
                <a:gd fmla="*/ 10 h 23" name="T5"/>
                <a:gd fmla="*/ 23 w 30" name="T6"/>
                <a:gd fmla="*/ 22 h 23" name="T7"/>
                <a:gd fmla="*/ 30 w 30" name="T8"/>
                <a:gd fmla="*/ 12 h 23" name="T9"/>
                <a:gd fmla="*/ 29 w 30" name="T10"/>
                <a:gd fmla="*/ 2 h 23" name="T11"/>
                <a:gd fmla="*/ 28 w 30" name="T12"/>
                <a:gd fmla="*/ 0 h 23" name="T13"/>
                <a:gd fmla="*/ 14 w 30" name="T14"/>
                <a:gd fmla="*/ 10 h 23" name="T15"/>
                <a:gd fmla="*/ 2 w 30" name="T16"/>
                <a:gd fmla="*/ 1 h 23" name="T17"/>
                <a:gd fmla="*/ 1 w 30" name="T18"/>
                <a:gd fmla="*/ 2 h 23" name="T19"/>
                <a:gd fmla="*/ 0 w 30" name="T20"/>
                <a:gd fmla="*/ 11 h 23" name="T2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b="b" l="0" r="r" t="0"/>
              <a:pathLst>
                <a:path h="23" w="30">
                  <a:moveTo>
                    <a:pt x="0" y="11"/>
                  </a:moveTo>
                  <a:cubicBezTo>
                    <a:pt x="3" y="22"/>
                    <a:pt x="3" y="22"/>
                    <a:pt x="3" y="22"/>
                  </a:cubicBezTo>
                  <a:cubicBezTo>
                    <a:pt x="4" y="19"/>
                    <a:pt x="10" y="11"/>
                    <a:pt x="14" y="10"/>
                  </a:cubicBezTo>
                  <a:cubicBezTo>
                    <a:pt x="18" y="10"/>
                    <a:pt x="23" y="23"/>
                    <a:pt x="23" y="22"/>
                  </a:cubicBezTo>
                  <a:cubicBezTo>
                    <a:pt x="23" y="21"/>
                    <a:pt x="30" y="12"/>
                    <a:pt x="30" y="12"/>
                  </a:cubicBezTo>
                  <a:cubicBezTo>
                    <a:pt x="29" y="2"/>
                    <a:pt x="29" y="2"/>
                    <a:pt x="29" y="2"/>
                  </a:cubicBezTo>
                  <a:cubicBezTo>
                    <a:pt x="28" y="0"/>
                    <a:pt x="28" y="0"/>
                    <a:pt x="28" y="0"/>
                  </a:cubicBezTo>
                  <a:cubicBezTo>
                    <a:pt x="28" y="0"/>
                    <a:pt x="19" y="11"/>
                    <a:pt x="14" y="10"/>
                  </a:cubicBezTo>
                  <a:cubicBezTo>
                    <a:pt x="8" y="10"/>
                    <a:pt x="3" y="3"/>
                    <a:pt x="2" y="1"/>
                  </a:cubicBezTo>
                  <a:cubicBezTo>
                    <a:pt x="1" y="2"/>
                    <a:pt x="1" y="2"/>
                    <a:pt x="1" y="2"/>
                  </a:cubicBezTo>
                  <a:lnTo>
                    <a:pt x="0" y="11"/>
                  </a:lnTo>
                  <a:close/>
                </a:path>
              </a:pathLst>
            </a:custGeom>
            <a:solidFill>
              <a:schemeClr val="bg1"/>
            </a:solidFill>
            <a:ln>
              <a:noFill/>
            </a:ln>
            <a:effectLst>
              <a:outerShdw algn="t" blurRad="50800" dir="5400000" dist="38100" rotWithShape="0" sx="84000" sy="84000">
                <a:schemeClr val="tx1">
                  <a:alpha val="40000"/>
                </a:schemeClr>
              </a:outerShdw>
            </a:effectLs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115" name="组合 114"/>
          <p:cNvGrpSpPr/>
          <p:nvPr/>
        </p:nvGrpSpPr>
        <p:grpSpPr>
          <a:xfrm>
            <a:off x="5812861" y="2070156"/>
            <a:ext cx="691329" cy="2327766"/>
            <a:chOff x="9324781" y="2901459"/>
            <a:chExt cx="691329" cy="2327766"/>
          </a:xfrm>
        </p:grpSpPr>
        <p:sp>
          <p:nvSpPr>
            <p:cNvPr id="124" name="Freeform 65"/>
            <p:cNvSpPr/>
            <p:nvPr/>
          </p:nvSpPr>
          <p:spPr bwMode="auto">
            <a:xfrm>
              <a:off x="9324781" y="2901459"/>
              <a:ext cx="691329" cy="2319015"/>
            </a:xfrm>
            <a:custGeom>
              <a:gdLst>
                <a:gd fmla="*/ 20 w 67" name="T0"/>
                <a:gd fmla="*/ 168 h 224" name="T1"/>
                <a:gd fmla="*/ 18 w 67" name="T2"/>
                <a:gd fmla="*/ 189 h 224" name="T3"/>
                <a:gd fmla="*/ 17 w 67" name="T4"/>
                <a:gd fmla="*/ 211 h 224" name="T5"/>
                <a:gd fmla="*/ 15 w 67" name="T6"/>
                <a:gd fmla="*/ 212 h 224" name="T7"/>
                <a:gd fmla="*/ 13 w 67" name="T8"/>
                <a:gd fmla="*/ 212 h 224" name="T9"/>
                <a:gd fmla="*/ 12 w 67" name="T10"/>
                <a:gd fmla="*/ 219 h 224" name="T11"/>
                <a:gd fmla="*/ 5 w 67" name="T12"/>
                <a:gd fmla="*/ 223 h 224" name="T13"/>
                <a:gd fmla="*/ 1 w 67" name="T14"/>
                <a:gd fmla="*/ 222 h 224" name="T15"/>
                <a:gd fmla="*/ 2 w 67" name="T16"/>
                <a:gd fmla="*/ 215 h 224" name="T17"/>
                <a:gd fmla="*/ 3 w 67" name="T18"/>
                <a:gd fmla="*/ 211 h 224" name="T19"/>
                <a:gd fmla="*/ 1 w 67" name="T20"/>
                <a:gd fmla="*/ 211 h 224" name="T21"/>
                <a:gd fmla="*/ 1 w 67" name="T22"/>
                <a:gd fmla="*/ 193 h 224" name="T23"/>
                <a:gd fmla="*/ 5 w 67" name="T24"/>
                <a:gd fmla="*/ 159 h 224" name="T25"/>
                <a:gd fmla="*/ 7 w 67" name="T26"/>
                <a:gd fmla="*/ 135 h 224" name="T27"/>
                <a:gd fmla="*/ 7 w 67" name="T28"/>
                <a:gd fmla="*/ 109 h 224" name="T29"/>
                <a:gd fmla="*/ 12 w 67" name="T30"/>
                <a:gd fmla="*/ 92 h 224" name="T31"/>
                <a:gd fmla="*/ 13 w 67" name="T32"/>
                <a:gd fmla="*/ 79 h 224" name="T33"/>
                <a:gd fmla="*/ 6 w 67" name="T34"/>
                <a:gd fmla="*/ 78 h 224" name="T35"/>
                <a:gd fmla="*/ 5 w 67" name="T36"/>
                <a:gd fmla="*/ 60 h 224" name="T37"/>
                <a:gd fmla="*/ 8 w 67" name="T38"/>
                <a:gd fmla="*/ 44 h 224" name="T39"/>
                <a:gd fmla="*/ 12 w 67" name="T40"/>
                <a:gd fmla="*/ 39 h 224" name="T41"/>
                <a:gd fmla="*/ 20 w 67" name="T42"/>
                <a:gd fmla="*/ 37 h 224" name="T43"/>
                <a:gd fmla="*/ 21 w 67" name="T44"/>
                <a:gd fmla="*/ 20 h 224" name="T45"/>
                <a:gd fmla="*/ 26 w 67" name="T46"/>
                <a:gd fmla="*/ 4 h 224" name="T47"/>
                <a:gd fmla="*/ 37 w 67" name="T48"/>
                <a:gd fmla="*/ 2 h 224" name="T49"/>
                <a:gd fmla="*/ 46 w 67" name="T50"/>
                <a:gd fmla="*/ 19 h 224" name="T51"/>
                <a:gd fmla="*/ 49 w 67" name="T52"/>
                <a:gd fmla="*/ 37 h 224" name="T53"/>
                <a:gd fmla="*/ 51 w 67" name="T54"/>
                <a:gd fmla="*/ 38 h 224" name="T55"/>
                <a:gd fmla="*/ 59 w 67" name="T56"/>
                <a:gd fmla="*/ 44 h 224" name="T57"/>
                <a:gd fmla="*/ 57 w 67" name="T58"/>
                <a:gd fmla="*/ 66 h 224" name="T59"/>
                <a:gd fmla="*/ 52 w 67" name="T60"/>
                <a:gd fmla="*/ 74 h 224" name="T61"/>
                <a:gd fmla="*/ 48 w 67" name="T62"/>
                <a:gd fmla="*/ 78 h 224" name="T63"/>
                <a:gd fmla="*/ 52 w 67" name="T64"/>
                <a:gd fmla="*/ 99 h 224" name="T65"/>
                <a:gd fmla="*/ 57 w 67" name="T66"/>
                <a:gd fmla="*/ 130 h 224" name="T67"/>
                <a:gd fmla="*/ 59 w 67" name="T68"/>
                <a:gd fmla="*/ 163 h 224" name="T69"/>
                <a:gd fmla="*/ 65 w 67" name="T70"/>
                <a:gd fmla="*/ 192 h 224" name="T71"/>
                <a:gd fmla="*/ 66 w 67" name="T72"/>
                <a:gd fmla="*/ 210 h 224" name="T73"/>
                <a:gd fmla="*/ 64 w 67" name="T74"/>
                <a:gd fmla="*/ 211 h 224" name="T75"/>
                <a:gd fmla="*/ 65 w 67" name="T76"/>
                <a:gd fmla="*/ 216 h 224" name="T77"/>
                <a:gd fmla="*/ 66 w 67" name="T78"/>
                <a:gd fmla="*/ 223 h 224" name="T79"/>
                <a:gd fmla="*/ 61 w 67" name="T80"/>
                <a:gd fmla="*/ 224 h 224" name="T81"/>
                <a:gd fmla="*/ 55 w 67" name="T82"/>
                <a:gd fmla="*/ 218 h 224" name="T83"/>
                <a:gd fmla="*/ 55 w 67" name="T84"/>
                <a:gd fmla="*/ 212 h 224" name="T85"/>
                <a:gd fmla="*/ 48 w 67" name="T86"/>
                <a:gd fmla="*/ 211 h 224" name="T87"/>
                <a:gd fmla="*/ 46 w 67" name="T88"/>
                <a:gd fmla="*/ 189 h 224" name="T89"/>
                <a:gd fmla="*/ 43 w 67" name="T90"/>
                <a:gd fmla="*/ 160 h 224" name="T91"/>
                <a:gd fmla="*/ 39 w 67" name="T92"/>
                <a:gd fmla="*/ 137 h 224" name="T93"/>
                <a:gd fmla="*/ 32 w 67" name="T94"/>
                <a:gd fmla="*/ 115 h 224" name="T95"/>
                <a:gd fmla="*/ 29 w 67" name="T96"/>
                <a:gd fmla="*/ 122 h 224" name="T97"/>
                <a:gd fmla="*/ 23 w 67" name="T98"/>
                <a:gd fmla="*/ 148 h 224" name="T99"/>
                <a:gd fmla="*/ 20 w 67" name="T100"/>
                <a:gd fmla="*/ 168 h 224" name="T10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b="b" l="0" r="r" t="0"/>
              <a:pathLst>
                <a:path h="224" w="67">
                  <a:moveTo>
                    <a:pt x="20" y="168"/>
                  </a:moveTo>
                  <a:cubicBezTo>
                    <a:pt x="20" y="168"/>
                    <a:pt x="18" y="180"/>
                    <a:pt x="18" y="189"/>
                  </a:cubicBezTo>
                  <a:cubicBezTo>
                    <a:pt x="18" y="198"/>
                    <a:pt x="17" y="209"/>
                    <a:pt x="17" y="211"/>
                  </a:cubicBezTo>
                  <a:cubicBezTo>
                    <a:pt x="17" y="213"/>
                    <a:pt x="16" y="213"/>
                    <a:pt x="15" y="212"/>
                  </a:cubicBezTo>
                  <a:cubicBezTo>
                    <a:pt x="14" y="212"/>
                    <a:pt x="13" y="212"/>
                    <a:pt x="13" y="212"/>
                  </a:cubicBezTo>
                  <a:cubicBezTo>
                    <a:pt x="13" y="212"/>
                    <a:pt x="13" y="217"/>
                    <a:pt x="12" y="219"/>
                  </a:cubicBezTo>
                  <a:cubicBezTo>
                    <a:pt x="11" y="221"/>
                    <a:pt x="8" y="223"/>
                    <a:pt x="5" y="223"/>
                  </a:cubicBezTo>
                  <a:cubicBezTo>
                    <a:pt x="2" y="223"/>
                    <a:pt x="1" y="223"/>
                    <a:pt x="1" y="222"/>
                  </a:cubicBezTo>
                  <a:cubicBezTo>
                    <a:pt x="1" y="220"/>
                    <a:pt x="1" y="218"/>
                    <a:pt x="2" y="215"/>
                  </a:cubicBezTo>
                  <a:cubicBezTo>
                    <a:pt x="4" y="213"/>
                    <a:pt x="3" y="211"/>
                    <a:pt x="3" y="211"/>
                  </a:cubicBezTo>
                  <a:cubicBezTo>
                    <a:pt x="2" y="211"/>
                    <a:pt x="1" y="211"/>
                    <a:pt x="1" y="211"/>
                  </a:cubicBezTo>
                  <a:cubicBezTo>
                    <a:pt x="1" y="211"/>
                    <a:pt x="0" y="202"/>
                    <a:pt x="1" y="193"/>
                  </a:cubicBezTo>
                  <a:cubicBezTo>
                    <a:pt x="2" y="184"/>
                    <a:pt x="4" y="163"/>
                    <a:pt x="5" y="159"/>
                  </a:cubicBezTo>
                  <a:cubicBezTo>
                    <a:pt x="6" y="154"/>
                    <a:pt x="7" y="151"/>
                    <a:pt x="7" y="135"/>
                  </a:cubicBezTo>
                  <a:cubicBezTo>
                    <a:pt x="7" y="120"/>
                    <a:pt x="6" y="117"/>
                    <a:pt x="7" y="109"/>
                  </a:cubicBezTo>
                  <a:cubicBezTo>
                    <a:pt x="9" y="101"/>
                    <a:pt x="11" y="96"/>
                    <a:pt x="12" y="92"/>
                  </a:cubicBezTo>
                  <a:cubicBezTo>
                    <a:pt x="12" y="87"/>
                    <a:pt x="13" y="80"/>
                    <a:pt x="13" y="79"/>
                  </a:cubicBezTo>
                  <a:cubicBezTo>
                    <a:pt x="12" y="79"/>
                    <a:pt x="6" y="81"/>
                    <a:pt x="6" y="78"/>
                  </a:cubicBezTo>
                  <a:cubicBezTo>
                    <a:pt x="6" y="75"/>
                    <a:pt x="4" y="66"/>
                    <a:pt x="5" y="60"/>
                  </a:cubicBezTo>
                  <a:cubicBezTo>
                    <a:pt x="7" y="54"/>
                    <a:pt x="8" y="46"/>
                    <a:pt x="8" y="44"/>
                  </a:cubicBezTo>
                  <a:cubicBezTo>
                    <a:pt x="9" y="42"/>
                    <a:pt x="10" y="40"/>
                    <a:pt x="12" y="39"/>
                  </a:cubicBezTo>
                  <a:cubicBezTo>
                    <a:pt x="15" y="38"/>
                    <a:pt x="20" y="39"/>
                    <a:pt x="20" y="37"/>
                  </a:cubicBezTo>
                  <a:cubicBezTo>
                    <a:pt x="20" y="34"/>
                    <a:pt x="19" y="30"/>
                    <a:pt x="21" y="20"/>
                  </a:cubicBezTo>
                  <a:cubicBezTo>
                    <a:pt x="22" y="10"/>
                    <a:pt x="23" y="7"/>
                    <a:pt x="26" y="4"/>
                  </a:cubicBezTo>
                  <a:cubicBezTo>
                    <a:pt x="29" y="1"/>
                    <a:pt x="34" y="0"/>
                    <a:pt x="37" y="2"/>
                  </a:cubicBezTo>
                  <a:cubicBezTo>
                    <a:pt x="41" y="4"/>
                    <a:pt x="45" y="7"/>
                    <a:pt x="46" y="19"/>
                  </a:cubicBezTo>
                  <a:cubicBezTo>
                    <a:pt x="47" y="31"/>
                    <a:pt x="48" y="35"/>
                    <a:pt x="49" y="37"/>
                  </a:cubicBezTo>
                  <a:cubicBezTo>
                    <a:pt x="50" y="38"/>
                    <a:pt x="49" y="38"/>
                    <a:pt x="51" y="38"/>
                  </a:cubicBezTo>
                  <a:cubicBezTo>
                    <a:pt x="53" y="38"/>
                    <a:pt x="59" y="38"/>
                    <a:pt x="59" y="44"/>
                  </a:cubicBezTo>
                  <a:cubicBezTo>
                    <a:pt x="59" y="50"/>
                    <a:pt x="59" y="61"/>
                    <a:pt x="57" y="66"/>
                  </a:cubicBezTo>
                  <a:cubicBezTo>
                    <a:pt x="56" y="71"/>
                    <a:pt x="55" y="72"/>
                    <a:pt x="52" y="74"/>
                  </a:cubicBezTo>
                  <a:cubicBezTo>
                    <a:pt x="49" y="76"/>
                    <a:pt x="47" y="76"/>
                    <a:pt x="48" y="78"/>
                  </a:cubicBezTo>
                  <a:cubicBezTo>
                    <a:pt x="49" y="81"/>
                    <a:pt x="50" y="90"/>
                    <a:pt x="52" y="99"/>
                  </a:cubicBezTo>
                  <a:cubicBezTo>
                    <a:pt x="55" y="108"/>
                    <a:pt x="56" y="110"/>
                    <a:pt x="57" y="130"/>
                  </a:cubicBezTo>
                  <a:cubicBezTo>
                    <a:pt x="58" y="150"/>
                    <a:pt x="57" y="152"/>
                    <a:pt x="59" y="163"/>
                  </a:cubicBezTo>
                  <a:cubicBezTo>
                    <a:pt x="62" y="174"/>
                    <a:pt x="64" y="181"/>
                    <a:pt x="65" y="192"/>
                  </a:cubicBezTo>
                  <a:cubicBezTo>
                    <a:pt x="65" y="204"/>
                    <a:pt x="66" y="208"/>
                    <a:pt x="66" y="210"/>
                  </a:cubicBezTo>
                  <a:cubicBezTo>
                    <a:pt x="67" y="211"/>
                    <a:pt x="64" y="211"/>
                    <a:pt x="64" y="211"/>
                  </a:cubicBezTo>
                  <a:cubicBezTo>
                    <a:pt x="64" y="211"/>
                    <a:pt x="64" y="213"/>
                    <a:pt x="65" y="216"/>
                  </a:cubicBezTo>
                  <a:cubicBezTo>
                    <a:pt x="67" y="219"/>
                    <a:pt x="67" y="222"/>
                    <a:pt x="66" y="223"/>
                  </a:cubicBezTo>
                  <a:cubicBezTo>
                    <a:pt x="66" y="224"/>
                    <a:pt x="63" y="224"/>
                    <a:pt x="61" y="224"/>
                  </a:cubicBezTo>
                  <a:cubicBezTo>
                    <a:pt x="58" y="223"/>
                    <a:pt x="55" y="221"/>
                    <a:pt x="55" y="218"/>
                  </a:cubicBezTo>
                  <a:cubicBezTo>
                    <a:pt x="55" y="215"/>
                    <a:pt x="55" y="212"/>
                    <a:pt x="55" y="212"/>
                  </a:cubicBezTo>
                  <a:cubicBezTo>
                    <a:pt x="54" y="212"/>
                    <a:pt x="48" y="212"/>
                    <a:pt x="48" y="211"/>
                  </a:cubicBezTo>
                  <a:cubicBezTo>
                    <a:pt x="48" y="210"/>
                    <a:pt x="46" y="195"/>
                    <a:pt x="46" y="189"/>
                  </a:cubicBezTo>
                  <a:cubicBezTo>
                    <a:pt x="45" y="183"/>
                    <a:pt x="44" y="166"/>
                    <a:pt x="43" y="160"/>
                  </a:cubicBezTo>
                  <a:cubicBezTo>
                    <a:pt x="42" y="155"/>
                    <a:pt x="42" y="148"/>
                    <a:pt x="39" y="137"/>
                  </a:cubicBezTo>
                  <a:cubicBezTo>
                    <a:pt x="37" y="127"/>
                    <a:pt x="33" y="117"/>
                    <a:pt x="32" y="115"/>
                  </a:cubicBezTo>
                  <a:cubicBezTo>
                    <a:pt x="31" y="114"/>
                    <a:pt x="30" y="117"/>
                    <a:pt x="29" y="122"/>
                  </a:cubicBezTo>
                  <a:cubicBezTo>
                    <a:pt x="28" y="126"/>
                    <a:pt x="25" y="139"/>
                    <a:pt x="23" y="148"/>
                  </a:cubicBezTo>
                  <a:cubicBezTo>
                    <a:pt x="22" y="157"/>
                    <a:pt x="21" y="165"/>
                    <a:pt x="20" y="168"/>
                  </a:cubicBezTo>
                  <a:close/>
                </a:path>
              </a:pathLst>
            </a:custGeom>
            <a:solidFill>
              <a:schemeClr val="tx1">
                <a:lumMod val="75000"/>
                <a:lumOff val="25000"/>
              </a:schemeClr>
            </a:solidFill>
            <a:ln w="3175">
              <a:solidFill>
                <a:schemeClr val="bg1"/>
              </a:solidFill>
            </a:ln>
            <a:extLst/>
          </p:spPr>
          <p:txBody>
            <a:bodyPr anchor="t" anchorCtr="0" bIns="45720" compatLnSpc="1" lIns="91440" numCol="1" rIns="91440" tIns="45720" vert="horz" wrap="square">
              <a:prstTxWarp prst="textNoShape">
                <a:avLst/>
              </a:prstTxWarp>
            </a:bodyPr>
            <a:lstStyle/>
            <a:p>
              <a:endParaRPr altLang="en-US" lang="zh-CN"/>
            </a:p>
          </p:txBody>
        </p:sp>
        <p:sp>
          <p:nvSpPr>
            <p:cNvPr id="125" name="AutoShape 63"/>
            <p:cNvSpPr>
              <a:spLocks noChangeArrowheads="1" noChangeAspect="1" noTextEdit="1"/>
            </p:cNvSpPr>
            <p:nvPr/>
          </p:nvSpPr>
          <p:spPr bwMode="auto">
            <a:xfrm>
              <a:off x="9333532" y="2901459"/>
              <a:ext cx="682578" cy="2327766"/>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26" name="Freeform 66"/>
            <p:cNvSpPr/>
            <p:nvPr/>
          </p:nvSpPr>
          <p:spPr bwMode="auto">
            <a:xfrm>
              <a:off x="9499801" y="3605916"/>
              <a:ext cx="113763" cy="122514"/>
            </a:xfrm>
            <a:custGeom>
              <a:gdLst>
                <a:gd fmla="*/ 9 w 11" name="T0"/>
                <a:gd fmla="*/ 12 h 12" name="T1"/>
                <a:gd fmla="*/ 11 w 11" name="T2"/>
                <a:gd fmla="*/ 9 h 12" name="T3"/>
                <a:gd fmla="*/ 10 w 11" name="T4"/>
                <a:gd fmla="*/ 5 h 12" name="T5"/>
                <a:gd fmla="*/ 9 w 11" name="T6"/>
                <a:gd fmla="*/ 2 h 12" name="T7"/>
                <a:gd fmla="*/ 4 w 11" name="T8"/>
                <a:gd fmla="*/ 0 h 12" name="T9"/>
                <a:gd fmla="*/ 2 w 11" name="T10"/>
                <a:gd fmla="*/ 6 h 12" name="T11"/>
                <a:gd fmla="*/ 1 w 11" name="T12"/>
                <a:gd fmla="*/ 12 h 12" name="T13"/>
                <a:gd fmla="*/ 6 w 11" name="T14"/>
                <a:gd fmla="*/ 12 h 12" name="T15"/>
                <a:gd fmla="*/ 9 w 11" name="T16"/>
                <a:gd fmla="*/ 12 h 12" name="T17"/>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b="b" l="0" r="r" t="0"/>
              <a:pathLst>
                <a:path h="12" w="11">
                  <a:moveTo>
                    <a:pt x="9" y="12"/>
                  </a:moveTo>
                  <a:cubicBezTo>
                    <a:pt x="9" y="12"/>
                    <a:pt x="11" y="10"/>
                    <a:pt x="11" y="9"/>
                  </a:cubicBezTo>
                  <a:cubicBezTo>
                    <a:pt x="11" y="7"/>
                    <a:pt x="10" y="6"/>
                    <a:pt x="10" y="5"/>
                  </a:cubicBezTo>
                  <a:cubicBezTo>
                    <a:pt x="10" y="4"/>
                    <a:pt x="10" y="2"/>
                    <a:pt x="9" y="2"/>
                  </a:cubicBezTo>
                  <a:cubicBezTo>
                    <a:pt x="8" y="2"/>
                    <a:pt x="5" y="1"/>
                    <a:pt x="4" y="0"/>
                  </a:cubicBezTo>
                  <a:cubicBezTo>
                    <a:pt x="3" y="0"/>
                    <a:pt x="2" y="5"/>
                    <a:pt x="2" y="6"/>
                  </a:cubicBezTo>
                  <a:cubicBezTo>
                    <a:pt x="1" y="8"/>
                    <a:pt x="0" y="12"/>
                    <a:pt x="1" y="12"/>
                  </a:cubicBezTo>
                  <a:cubicBezTo>
                    <a:pt x="2" y="12"/>
                    <a:pt x="5" y="11"/>
                    <a:pt x="6" y="12"/>
                  </a:cubicBezTo>
                  <a:cubicBezTo>
                    <a:pt x="7" y="12"/>
                    <a:pt x="8" y="12"/>
                    <a:pt x="9" y="12"/>
                  </a:cubicBez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27" name="Freeform 67"/>
            <p:cNvSpPr/>
            <p:nvPr/>
          </p:nvSpPr>
          <p:spPr bwMode="auto">
            <a:xfrm>
              <a:off x="9683572" y="3553410"/>
              <a:ext cx="105012" cy="135642"/>
            </a:xfrm>
            <a:custGeom>
              <a:gdLst>
                <a:gd fmla="*/ 7 w 10" name="T0"/>
                <a:gd fmla="*/ 13 h 13" name="T1"/>
                <a:gd fmla="*/ 9 w 10" name="T2"/>
                <a:gd fmla="*/ 10 h 13" name="T3"/>
                <a:gd fmla="*/ 7 w 10" name="T4"/>
                <a:gd fmla="*/ 4 h 13" name="T5"/>
                <a:gd fmla="*/ 4 w 10" name="T6"/>
                <a:gd fmla="*/ 1 h 13" name="T7"/>
                <a:gd fmla="*/ 0 w 10" name="T8"/>
                <a:gd fmla="*/ 2 h 13" name="T9"/>
                <a:gd fmla="*/ 1 w 10" name="T10"/>
                <a:gd fmla="*/ 7 h 13" name="T11"/>
                <a:gd fmla="*/ 0 w 10" name="T12"/>
                <a:gd fmla="*/ 8 h 13" name="T13"/>
                <a:gd fmla="*/ 0 w 10" name="T14"/>
                <a:gd fmla="*/ 11 h 13" name="T15"/>
                <a:gd fmla="*/ 7 w 10" name="T16"/>
                <a:gd fmla="*/ 13 h 13" name="T17"/>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b="b" l="0" r="r" t="0"/>
              <a:pathLst>
                <a:path h="13" w="10">
                  <a:moveTo>
                    <a:pt x="7" y="13"/>
                  </a:moveTo>
                  <a:cubicBezTo>
                    <a:pt x="7" y="13"/>
                    <a:pt x="10" y="12"/>
                    <a:pt x="9" y="10"/>
                  </a:cubicBezTo>
                  <a:cubicBezTo>
                    <a:pt x="8" y="8"/>
                    <a:pt x="7" y="6"/>
                    <a:pt x="7" y="4"/>
                  </a:cubicBezTo>
                  <a:cubicBezTo>
                    <a:pt x="7" y="2"/>
                    <a:pt x="6" y="1"/>
                    <a:pt x="4" y="1"/>
                  </a:cubicBezTo>
                  <a:cubicBezTo>
                    <a:pt x="2" y="1"/>
                    <a:pt x="0" y="0"/>
                    <a:pt x="0" y="2"/>
                  </a:cubicBezTo>
                  <a:cubicBezTo>
                    <a:pt x="0" y="4"/>
                    <a:pt x="1" y="5"/>
                    <a:pt x="1" y="7"/>
                  </a:cubicBezTo>
                  <a:cubicBezTo>
                    <a:pt x="1" y="8"/>
                    <a:pt x="0" y="8"/>
                    <a:pt x="0" y="8"/>
                  </a:cubicBezTo>
                  <a:cubicBezTo>
                    <a:pt x="0" y="8"/>
                    <a:pt x="0" y="10"/>
                    <a:pt x="0" y="11"/>
                  </a:cubicBezTo>
                  <a:cubicBezTo>
                    <a:pt x="0" y="13"/>
                    <a:pt x="6" y="13"/>
                    <a:pt x="7" y="13"/>
                  </a:cubicBez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28" name="Freeform 68"/>
            <p:cNvSpPr/>
            <p:nvPr/>
          </p:nvSpPr>
          <p:spPr bwMode="auto">
            <a:xfrm>
              <a:off x="9438544" y="3842193"/>
              <a:ext cx="420048" cy="96261"/>
            </a:xfrm>
            <a:custGeom>
              <a:gdLst>
                <a:gd fmla="*/ 41 w 41" name="T0"/>
                <a:gd fmla="*/ 5 h 9" name="T1"/>
                <a:gd fmla="*/ 25 w 41" name="T2"/>
                <a:gd fmla="*/ 9 h 9" name="T3"/>
                <a:gd fmla="*/ 8 w 41" name="T4"/>
                <a:gd fmla="*/ 7 h 9" name="T5"/>
                <a:gd fmla="*/ 0 w 41" name="T6"/>
                <a:gd fmla="*/ 5 h 9" name="T7"/>
                <a:gd fmla="*/ 1 w 41" name="T8"/>
                <a:gd fmla="*/ 1 h 9" name="T9"/>
                <a:gd fmla="*/ 20 w 41" name="T10"/>
                <a:gd fmla="*/ 1 h 9" name="T11"/>
                <a:gd fmla="*/ 40 w 41" name="T12"/>
                <a:gd fmla="*/ 4 h 9" name="T13"/>
                <a:gd fmla="*/ 41 w 41" name="T14"/>
                <a:gd fmla="*/ 5 h 9" name="T15"/>
              </a:gdLst>
              <a:cxnLst>
                <a:cxn ang="0">
                  <a:pos x="T0" y="T1"/>
                </a:cxn>
                <a:cxn ang="0">
                  <a:pos x="T2" y="T3"/>
                </a:cxn>
                <a:cxn ang="0">
                  <a:pos x="T4" y="T5"/>
                </a:cxn>
                <a:cxn ang="0">
                  <a:pos x="T6" y="T7"/>
                </a:cxn>
                <a:cxn ang="0">
                  <a:pos x="T8" y="T9"/>
                </a:cxn>
                <a:cxn ang="0">
                  <a:pos x="T10" y="T11"/>
                </a:cxn>
                <a:cxn ang="0">
                  <a:pos x="T12" y="T13"/>
                </a:cxn>
                <a:cxn ang="0">
                  <a:pos x="T14" y="T15"/>
                </a:cxn>
              </a:cxnLst>
              <a:rect b="b" l="0" r="r" t="0"/>
              <a:pathLst>
                <a:path h="9" w="41">
                  <a:moveTo>
                    <a:pt x="41" y="5"/>
                  </a:moveTo>
                  <a:cubicBezTo>
                    <a:pt x="41" y="5"/>
                    <a:pt x="36" y="9"/>
                    <a:pt x="25" y="9"/>
                  </a:cubicBezTo>
                  <a:cubicBezTo>
                    <a:pt x="13" y="9"/>
                    <a:pt x="14" y="9"/>
                    <a:pt x="8" y="7"/>
                  </a:cubicBezTo>
                  <a:cubicBezTo>
                    <a:pt x="3" y="5"/>
                    <a:pt x="0" y="5"/>
                    <a:pt x="0" y="5"/>
                  </a:cubicBezTo>
                  <a:cubicBezTo>
                    <a:pt x="1" y="1"/>
                    <a:pt x="1" y="1"/>
                    <a:pt x="1" y="1"/>
                  </a:cubicBezTo>
                  <a:cubicBezTo>
                    <a:pt x="1" y="1"/>
                    <a:pt x="8" y="0"/>
                    <a:pt x="20" y="1"/>
                  </a:cubicBezTo>
                  <a:cubicBezTo>
                    <a:pt x="32" y="2"/>
                    <a:pt x="40" y="4"/>
                    <a:pt x="40" y="4"/>
                  </a:cubicBezTo>
                  <a:lnTo>
                    <a:pt x="41" y="5"/>
                  </a:lnTo>
                  <a:close/>
                </a:path>
              </a:pathLst>
            </a:custGeom>
            <a:solidFill>
              <a:schemeClr val="accent1">
                <a:lumMod val="20000"/>
                <a:lumOff val="80000"/>
              </a:schemeClr>
            </a:solidFill>
            <a:ln w="9525">
              <a:solidFill>
                <a:schemeClr val="accent1">
                  <a:lumMod val="20000"/>
                  <a:lumOff val="80000"/>
                </a:schemeClr>
              </a:solidFill>
              <a:round/>
            </a:ln>
            <a:extLst/>
          </p:spPr>
          <p:txBody>
            <a:bodyPr/>
            <a:lstStyle/>
            <a:p>
              <a:endParaRPr altLang="en-US" lang="zh-CN"/>
            </a:p>
          </p:txBody>
        </p:sp>
        <p:sp>
          <p:nvSpPr>
            <p:cNvPr id="129" name="Freeform 69"/>
            <p:cNvSpPr/>
            <p:nvPr/>
          </p:nvSpPr>
          <p:spPr bwMode="auto">
            <a:xfrm>
              <a:off x="9521680" y="3295254"/>
              <a:ext cx="266907" cy="319413"/>
            </a:xfrm>
            <a:custGeom>
              <a:gdLst>
                <a:gd fmla="*/ 13 w 26" name="T0"/>
                <a:gd fmla="*/ 31 h 31" name="T1"/>
                <a:gd fmla="*/ 21 w 26" name="T2"/>
                <a:gd fmla="*/ 13 h 31" name="T3"/>
                <a:gd fmla="*/ 25 w 26" name="T4"/>
                <a:gd fmla="*/ 2 h 31" name="T5"/>
                <a:gd fmla="*/ 3 w 26" name="T6"/>
                <a:gd fmla="*/ 0 h 31" name="T7"/>
                <a:gd fmla="*/ 3 w 26" name="T8"/>
                <a:gd fmla="*/ 10 h 31" name="T9"/>
                <a:gd fmla="*/ 13 w 26" name="T10"/>
                <a:gd fmla="*/ 31 h 31" name="T11"/>
              </a:gdLst>
              <a:cxnLst>
                <a:cxn ang="0">
                  <a:pos x="T0" y="T1"/>
                </a:cxn>
                <a:cxn ang="0">
                  <a:pos x="T2" y="T3"/>
                </a:cxn>
                <a:cxn ang="0">
                  <a:pos x="T4" y="T5"/>
                </a:cxn>
                <a:cxn ang="0">
                  <a:pos x="T6" y="T7"/>
                </a:cxn>
                <a:cxn ang="0">
                  <a:pos x="T8" y="T9"/>
                </a:cxn>
                <a:cxn ang="0">
                  <a:pos x="T10" y="T11"/>
                </a:cxn>
              </a:cxnLst>
              <a:rect b="b" l="0" r="r" t="0"/>
              <a:pathLst>
                <a:path h="31" w="26">
                  <a:moveTo>
                    <a:pt x="13" y="31"/>
                  </a:moveTo>
                  <a:cubicBezTo>
                    <a:pt x="13" y="31"/>
                    <a:pt x="16" y="19"/>
                    <a:pt x="21" y="13"/>
                  </a:cubicBezTo>
                  <a:cubicBezTo>
                    <a:pt x="26" y="7"/>
                    <a:pt x="25" y="4"/>
                    <a:pt x="25" y="2"/>
                  </a:cubicBezTo>
                  <a:cubicBezTo>
                    <a:pt x="25" y="0"/>
                    <a:pt x="14" y="7"/>
                    <a:pt x="3" y="0"/>
                  </a:cubicBezTo>
                  <a:cubicBezTo>
                    <a:pt x="3" y="0"/>
                    <a:pt x="0" y="7"/>
                    <a:pt x="3" y="10"/>
                  </a:cubicBezTo>
                  <a:cubicBezTo>
                    <a:pt x="9" y="18"/>
                    <a:pt x="13" y="29"/>
                    <a:pt x="13" y="31"/>
                  </a:cubicBezTo>
                  <a:close/>
                </a:path>
              </a:pathLst>
            </a:custGeom>
            <a:solidFill>
              <a:schemeClr val="accent1">
                <a:lumMod val="20000"/>
                <a:lumOff val="80000"/>
              </a:schemeClr>
            </a:solidFill>
            <a:ln w="9525">
              <a:solidFill>
                <a:schemeClr val="accent1">
                  <a:lumMod val="20000"/>
                  <a:lumOff val="80000"/>
                </a:schemeClr>
              </a:solidFill>
              <a:round/>
            </a:ln>
            <a:extLst/>
          </p:spPr>
          <p:txBody>
            <a:bodyPr/>
            <a:lstStyle/>
            <a:p>
              <a:endParaRPr altLang="en-US" lang="zh-CN"/>
            </a:p>
          </p:txBody>
        </p:sp>
      </p:grpSp>
      <p:grpSp>
        <p:nvGrpSpPr>
          <p:cNvPr id="116" name="组合 115"/>
          <p:cNvGrpSpPr/>
          <p:nvPr/>
        </p:nvGrpSpPr>
        <p:grpSpPr>
          <a:xfrm>
            <a:off x="6831902" y="1321630"/>
            <a:ext cx="758358" cy="1892829"/>
            <a:chOff x="6323262" y="2753696"/>
            <a:chExt cx="926338" cy="2312103"/>
          </a:xfrm>
        </p:grpSpPr>
        <p:sp>
          <p:nvSpPr>
            <p:cNvPr id="122" name="Freeform 124"/>
            <p:cNvSpPr>
              <a:spLocks noEditPoints="1"/>
            </p:cNvSpPr>
            <p:nvPr/>
          </p:nvSpPr>
          <p:spPr bwMode="auto">
            <a:xfrm>
              <a:off x="6323262" y="2753696"/>
              <a:ext cx="926338" cy="2312103"/>
            </a:xfrm>
            <a:custGeom>
              <a:gdLst>
                <a:gd fmla="*/ 89 w 105" name="T0"/>
                <a:gd fmla="*/ 248 h 262" name="T1"/>
                <a:gd fmla="*/ 75 w 105" name="T2"/>
                <a:gd fmla="*/ 193 h 262" name="T3"/>
                <a:gd fmla="*/ 64 w 105" name="T4"/>
                <a:gd fmla="*/ 138 h 262" name="T5"/>
                <a:gd fmla="*/ 68 w 105" name="T6"/>
                <a:gd fmla="*/ 130 h 262" name="T7"/>
                <a:gd fmla="*/ 78 w 105" name="T8"/>
                <a:gd fmla="*/ 113 h 262" name="T9"/>
                <a:gd fmla="*/ 77 w 105" name="T10"/>
                <a:gd fmla="*/ 70 h 262" name="T11"/>
                <a:gd fmla="*/ 68 w 105" name="T12"/>
                <a:gd fmla="*/ 43 h 262" name="T13"/>
                <a:gd fmla="*/ 48 w 105" name="T14"/>
                <a:gd fmla="*/ 39 h 262" name="T15"/>
                <a:gd fmla="*/ 42 w 105" name="T16"/>
                <a:gd fmla="*/ 31 h 262" name="T17"/>
                <a:gd fmla="*/ 44 w 105" name="T18"/>
                <a:gd fmla="*/ 23 h 262" name="T19"/>
                <a:gd fmla="*/ 43 w 105" name="T20"/>
                <a:gd fmla="*/ 17 h 262" name="T21"/>
                <a:gd fmla="*/ 37 w 105" name="T22"/>
                <a:gd fmla="*/ 2 h 262" name="T23"/>
                <a:gd fmla="*/ 19 w 105" name="T24"/>
                <a:gd fmla="*/ 5 h 262" name="T25"/>
                <a:gd fmla="*/ 20 w 105" name="T26"/>
                <a:gd fmla="*/ 21 h 262" name="T27"/>
                <a:gd fmla="*/ 20 w 105" name="T28"/>
                <a:gd fmla="*/ 27 h 262" name="T29"/>
                <a:gd fmla="*/ 24 w 105" name="T30"/>
                <a:gd fmla="*/ 31 h 262" name="T31"/>
                <a:gd fmla="*/ 25 w 105" name="T32"/>
                <a:gd fmla="*/ 41 h 262" name="T33"/>
                <a:gd fmla="*/ 5 w 105" name="T34"/>
                <a:gd fmla="*/ 51 h 262" name="T35"/>
                <a:gd fmla="*/ 2 w 105" name="T36"/>
                <a:gd fmla="*/ 91 h 262" name="T37"/>
                <a:gd fmla="*/ 0 w 105" name="T38"/>
                <a:gd fmla="*/ 141 h 262" name="T39"/>
                <a:gd fmla="*/ 1 w 105" name="T40"/>
                <a:gd fmla="*/ 145 h 262" name="T41"/>
                <a:gd fmla="*/ 9 w 105" name="T42"/>
                <a:gd fmla="*/ 154 h 262" name="T43"/>
                <a:gd fmla="*/ 13 w 105" name="T44"/>
                <a:gd fmla="*/ 175 h 262" name="T45"/>
                <a:gd fmla="*/ 13 w 105" name="T46"/>
                <a:gd fmla="*/ 221 h 262" name="T47"/>
                <a:gd fmla="*/ 16 w 105" name="T48"/>
                <a:gd fmla="*/ 241 h 262" name="T49"/>
                <a:gd fmla="*/ 10 w 105" name="T50"/>
                <a:gd fmla="*/ 255 h 262" name="T51"/>
                <a:gd fmla="*/ 21 w 105" name="T52"/>
                <a:gd fmla="*/ 260 h 262" name="T53"/>
                <a:gd fmla="*/ 26 w 105" name="T54"/>
                <a:gd fmla="*/ 256 h 262" name="T55"/>
                <a:gd fmla="*/ 32 w 105" name="T56"/>
                <a:gd fmla="*/ 253 h 262" name="T57"/>
                <a:gd fmla="*/ 33 w 105" name="T58"/>
                <a:gd fmla="*/ 223 h 262" name="T59"/>
                <a:gd fmla="*/ 34 w 105" name="T60"/>
                <a:gd fmla="*/ 177 h 262" name="T61"/>
                <a:gd fmla="*/ 39 w 105" name="T62"/>
                <a:gd fmla="*/ 154 h 262" name="T63"/>
                <a:gd fmla="*/ 51 w 105" name="T64"/>
                <a:gd fmla="*/ 197 h 262" name="T65"/>
                <a:gd fmla="*/ 67 w 105" name="T66"/>
                <a:gd fmla="*/ 242 h 262" name="T67"/>
                <a:gd fmla="*/ 75 w 105" name="T68"/>
                <a:gd fmla="*/ 255 h 262" name="T69"/>
                <a:gd fmla="*/ 82 w 105" name="T70"/>
                <a:gd fmla="*/ 256 h 262" name="T71"/>
                <a:gd fmla="*/ 105 w 105" name="T72"/>
                <a:gd fmla="*/ 256 h 262" name="T73"/>
                <a:gd fmla="*/ 11 w 105" name="T74"/>
                <a:gd fmla="*/ 151 h 262" name="T75"/>
                <a:gd fmla="*/ 9 w 105" name="T76"/>
                <a:gd fmla="*/ 150 h 262" name="T77"/>
                <a:gd fmla="*/ 7 w 105" name="T78"/>
                <a:gd fmla="*/ 141 h 262" name="T79"/>
                <a:gd fmla="*/ 11 w 105" name="T80"/>
                <a:gd fmla="*/ 148 h 262" name="T81"/>
                <a:gd fmla="*/ 11 w 105" name="T82"/>
                <a:gd fmla="*/ 151 h 262" name="T83"/>
                <a:gd fmla="*/ 63 w 105" name="T84"/>
                <a:gd fmla="*/ 86 h 262" name="T85"/>
                <a:gd fmla="*/ 66 w 105" name="T86"/>
                <a:gd fmla="*/ 97 h 262" name="T87"/>
                <a:gd fmla="*/ 63 w 105" name="T88"/>
                <a:gd fmla="*/ 106 h 262" name="T8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b="b" l="0" r="r" t="0"/>
              <a:pathLst>
                <a:path h="262" w="105">
                  <a:moveTo>
                    <a:pt x="100" y="253"/>
                  </a:moveTo>
                  <a:cubicBezTo>
                    <a:pt x="96" y="253"/>
                    <a:pt x="92" y="252"/>
                    <a:pt x="89" y="248"/>
                  </a:cubicBezTo>
                  <a:cubicBezTo>
                    <a:pt x="86" y="244"/>
                    <a:pt x="83" y="243"/>
                    <a:pt x="81" y="231"/>
                  </a:cubicBezTo>
                  <a:cubicBezTo>
                    <a:pt x="79" y="219"/>
                    <a:pt x="77" y="203"/>
                    <a:pt x="75" y="193"/>
                  </a:cubicBezTo>
                  <a:cubicBezTo>
                    <a:pt x="72" y="184"/>
                    <a:pt x="70" y="176"/>
                    <a:pt x="69" y="162"/>
                  </a:cubicBezTo>
                  <a:cubicBezTo>
                    <a:pt x="67" y="147"/>
                    <a:pt x="64" y="138"/>
                    <a:pt x="64" y="138"/>
                  </a:cubicBezTo>
                  <a:cubicBezTo>
                    <a:pt x="64" y="138"/>
                    <a:pt x="65" y="135"/>
                    <a:pt x="66" y="132"/>
                  </a:cubicBezTo>
                  <a:cubicBezTo>
                    <a:pt x="67" y="130"/>
                    <a:pt x="68" y="129"/>
                    <a:pt x="68" y="130"/>
                  </a:cubicBezTo>
                  <a:cubicBezTo>
                    <a:pt x="69" y="131"/>
                    <a:pt x="70" y="131"/>
                    <a:pt x="70" y="131"/>
                  </a:cubicBezTo>
                  <a:cubicBezTo>
                    <a:pt x="70" y="131"/>
                    <a:pt x="78" y="117"/>
                    <a:pt x="78" y="113"/>
                  </a:cubicBezTo>
                  <a:cubicBezTo>
                    <a:pt x="79" y="110"/>
                    <a:pt x="82" y="101"/>
                    <a:pt x="82" y="96"/>
                  </a:cubicBezTo>
                  <a:cubicBezTo>
                    <a:pt x="82" y="91"/>
                    <a:pt x="79" y="76"/>
                    <a:pt x="77" y="70"/>
                  </a:cubicBezTo>
                  <a:cubicBezTo>
                    <a:pt x="75" y="63"/>
                    <a:pt x="72" y="57"/>
                    <a:pt x="72" y="52"/>
                  </a:cubicBezTo>
                  <a:cubicBezTo>
                    <a:pt x="71" y="47"/>
                    <a:pt x="70" y="43"/>
                    <a:pt x="68" y="43"/>
                  </a:cubicBezTo>
                  <a:cubicBezTo>
                    <a:pt x="66" y="43"/>
                    <a:pt x="64" y="42"/>
                    <a:pt x="58" y="41"/>
                  </a:cubicBezTo>
                  <a:cubicBezTo>
                    <a:pt x="52" y="40"/>
                    <a:pt x="49" y="40"/>
                    <a:pt x="48" y="39"/>
                  </a:cubicBezTo>
                  <a:cubicBezTo>
                    <a:pt x="47" y="38"/>
                    <a:pt x="45" y="35"/>
                    <a:pt x="44" y="34"/>
                  </a:cubicBezTo>
                  <a:cubicBezTo>
                    <a:pt x="43" y="33"/>
                    <a:pt x="42" y="33"/>
                    <a:pt x="42" y="31"/>
                  </a:cubicBezTo>
                  <a:cubicBezTo>
                    <a:pt x="42" y="29"/>
                    <a:pt x="43" y="24"/>
                    <a:pt x="43" y="24"/>
                  </a:cubicBezTo>
                  <a:cubicBezTo>
                    <a:pt x="43" y="24"/>
                    <a:pt x="44" y="26"/>
                    <a:pt x="44" y="23"/>
                  </a:cubicBezTo>
                  <a:cubicBezTo>
                    <a:pt x="44" y="21"/>
                    <a:pt x="45" y="17"/>
                    <a:pt x="44" y="16"/>
                  </a:cubicBezTo>
                  <a:cubicBezTo>
                    <a:pt x="43" y="16"/>
                    <a:pt x="43" y="17"/>
                    <a:pt x="43" y="17"/>
                  </a:cubicBezTo>
                  <a:cubicBezTo>
                    <a:pt x="43" y="17"/>
                    <a:pt x="44" y="7"/>
                    <a:pt x="42" y="5"/>
                  </a:cubicBezTo>
                  <a:cubicBezTo>
                    <a:pt x="40" y="2"/>
                    <a:pt x="37" y="3"/>
                    <a:pt x="37" y="2"/>
                  </a:cubicBezTo>
                  <a:cubicBezTo>
                    <a:pt x="36" y="1"/>
                    <a:pt x="34" y="0"/>
                    <a:pt x="30" y="0"/>
                  </a:cubicBezTo>
                  <a:cubicBezTo>
                    <a:pt x="27" y="0"/>
                    <a:pt x="22" y="1"/>
                    <a:pt x="19" y="5"/>
                  </a:cubicBezTo>
                  <a:cubicBezTo>
                    <a:pt x="17" y="10"/>
                    <a:pt x="16" y="11"/>
                    <a:pt x="17" y="15"/>
                  </a:cubicBezTo>
                  <a:cubicBezTo>
                    <a:pt x="18" y="19"/>
                    <a:pt x="20" y="21"/>
                    <a:pt x="20" y="21"/>
                  </a:cubicBezTo>
                  <a:cubicBezTo>
                    <a:pt x="20" y="21"/>
                    <a:pt x="18" y="20"/>
                    <a:pt x="18" y="22"/>
                  </a:cubicBezTo>
                  <a:cubicBezTo>
                    <a:pt x="18" y="24"/>
                    <a:pt x="20" y="26"/>
                    <a:pt x="20" y="27"/>
                  </a:cubicBezTo>
                  <a:cubicBezTo>
                    <a:pt x="21" y="28"/>
                    <a:pt x="22" y="28"/>
                    <a:pt x="22" y="28"/>
                  </a:cubicBezTo>
                  <a:cubicBezTo>
                    <a:pt x="22" y="28"/>
                    <a:pt x="23" y="29"/>
                    <a:pt x="24" y="31"/>
                  </a:cubicBezTo>
                  <a:cubicBezTo>
                    <a:pt x="24" y="33"/>
                    <a:pt x="25" y="37"/>
                    <a:pt x="25" y="38"/>
                  </a:cubicBezTo>
                  <a:cubicBezTo>
                    <a:pt x="25" y="39"/>
                    <a:pt x="25" y="39"/>
                    <a:pt x="25" y="41"/>
                  </a:cubicBezTo>
                  <a:cubicBezTo>
                    <a:pt x="24" y="42"/>
                    <a:pt x="18" y="45"/>
                    <a:pt x="14" y="47"/>
                  </a:cubicBezTo>
                  <a:cubicBezTo>
                    <a:pt x="10" y="50"/>
                    <a:pt x="6" y="50"/>
                    <a:pt x="5" y="51"/>
                  </a:cubicBezTo>
                  <a:cubicBezTo>
                    <a:pt x="4" y="53"/>
                    <a:pt x="3" y="61"/>
                    <a:pt x="2" y="67"/>
                  </a:cubicBezTo>
                  <a:cubicBezTo>
                    <a:pt x="2" y="73"/>
                    <a:pt x="3" y="83"/>
                    <a:pt x="2" y="91"/>
                  </a:cubicBezTo>
                  <a:cubicBezTo>
                    <a:pt x="2" y="99"/>
                    <a:pt x="0" y="112"/>
                    <a:pt x="0" y="120"/>
                  </a:cubicBezTo>
                  <a:cubicBezTo>
                    <a:pt x="0" y="127"/>
                    <a:pt x="0" y="141"/>
                    <a:pt x="0" y="141"/>
                  </a:cubicBezTo>
                  <a:cubicBezTo>
                    <a:pt x="1" y="141"/>
                    <a:pt x="1" y="141"/>
                    <a:pt x="1" y="141"/>
                  </a:cubicBezTo>
                  <a:cubicBezTo>
                    <a:pt x="1" y="141"/>
                    <a:pt x="1" y="144"/>
                    <a:pt x="1" y="145"/>
                  </a:cubicBezTo>
                  <a:cubicBezTo>
                    <a:pt x="2" y="145"/>
                    <a:pt x="4" y="149"/>
                    <a:pt x="4" y="150"/>
                  </a:cubicBezTo>
                  <a:cubicBezTo>
                    <a:pt x="5" y="151"/>
                    <a:pt x="9" y="154"/>
                    <a:pt x="9" y="154"/>
                  </a:cubicBezTo>
                  <a:cubicBezTo>
                    <a:pt x="10" y="154"/>
                    <a:pt x="11" y="154"/>
                    <a:pt x="11" y="154"/>
                  </a:cubicBezTo>
                  <a:cubicBezTo>
                    <a:pt x="11" y="154"/>
                    <a:pt x="12" y="165"/>
                    <a:pt x="13" y="175"/>
                  </a:cubicBezTo>
                  <a:cubicBezTo>
                    <a:pt x="13" y="184"/>
                    <a:pt x="13" y="190"/>
                    <a:pt x="13" y="197"/>
                  </a:cubicBezTo>
                  <a:cubicBezTo>
                    <a:pt x="13" y="204"/>
                    <a:pt x="12" y="217"/>
                    <a:pt x="13" y="221"/>
                  </a:cubicBezTo>
                  <a:cubicBezTo>
                    <a:pt x="14" y="224"/>
                    <a:pt x="18" y="228"/>
                    <a:pt x="18" y="231"/>
                  </a:cubicBezTo>
                  <a:cubicBezTo>
                    <a:pt x="18" y="234"/>
                    <a:pt x="17" y="238"/>
                    <a:pt x="16" y="241"/>
                  </a:cubicBezTo>
                  <a:cubicBezTo>
                    <a:pt x="16" y="244"/>
                    <a:pt x="16" y="248"/>
                    <a:pt x="16" y="248"/>
                  </a:cubicBezTo>
                  <a:cubicBezTo>
                    <a:pt x="16" y="248"/>
                    <a:pt x="13" y="253"/>
                    <a:pt x="10" y="255"/>
                  </a:cubicBezTo>
                  <a:cubicBezTo>
                    <a:pt x="8" y="257"/>
                    <a:pt x="6" y="259"/>
                    <a:pt x="9" y="260"/>
                  </a:cubicBezTo>
                  <a:cubicBezTo>
                    <a:pt x="12" y="260"/>
                    <a:pt x="16" y="262"/>
                    <a:pt x="21" y="260"/>
                  </a:cubicBezTo>
                  <a:cubicBezTo>
                    <a:pt x="25" y="258"/>
                    <a:pt x="24" y="256"/>
                    <a:pt x="26" y="255"/>
                  </a:cubicBezTo>
                  <a:cubicBezTo>
                    <a:pt x="27" y="254"/>
                    <a:pt x="26" y="256"/>
                    <a:pt x="26" y="256"/>
                  </a:cubicBezTo>
                  <a:cubicBezTo>
                    <a:pt x="26" y="256"/>
                    <a:pt x="27" y="256"/>
                    <a:pt x="30" y="255"/>
                  </a:cubicBezTo>
                  <a:cubicBezTo>
                    <a:pt x="32" y="254"/>
                    <a:pt x="32" y="255"/>
                    <a:pt x="32" y="253"/>
                  </a:cubicBezTo>
                  <a:cubicBezTo>
                    <a:pt x="32" y="251"/>
                    <a:pt x="32" y="247"/>
                    <a:pt x="33" y="245"/>
                  </a:cubicBezTo>
                  <a:cubicBezTo>
                    <a:pt x="34" y="243"/>
                    <a:pt x="34" y="228"/>
                    <a:pt x="33" y="223"/>
                  </a:cubicBezTo>
                  <a:cubicBezTo>
                    <a:pt x="32" y="217"/>
                    <a:pt x="32" y="215"/>
                    <a:pt x="33" y="206"/>
                  </a:cubicBezTo>
                  <a:cubicBezTo>
                    <a:pt x="34" y="198"/>
                    <a:pt x="33" y="183"/>
                    <a:pt x="34" y="177"/>
                  </a:cubicBezTo>
                  <a:cubicBezTo>
                    <a:pt x="35" y="171"/>
                    <a:pt x="36" y="160"/>
                    <a:pt x="37" y="156"/>
                  </a:cubicBezTo>
                  <a:cubicBezTo>
                    <a:pt x="38" y="153"/>
                    <a:pt x="38" y="150"/>
                    <a:pt x="39" y="154"/>
                  </a:cubicBezTo>
                  <a:cubicBezTo>
                    <a:pt x="41" y="158"/>
                    <a:pt x="46" y="170"/>
                    <a:pt x="46" y="172"/>
                  </a:cubicBezTo>
                  <a:cubicBezTo>
                    <a:pt x="47" y="175"/>
                    <a:pt x="50" y="191"/>
                    <a:pt x="51" y="197"/>
                  </a:cubicBezTo>
                  <a:cubicBezTo>
                    <a:pt x="52" y="204"/>
                    <a:pt x="55" y="211"/>
                    <a:pt x="59" y="221"/>
                  </a:cubicBezTo>
                  <a:cubicBezTo>
                    <a:pt x="62" y="230"/>
                    <a:pt x="67" y="239"/>
                    <a:pt x="67" y="242"/>
                  </a:cubicBezTo>
                  <a:cubicBezTo>
                    <a:pt x="67" y="245"/>
                    <a:pt x="67" y="255"/>
                    <a:pt x="67" y="255"/>
                  </a:cubicBezTo>
                  <a:cubicBezTo>
                    <a:pt x="75" y="255"/>
                    <a:pt x="75" y="255"/>
                    <a:pt x="75" y="255"/>
                  </a:cubicBezTo>
                  <a:cubicBezTo>
                    <a:pt x="76" y="254"/>
                    <a:pt x="76" y="254"/>
                    <a:pt x="76" y="254"/>
                  </a:cubicBezTo>
                  <a:cubicBezTo>
                    <a:pt x="76" y="254"/>
                    <a:pt x="80" y="254"/>
                    <a:pt x="82" y="256"/>
                  </a:cubicBezTo>
                  <a:cubicBezTo>
                    <a:pt x="85" y="258"/>
                    <a:pt x="88" y="258"/>
                    <a:pt x="93" y="258"/>
                  </a:cubicBezTo>
                  <a:cubicBezTo>
                    <a:pt x="98" y="258"/>
                    <a:pt x="104" y="257"/>
                    <a:pt x="105" y="256"/>
                  </a:cubicBezTo>
                  <a:cubicBezTo>
                    <a:pt x="105" y="254"/>
                    <a:pt x="104" y="254"/>
                    <a:pt x="100" y="253"/>
                  </a:cubicBezTo>
                  <a:close/>
                  <a:moveTo>
                    <a:pt x="11" y="151"/>
                  </a:moveTo>
                  <a:cubicBezTo>
                    <a:pt x="11" y="151"/>
                    <a:pt x="11" y="151"/>
                    <a:pt x="11" y="151"/>
                  </a:cubicBezTo>
                  <a:cubicBezTo>
                    <a:pt x="11" y="151"/>
                    <a:pt x="10" y="150"/>
                    <a:pt x="9" y="150"/>
                  </a:cubicBezTo>
                  <a:cubicBezTo>
                    <a:pt x="8" y="149"/>
                    <a:pt x="6" y="147"/>
                    <a:pt x="6" y="145"/>
                  </a:cubicBezTo>
                  <a:cubicBezTo>
                    <a:pt x="6" y="143"/>
                    <a:pt x="6" y="141"/>
                    <a:pt x="7" y="141"/>
                  </a:cubicBezTo>
                  <a:cubicBezTo>
                    <a:pt x="8" y="141"/>
                    <a:pt x="8" y="143"/>
                    <a:pt x="9" y="146"/>
                  </a:cubicBezTo>
                  <a:cubicBezTo>
                    <a:pt x="9" y="149"/>
                    <a:pt x="11" y="148"/>
                    <a:pt x="11" y="148"/>
                  </a:cubicBezTo>
                  <a:cubicBezTo>
                    <a:pt x="11" y="151"/>
                    <a:pt x="11" y="151"/>
                    <a:pt x="11" y="151"/>
                  </a:cubicBezTo>
                  <a:cubicBezTo>
                    <a:pt x="11" y="151"/>
                    <a:pt x="11" y="151"/>
                    <a:pt x="11" y="151"/>
                  </a:cubicBezTo>
                  <a:close/>
                  <a:moveTo>
                    <a:pt x="64" y="98"/>
                  </a:moveTo>
                  <a:cubicBezTo>
                    <a:pt x="63" y="93"/>
                    <a:pt x="63" y="86"/>
                    <a:pt x="63" y="86"/>
                  </a:cubicBezTo>
                  <a:cubicBezTo>
                    <a:pt x="63" y="86"/>
                    <a:pt x="64" y="90"/>
                    <a:pt x="65" y="92"/>
                  </a:cubicBezTo>
                  <a:cubicBezTo>
                    <a:pt x="65" y="94"/>
                    <a:pt x="66" y="95"/>
                    <a:pt x="66" y="97"/>
                  </a:cubicBezTo>
                  <a:cubicBezTo>
                    <a:pt x="67" y="98"/>
                    <a:pt x="69" y="100"/>
                    <a:pt x="67" y="102"/>
                  </a:cubicBezTo>
                  <a:cubicBezTo>
                    <a:pt x="65" y="104"/>
                    <a:pt x="63" y="106"/>
                    <a:pt x="63" y="106"/>
                  </a:cubicBezTo>
                  <a:cubicBezTo>
                    <a:pt x="63" y="106"/>
                    <a:pt x="64" y="102"/>
                    <a:pt x="64" y="98"/>
                  </a:cubicBezTo>
                  <a:close/>
                </a:path>
              </a:pathLst>
            </a:custGeom>
            <a:solidFill>
              <a:schemeClr val="tx1">
                <a:lumMod val="75000"/>
                <a:lumOff val="25000"/>
              </a:schemeClr>
            </a:solidFill>
            <a:ln w="3175">
              <a:solidFill>
                <a:srgbClr val="FFFFFF"/>
              </a:solidFill>
            </a:ln>
            <a:extLst/>
          </p:spPr>
          <p:txBody>
            <a:bodyPr anchor="t" anchorCtr="0" bIns="45720" compatLnSpc="1" lIns="91440" numCol="1" rIns="91440" tIns="45720" vert="horz" wrap="square">
              <a:prstTxWarp prst="textNoShape">
                <a:avLst/>
              </a:prstTxWarp>
            </a:bodyPr>
            <a:lstStyle/>
            <a:p>
              <a:endParaRPr altLang="en-US" lang="zh-CN"/>
            </a:p>
          </p:txBody>
        </p:sp>
        <p:sp>
          <p:nvSpPr>
            <p:cNvPr id="123" name="Freeform 125"/>
            <p:cNvSpPr/>
            <p:nvPr/>
          </p:nvSpPr>
          <p:spPr bwMode="auto">
            <a:xfrm>
              <a:off x="6536166" y="3037574"/>
              <a:ext cx="175555" cy="291349"/>
            </a:xfrm>
            <a:custGeom>
              <a:gdLst>
                <a:gd fmla="*/ 20 w 20" name="T0"/>
                <a:gd fmla="*/ 3 h 33" name="T1"/>
                <a:gd fmla="*/ 20 w 20" name="T2"/>
                <a:gd fmla="*/ 2 h 33" name="T3"/>
                <a:gd fmla="*/ 18 w 20" name="T4"/>
                <a:gd fmla="*/ 0 h 33" name="T5"/>
                <a:gd fmla="*/ 7 w 20" name="T6"/>
                <a:gd fmla="*/ 12 h 33" name="T7"/>
                <a:gd fmla="*/ 4 w 20" name="T8"/>
                <a:gd fmla="*/ 10 h 33" name="T9"/>
                <a:gd fmla="*/ 1 w 20" name="T10"/>
                <a:gd fmla="*/ 6 h 33" name="T11"/>
                <a:gd fmla="*/ 1 w 20" name="T12"/>
                <a:gd fmla="*/ 9 h 33" name="T13"/>
                <a:gd fmla="*/ 0 w 20" name="T14"/>
                <a:gd fmla="*/ 9 h 33" name="T15"/>
                <a:gd fmla="*/ 1 w 20" name="T16"/>
                <a:gd fmla="*/ 12 h 33" name="T17"/>
                <a:gd fmla="*/ 2 w 20" name="T18"/>
                <a:gd fmla="*/ 22 h 33" name="T19"/>
                <a:gd fmla="*/ 4 w 20" name="T20"/>
                <a:gd fmla="*/ 33 h 33" name="T21"/>
                <a:gd fmla="*/ 4 w 20" name="T22"/>
                <a:gd fmla="*/ 25 h 33" name="T23"/>
                <a:gd fmla="*/ 5 w 20" name="T24"/>
                <a:gd fmla="*/ 20 h 33" name="T25"/>
                <a:gd fmla="*/ 3 w 20" name="T26"/>
                <a:gd fmla="*/ 16 h 33" name="T27"/>
                <a:gd fmla="*/ 2 w 20" name="T28"/>
                <a:gd fmla="*/ 17 h 33" name="T29"/>
                <a:gd fmla="*/ 3 w 20" name="T30"/>
                <a:gd fmla="*/ 14 h 33" name="T31"/>
                <a:gd fmla="*/ 6 w 20" name="T32"/>
                <a:gd fmla="*/ 12 h 33" name="T33"/>
                <a:gd fmla="*/ 7 w 20" name="T34"/>
                <a:gd fmla="*/ 12 h 33" name="T35"/>
                <a:gd fmla="*/ 11 w 20" name="T36"/>
                <a:gd fmla="*/ 14 h 33" name="T37"/>
                <a:gd fmla="*/ 14 w 20" name="T38"/>
                <a:gd fmla="*/ 16 h 33" name="T39"/>
                <a:gd fmla="*/ 11 w 20" name="T40"/>
                <a:gd fmla="*/ 14 h 33" name="T41"/>
                <a:gd fmla="*/ 9 w 20" name="T42"/>
                <a:gd fmla="*/ 20 h 33" name="T43"/>
                <a:gd fmla="*/ 10 w 20" name="T44"/>
                <a:gd fmla="*/ 23 h 33" name="T45"/>
                <a:gd fmla="*/ 11 w 20" name="T46"/>
                <a:gd fmla="*/ 24 h 33" name="T47"/>
                <a:gd fmla="*/ 13 w 20" name="T48"/>
                <a:gd fmla="*/ 18 h 33" name="T49"/>
                <a:gd fmla="*/ 17 w 20" name="T50"/>
                <a:gd fmla="*/ 9 h 33" name="T51"/>
                <a:gd fmla="*/ 20 w 20" name="T52"/>
                <a:gd fmla="*/ 3 h 33" name="T5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b="b" l="0" r="r" t="0"/>
              <a:pathLst>
                <a:path h="33" w="20">
                  <a:moveTo>
                    <a:pt x="20" y="3"/>
                  </a:moveTo>
                  <a:cubicBezTo>
                    <a:pt x="20" y="3"/>
                    <a:pt x="20" y="3"/>
                    <a:pt x="20" y="2"/>
                  </a:cubicBezTo>
                  <a:cubicBezTo>
                    <a:pt x="19" y="2"/>
                    <a:pt x="18" y="1"/>
                    <a:pt x="18" y="0"/>
                  </a:cubicBezTo>
                  <a:cubicBezTo>
                    <a:pt x="16" y="3"/>
                    <a:pt x="8" y="12"/>
                    <a:pt x="7" y="12"/>
                  </a:cubicBezTo>
                  <a:cubicBezTo>
                    <a:pt x="7" y="12"/>
                    <a:pt x="6" y="12"/>
                    <a:pt x="4" y="10"/>
                  </a:cubicBezTo>
                  <a:cubicBezTo>
                    <a:pt x="3" y="9"/>
                    <a:pt x="2" y="7"/>
                    <a:pt x="1" y="6"/>
                  </a:cubicBezTo>
                  <a:cubicBezTo>
                    <a:pt x="1" y="7"/>
                    <a:pt x="1" y="7"/>
                    <a:pt x="1" y="9"/>
                  </a:cubicBezTo>
                  <a:cubicBezTo>
                    <a:pt x="1" y="9"/>
                    <a:pt x="0" y="9"/>
                    <a:pt x="0" y="9"/>
                  </a:cubicBezTo>
                  <a:cubicBezTo>
                    <a:pt x="1" y="10"/>
                    <a:pt x="1" y="11"/>
                    <a:pt x="1" y="12"/>
                  </a:cubicBezTo>
                  <a:cubicBezTo>
                    <a:pt x="2" y="14"/>
                    <a:pt x="2" y="19"/>
                    <a:pt x="2" y="22"/>
                  </a:cubicBezTo>
                  <a:cubicBezTo>
                    <a:pt x="3" y="26"/>
                    <a:pt x="4" y="33"/>
                    <a:pt x="4" y="33"/>
                  </a:cubicBezTo>
                  <a:cubicBezTo>
                    <a:pt x="4" y="33"/>
                    <a:pt x="3" y="28"/>
                    <a:pt x="4" y="25"/>
                  </a:cubicBezTo>
                  <a:cubicBezTo>
                    <a:pt x="5" y="23"/>
                    <a:pt x="6" y="22"/>
                    <a:pt x="5" y="20"/>
                  </a:cubicBezTo>
                  <a:cubicBezTo>
                    <a:pt x="5" y="19"/>
                    <a:pt x="3" y="16"/>
                    <a:pt x="3" y="16"/>
                  </a:cubicBezTo>
                  <a:cubicBezTo>
                    <a:pt x="2" y="17"/>
                    <a:pt x="2" y="17"/>
                    <a:pt x="2" y="17"/>
                  </a:cubicBezTo>
                  <a:cubicBezTo>
                    <a:pt x="2" y="17"/>
                    <a:pt x="2" y="15"/>
                    <a:pt x="3" y="14"/>
                  </a:cubicBezTo>
                  <a:cubicBezTo>
                    <a:pt x="4" y="13"/>
                    <a:pt x="6" y="12"/>
                    <a:pt x="6" y="12"/>
                  </a:cubicBezTo>
                  <a:cubicBezTo>
                    <a:pt x="7" y="12"/>
                    <a:pt x="7" y="12"/>
                    <a:pt x="7" y="12"/>
                  </a:cubicBezTo>
                  <a:cubicBezTo>
                    <a:pt x="8" y="12"/>
                    <a:pt x="9" y="13"/>
                    <a:pt x="11" y="14"/>
                  </a:cubicBezTo>
                  <a:cubicBezTo>
                    <a:pt x="12" y="15"/>
                    <a:pt x="14" y="16"/>
                    <a:pt x="14" y="16"/>
                  </a:cubicBezTo>
                  <a:cubicBezTo>
                    <a:pt x="11" y="14"/>
                    <a:pt x="11" y="14"/>
                    <a:pt x="11" y="14"/>
                  </a:cubicBezTo>
                  <a:cubicBezTo>
                    <a:pt x="11" y="14"/>
                    <a:pt x="9" y="20"/>
                    <a:pt x="9" y="20"/>
                  </a:cubicBezTo>
                  <a:cubicBezTo>
                    <a:pt x="9" y="21"/>
                    <a:pt x="9" y="22"/>
                    <a:pt x="10" y="23"/>
                  </a:cubicBezTo>
                  <a:cubicBezTo>
                    <a:pt x="11" y="24"/>
                    <a:pt x="11" y="24"/>
                    <a:pt x="11" y="24"/>
                  </a:cubicBezTo>
                  <a:cubicBezTo>
                    <a:pt x="11" y="24"/>
                    <a:pt x="12" y="20"/>
                    <a:pt x="13" y="18"/>
                  </a:cubicBezTo>
                  <a:cubicBezTo>
                    <a:pt x="14" y="15"/>
                    <a:pt x="15" y="12"/>
                    <a:pt x="17" y="9"/>
                  </a:cubicBezTo>
                  <a:cubicBezTo>
                    <a:pt x="18" y="7"/>
                    <a:pt x="20" y="5"/>
                    <a:pt x="20" y="3"/>
                  </a:cubicBezTo>
                  <a:close/>
                </a:path>
              </a:pathLst>
            </a:custGeom>
            <a:solidFill>
              <a:srgbClr val="FFFFFF"/>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sp>
        <p:nvSpPr>
          <p:cNvPr id="117" name="文本框 14"/>
          <p:cNvSpPr txBox="1"/>
          <p:nvPr/>
        </p:nvSpPr>
        <p:spPr>
          <a:xfrm>
            <a:off x="7769297" y="2906259"/>
            <a:ext cx="1351128" cy="335280"/>
          </a:xfrm>
          <a:prstGeom prst="rect">
            <a:avLst/>
          </a:prstGeom>
          <a:noFill/>
        </p:spPr>
        <p:txBody>
          <a:bodyPr rtlCol="0" wrap="square">
            <a:spAutoFit/>
          </a:bodyPr>
          <a:lstStyle/>
          <a:p>
            <a:pPr algn="ctr"/>
            <a:r>
              <a:rPr altLang="en-US" lang="zh-CN" sz="1600">
                <a:solidFill>
                  <a:schemeClr val="tx1">
                    <a:lumMod val="75000"/>
                    <a:lumOff val="25000"/>
                  </a:schemeClr>
                </a:solidFill>
                <a:latin charset="-122" panose="020b0503020204020204" pitchFamily="34" typeface="微软雅黑"/>
                <a:ea charset="-122" panose="020b0503020204020204" pitchFamily="34" typeface="微软雅黑"/>
              </a:rPr>
              <a:t>请输入文本</a:t>
            </a:r>
          </a:p>
        </p:txBody>
      </p:sp>
      <p:sp>
        <p:nvSpPr>
          <p:cNvPr id="118" name="文本框 58"/>
          <p:cNvSpPr txBox="1"/>
          <p:nvPr/>
        </p:nvSpPr>
        <p:spPr>
          <a:xfrm>
            <a:off x="975544" y="2906259"/>
            <a:ext cx="1351128" cy="335280"/>
          </a:xfrm>
          <a:prstGeom prst="rect">
            <a:avLst/>
          </a:prstGeom>
          <a:noFill/>
        </p:spPr>
        <p:txBody>
          <a:bodyPr rtlCol="0" wrap="square">
            <a:spAutoFit/>
          </a:bodyPr>
          <a:lstStyle/>
          <a:p>
            <a:pPr algn="ctr"/>
            <a:r>
              <a:rPr altLang="en-US" lang="zh-CN" sz="1600">
                <a:solidFill>
                  <a:schemeClr val="tx1">
                    <a:lumMod val="75000"/>
                    <a:lumOff val="25000"/>
                  </a:schemeClr>
                </a:solidFill>
                <a:latin charset="-122" panose="020b0503020204020204" pitchFamily="34" typeface="微软雅黑"/>
                <a:ea charset="-122" panose="020b0503020204020204" pitchFamily="34" typeface="微软雅黑"/>
              </a:rPr>
              <a:t>请输入文本</a:t>
            </a:r>
          </a:p>
        </p:txBody>
      </p:sp>
      <p:sp>
        <p:nvSpPr>
          <p:cNvPr id="119" name="文本框 59"/>
          <p:cNvSpPr txBox="1"/>
          <p:nvPr/>
        </p:nvSpPr>
        <p:spPr>
          <a:xfrm>
            <a:off x="4306280" y="3698978"/>
            <a:ext cx="1351128" cy="335280"/>
          </a:xfrm>
          <a:prstGeom prst="rect">
            <a:avLst/>
          </a:prstGeom>
          <a:noFill/>
        </p:spPr>
        <p:txBody>
          <a:bodyPr rtlCol="0" wrap="square">
            <a:spAutoFit/>
          </a:bodyPr>
          <a:lstStyle/>
          <a:p>
            <a:pPr algn="ctr"/>
            <a:r>
              <a:rPr altLang="en-US" lang="zh-CN" sz="1600">
                <a:solidFill>
                  <a:schemeClr val="tx1">
                    <a:lumMod val="75000"/>
                    <a:lumOff val="25000"/>
                  </a:schemeClr>
                </a:solidFill>
                <a:latin charset="-122" panose="020b0503020204020204" pitchFamily="34" typeface="微软雅黑"/>
                <a:ea charset="-122" panose="020b0503020204020204" pitchFamily="34" typeface="微软雅黑"/>
              </a:rPr>
              <a:t>请输入文本</a:t>
            </a:r>
          </a:p>
        </p:txBody>
      </p:sp>
      <p:sp>
        <p:nvSpPr>
          <p:cNvPr id="120" name="文本框 60"/>
          <p:cNvSpPr txBox="1"/>
          <p:nvPr/>
        </p:nvSpPr>
        <p:spPr>
          <a:xfrm>
            <a:off x="2888385" y="4583076"/>
            <a:ext cx="1351128" cy="335280"/>
          </a:xfrm>
          <a:prstGeom prst="rect">
            <a:avLst/>
          </a:prstGeom>
          <a:noFill/>
        </p:spPr>
        <p:txBody>
          <a:bodyPr rtlCol="0" wrap="square">
            <a:spAutoFit/>
          </a:bodyPr>
          <a:lstStyle/>
          <a:p>
            <a:pPr algn="ctr"/>
            <a:r>
              <a:rPr altLang="en-US" lang="zh-CN" sz="1600">
                <a:solidFill>
                  <a:schemeClr val="tx1">
                    <a:lumMod val="75000"/>
                    <a:lumOff val="25000"/>
                  </a:schemeClr>
                </a:solidFill>
                <a:latin charset="-122" panose="020b0503020204020204" pitchFamily="34" typeface="微软雅黑"/>
                <a:ea charset="-122" panose="020b0503020204020204" pitchFamily="34" typeface="微软雅黑"/>
              </a:rPr>
              <a:t>请输入文本</a:t>
            </a:r>
          </a:p>
        </p:txBody>
      </p:sp>
      <p:sp>
        <p:nvSpPr>
          <p:cNvPr id="121" name="文本框 61"/>
          <p:cNvSpPr txBox="1"/>
          <p:nvPr/>
        </p:nvSpPr>
        <p:spPr>
          <a:xfrm>
            <a:off x="5461081" y="4583076"/>
            <a:ext cx="1351128" cy="335280"/>
          </a:xfrm>
          <a:prstGeom prst="rect">
            <a:avLst/>
          </a:prstGeom>
          <a:noFill/>
        </p:spPr>
        <p:txBody>
          <a:bodyPr rtlCol="0" wrap="square">
            <a:spAutoFit/>
          </a:bodyPr>
          <a:lstStyle/>
          <a:p>
            <a:pPr algn="ctr"/>
            <a:r>
              <a:rPr altLang="en-US" lang="zh-CN" sz="1600">
                <a:solidFill>
                  <a:schemeClr val="tx1">
                    <a:lumMod val="75000"/>
                    <a:lumOff val="25000"/>
                  </a:schemeClr>
                </a:solidFill>
                <a:latin charset="-122" panose="020b0503020204020204" pitchFamily="34" typeface="微软雅黑"/>
                <a:ea charset="-122" panose="020b0503020204020204" pitchFamily="34" typeface="微软雅黑"/>
              </a:rPr>
              <a:t>请输入文本</a:t>
            </a:r>
          </a:p>
        </p:txBody>
      </p:sp>
    </p:spTree>
    <p:extLst>
      <p:ext uri="{BB962C8B-B14F-4D97-AF65-F5344CB8AC3E}">
        <p14:creationId val="918155150"/>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1" presetSubtype="1">
                                  <p:stCondLst>
                                    <p:cond delay="0"/>
                                  </p:stCondLst>
                                  <p:childTnLst>
                                    <p:set>
                                      <p:cBhvr>
                                        <p:cTn dur="1" fill="hold" id="6">
                                          <p:stCondLst>
                                            <p:cond delay="0"/>
                                          </p:stCondLst>
                                        </p:cTn>
                                        <p:tgtEl>
                                          <p:spTgt spid="147"/>
                                        </p:tgtEl>
                                        <p:attrNameLst>
                                          <p:attrName>style.visibility</p:attrName>
                                        </p:attrNameLst>
                                      </p:cBhvr>
                                      <p:to>
                                        <p:strVal val="visible"/>
                                      </p:to>
                                    </p:set>
                                    <p:animEffect filter="wheel(1)" transition="in">
                                      <p:cBhvr>
                                        <p:cTn dur="1500" id="7"/>
                                        <p:tgtEl>
                                          <p:spTgt spid="147"/>
                                        </p:tgtEl>
                                      </p:cBhvr>
                                    </p:animEffect>
                                  </p:childTnLst>
                                </p:cTn>
                              </p:par>
                            </p:childTnLst>
                          </p:cTn>
                        </p:par>
                        <p:par>
                          <p:cTn fill="hold" id="8" nodeType="afterGroup">
                            <p:stCondLst>
                              <p:cond delay="1500"/>
                            </p:stCondLst>
                            <p:childTnLst>
                              <p:par>
                                <p:cTn fill="hold" id="9" nodeType="afterEffect" presetClass="entr" presetID="47" presetSubtype="0">
                                  <p:stCondLst>
                                    <p:cond delay="0"/>
                                  </p:stCondLst>
                                  <p:childTnLst>
                                    <p:set>
                                      <p:cBhvr>
                                        <p:cTn dur="1" fill="hold" id="10">
                                          <p:stCondLst>
                                            <p:cond delay="0"/>
                                          </p:stCondLst>
                                        </p:cTn>
                                        <p:tgtEl>
                                          <p:spTgt spid="108"/>
                                        </p:tgtEl>
                                        <p:attrNameLst>
                                          <p:attrName>style.visibility</p:attrName>
                                        </p:attrNameLst>
                                      </p:cBhvr>
                                      <p:to>
                                        <p:strVal val="visible"/>
                                      </p:to>
                                    </p:set>
                                    <p:animEffect filter="fade" transition="in">
                                      <p:cBhvr>
                                        <p:cTn dur="1000" id="11"/>
                                        <p:tgtEl>
                                          <p:spTgt spid="108"/>
                                        </p:tgtEl>
                                      </p:cBhvr>
                                    </p:animEffect>
                                    <p:anim calcmode="lin" valueType="num">
                                      <p:cBhvr>
                                        <p:cTn dur="1000" fill="hold" id="12"/>
                                        <p:tgtEl>
                                          <p:spTgt spid="108"/>
                                        </p:tgtEl>
                                        <p:attrNameLst>
                                          <p:attrName>ppt_x</p:attrName>
                                        </p:attrNameLst>
                                      </p:cBhvr>
                                      <p:tavLst>
                                        <p:tav tm="0">
                                          <p:val>
                                            <p:strVal val="#ppt_x"/>
                                          </p:val>
                                        </p:tav>
                                        <p:tav tm="100000">
                                          <p:val>
                                            <p:strVal val="#ppt_x"/>
                                          </p:val>
                                        </p:tav>
                                      </p:tavLst>
                                    </p:anim>
                                    <p:anim calcmode="lin" valueType="num">
                                      <p:cBhvr>
                                        <p:cTn dur="1000" fill="hold" id="13"/>
                                        <p:tgtEl>
                                          <p:spTgt spid="108"/>
                                        </p:tgtEl>
                                        <p:attrNameLst>
                                          <p:attrName>ppt_y</p:attrName>
                                        </p:attrNameLst>
                                      </p:cBhvr>
                                      <p:tavLst>
                                        <p:tav tm="0">
                                          <p:val>
                                            <p:strVal val="#ppt_y-.1"/>
                                          </p:val>
                                        </p:tav>
                                        <p:tav tm="100000">
                                          <p:val>
                                            <p:strVal val="#ppt_y"/>
                                          </p:val>
                                        </p:tav>
                                      </p:tavLst>
                                    </p:anim>
                                  </p:childTnLst>
                                </p:cTn>
                              </p:par>
                            </p:childTnLst>
                          </p:cTn>
                        </p:par>
                        <p:par>
                          <p:cTn fill="hold" id="14" nodeType="afterGroup">
                            <p:stCondLst>
                              <p:cond delay="2500"/>
                            </p:stCondLst>
                            <p:childTnLst>
                              <p:par>
                                <p:cTn fill="hold" grpId="0" id="15" nodeType="afterEffect" presetClass="entr" presetID="10" presetSubtype="0">
                                  <p:stCondLst>
                                    <p:cond delay="0"/>
                                  </p:stCondLst>
                                  <p:childTnLst>
                                    <p:set>
                                      <p:cBhvr>
                                        <p:cTn dur="1" fill="hold" id="16">
                                          <p:stCondLst>
                                            <p:cond delay="0"/>
                                          </p:stCondLst>
                                        </p:cTn>
                                        <p:tgtEl>
                                          <p:spTgt spid="118"/>
                                        </p:tgtEl>
                                        <p:attrNameLst>
                                          <p:attrName>style.visibility</p:attrName>
                                        </p:attrNameLst>
                                      </p:cBhvr>
                                      <p:to>
                                        <p:strVal val="visible"/>
                                      </p:to>
                                    </p:set>
                                    <p:animEffect filter="fade" transition="in">
                                      <p:cBhvr>
                                        <p:cTn dur="500" id="17"/>
                                        <p:tgtEl>
                                          <p:spTgt spid="118"/>
                                        </p:tgtEl>
                                      </p:cBhvr>
                                    </p:animEffect>
                                  </p:childTnLst>
                                </p:cTn>
                              </p:par>
                            </p:childTnLst>
                          </p:cTn>
                        </p:par>
                        <p:par>
                          <p:cTn fill="hold" id="18" nodeType="afterGroup">
                            <p:stCondLst>
                              <p:cond delay="3000"/>
                            </p:stCondLst>
                            <p:childTnLst>
                              <p:par>
                                <p:cTn fill="hold" id="19" nodeType="afterEffect" presetClass="entr" presetID="47" presetSubtype="0">
                                  <p:stCondLst>
                                    <p:cond delay="0"/>
                                  </p:stCondLst>
                                  <p:childTnLst>
                                    <p:set>
                                      <p:cBhvr>
                                        <p:cTn dur="1" fill="hold" id="20">
                                          <p:stCondLst>
                                            <p:cond delay="0"/>
                                          </p:stCondLst>
                                        </p:cTn>
                                        <p:tgtEl>
                                          <p:spTgt spid="113"/>
                                        </p:tgtEl>
                                        <p:attrNameLst>
                                          <p:attrName>style.visibility</p:attrName>
                                        </p:attrNameLst>
                                      </p:cBhvr>
                                      <p:to>
                                        <p:strVal val="visible"/>
                                      </p:to>
                                    </p:set>
                                    <p:animEffect filter="fade" transition="in">
                                      <p:cBhvr>
                                        <p:cTn dur="1000" id="21"/>
                                        <p:tgtEl>
                                          <p:spTgt spid="113"/>
                                        </p:tgtEl>
                                      </p:cBhvr>
                                    </p:animEffect>
                                    <p:anim calcmode="lin" valueType="num">
                                      <p:cBhvr>
                                        <p:cTn dur="1000" fill="hold" id="22"/>
                                        <p:tgtEl>
                                          <p:spTgt spid="113"/>
                                        </p:tgtEl>
                                        <p:attrNameLst>
                                          <p:attrName>ppt_x</p:attrName>
                                        </p:attrNameLst>
                                      </p:cBhvr>
                                      <p:tavLst>
                                        <p:tav tm="0">
                                          <p:val>
                                            <p:strVal val="#ppt_x"/>
                                          </p:val>
                                        </p:tav>
                                        <p:tav tm="100000">
                                          <p:val>
                                            <p:strVal val="#ppt_x"/>
                                          </p:val>
                                        </p:tav>
                                      </p:tavLst>
                                    </p:anim>
                                    <p:anim calcmode="lin" valueType="num">
                                      <p:cBhvr>
                                        <p:cTn dur="1000" fill="hold" id="23"/>
                                        <p:tgtEl>
                                          <p:spTgt spid="113"/>
                                        </p:tgtEl>
                                        <p:attrNameLst>
                                          <p:attrName>ppt_y</p:attrName>
                                        </p:attrNameLst>
                                      </p:cBhvr>
                                      <p:tavLst>
                                        <p:tav tm="0">
                                          <p:val>
                                            <p:strVal val="#ppt_y-.1"/>
                                          </p:val>
                                        </p:tav>
                                        <p:tav tm="100000">
                                          <p:val>
                                            <p:strVal val="#ppt_y"/>
                                          </p:val>
                                        </p:tav>
                                      </p:tavLst>
                                    </p:anim>
                                  </p:childTnLst>
                                </p:cTn>
                              </p:par>
                            </p:childTnLst>
                          </p:cTn>
                        </p:par>
                        <p:par>
                          <p:cTn fill="hold" id="24" nodeType="afterGroup">
                            <p:stCondLst>
                              <p:cond delay="4000"/>
                            </p:stCondLst>
                            <p:childTnLst>
                              <p:par>
                                <p:cTn fill="hold" grpId="0" id="25" nodeType="afterEffect" presetClass="entr" presetID="10" presetSubtype="0">
                                  <p:stCondLst>
                                    <p:cond delay="0"/>
                                  </p:stCondLst>
                                  <p:childTnLst>
                                    <p:set>
                                      <p:cBhvr>
                                        <p:cTn dur="1" fill="hold" id="26">
                                          <p:stCondLst>
                                            <p:cond delay="0"/>
                                          </p:stCondLst>
                                        </p:cTn>
                                        <p:tgtEl>
                                          <p:spTgt spid="120"/>
                                        </p:tgtEl>
                                        <p:attrNameLst>
                                          <p:attrName>style.visibility</p:attrName>
                                        </p:attrNameLst>
                                      </p:cBhvr>
                                      <p:to>
                                        <p:strVal val="visible"/>
                                      </p:to>
                                    </p:set>
                                    <p:animEffect filter="fade" transition="in">
                                      <p:cBhvr>
                                        <p:cTn dur="500" id="27"/>
                                        <p:tgtEl>
                                          <p:spTgt spid="120"/>
                                        </p:tgtEl>
                                      </p:cBhvr>
                                    </p:animEffect>
                                  </p:childTnLst>
                                </p:cTn>
                              </p:par>
                            </p:childTnLst>
                          </p:cTn>
                        </p:par>
                        <p:par>
                          <p:cTn fill="hold" id="28" nodeType="afterGroup">
                            <p:stCondLst>
                              <p:cond delay="4500"/>
                            </p:stCondLst>
                            <p:childTnLst>
                              <p:par>
                                <p:cTn fill="hold" id="29" nodeType="afterEffect" presetClass="entr" presetID="47" presetSubtype="0">
                                  <p:stCondLst>
                                    <p:cond delay="0"/>
                                  </p:stCondLst>
                                  <p:childTnLst>
                                    <p:set>
                                      <p:cBhvr>
                                        <p:cTn dur="1" fill="hold" id="30">
                                          <p:stCondLst>
                                            <p:cond delay="0"/>
                                          </p:stCondLst>
                                        </p:cTn>
                                        <p:tgtEl>
                                          <p:spTgt spid="111"/>
                                        </p:tgtEl>
                                        <p:attrNameLst>
                                          <p:attrName>style.visibility</p:attrName>
                                        </p:attrNameLst>
                                      </p:cBhvr>
                                      <p:to>
                                        <p:strVal val="visible"/>
                                      </p:to>
                                    </p:set>
                                    <p:animEffect filter="fade" transition="in">
                                      <p:cBhvr>
                                        <p:cTn dur="1000" id="31"/>
                                        <p:tgtEl>
                                          <p:spTgt spid="111"/>
                                        </p:tgtEl>
                                      </p:cBhvr>
                                    </p:animEffect>
                                    <p:anim calcmode="lin" valueType="num">
                                      <p:cBhvr>
                                        <p:cTn dur="1000" fill="hold" id="32"/>
                                        <p:tgtEl>
                                          <p:spTgt spid="111"/>
                                        </p:tgtEl>
                                        <p:attrNameLst>
                                          <p:attrName>ppt_x</p:attrName>
                                        </p:attrNameLst>
                                      </p:cBhvr>
                                      <p:tavLst>
                                        <p:tav tm="0">
                                          <p:val>
                                            <p:strVal val="#ppt_x"/>
                                          </p:val>
                                        </p:tav>
                                        <p:tav tm="100000">
                                          <p:val>
                                            <p:strVal val="#ppt_x"/>
                                          </p:val>
                                        </p:tav>
                                      </p:tavLst>
                                    </p:anim>
                                    <p:anim calcmode="lin" valueType="num">
                                      <p:cBhvr>
                                        <p:cTn dur="1000" fill="hold" id="33"/>
                                        <p:tgtEl>
                                          <p:spTgt spid="111"/>
                                        </p:tgtEl>
                                        <p:attrNameLst>
                                          <p:attrName>ppt_y</p:attrName>
                                        </p:attrNameLst>
                                      </p:cBhvr>
                                      <p:tavLst>
                                        <p:tav tm="0">
                                          <p:val>
                                            <p:strVal val="#ppt_y-.1"/>
                                          </p:val>
                                        </p:tav>
                                        <p:tav tm="100000">
                                          <p:val>
                                            <p:strVal val="#ppt_y"/>
                                          </p:val>
                                        </p:tav>
                                      </p:tavLst>
                                    </p:anim>
                                  </p:childTnLst>
                                </p:cTn>
                              </p:par>
                            </p:childTnLst>
                          </p:cTn>
                        </p:par>
                        <p:par>
                          <p:cTn fill="hold" id="34" nodeType="afterGroup">
                            <p:stCondLst>
                              <p:cond delay="5500"/>
                            </p:stCondLst>
                            <p:childTnLst>
                              <p:par>
                                <p:cTn fill="hold" grpId="0" id="35" nodeType="afterEffect" presetClass="entr" presetID="10" presetSubtype="0">
                                  <p:stCondLst>
                                    <p:cond delay="0"/>
                                  </p:stCondLst>
                                  <p:childTnLst>
                                    <p:set>
                                      <p:cBhvr>
                                        <p:cTn dur="1" fill="hold" id="36">
                                          <p:stCondLst>
                                            <p:cond delay="0"/>
                                          </p:stCondLst>
                                        </p:cTn>
                                        <p:tgtEl>
                                          <p:spTgt spid="119"/>
                                        </p:tgtEl>
                                        <p:attrNameLst>
                                          <p:attrName>style.visibility</p:attrName>
                                        </p:attrNameLst>
                                      </p:cBhvr>
                                      <p:to>
                                        <p:strVal val="visible"/>
                                      </p:to>
                                    </p:set>
                                    <p:animEffect filter="fade" transition="in">
                                      <p:cBhvr>
                                        <p:cTn dur="500" id="37"/>
                                        <p:tgtEl>
                                          <p:spTgt spid="119"/>
                                        </p:tgtEl>
                                      </p:cBhvr>
                                    </p:animEffect>
                                  </p:childTnLst>
                                </p:cTn>
                              </p:par>
                            </p:childTnLst>
                          </p:cTn>
                        </p:par>
                        <p:par>
                          <p:cTn fill="hold" id="38" nodeType="afterGroup">
                            <p:stCondLst>
                              <p:cond delay="6000"/>
                            </p:stCondLst>
                            <p:childTnLst>
                              <p:par>
                                <p:cTn fill="hold" id="39" nodeType="afterEffect" presetClass="entr" presetID="47" presetSubtype="0">
                                  <p:stCondLst>
                                    <p:cond delay="0"/>
                                  </p:stCondLst>
                                  <p:childTnLst>
                                    <p:set>
                                      <p:cBhvr>
                                        <p:cTn dur="1" fill="hold" id="40">
                                          <p:stCondLst>
                                            <p:cond delay="0"/>
                                          </p:stCondLst>
                                        </p:cTn>
                                        <p:tgtEl>
                                          <p:spTgt spid="115"/>
                                        </p:tgtEl>
                                        <p:attrNameLst>
                                          <p:attrName>style.visibility</p:attrName>
                                        </p:attrNameLst>
                                      </p:cBhvr>
                                      <p:to>
                                        <p:strVal val="visible"/>
                                      </p:to>
                                    </p:set>
                                    <p:animEffect filter="fade" transition="in">
                                      <p:cBhvr>
                                        <p:cTn dur="1000" id="41"/>
                                        <p:tgtEl>
                                          <p:spTgt spid="115"/>
                                        </p:tgtEl>
                                      </p:cBhvr>
                                    </p:animEffect>
                                    <p:anim calcmode="lin" valueType="num">
                                      <p:cBhvr>
                                        <p:cTn dur="1000" fill="hold" id="42"/>
                                        <p:tgtEl>
                                          <p:spTgt spid="115"/>
                                        </p:tgtEl>
                                        <p:attrNameLst>
                                          <p:attrName>ppt_x</p:attrName>
                                        </p:attrNameLst>
                                      </p:cBhvr>
                                      <p:tavLst>
                                        <p:tav tm="0">
                                          <p:val>
                                            <p:strVal val="#ppt_x"/>
                                          </p:val>
                                        </p:tav>
                                        <p:tav tm="100000">
                                          <p:val>
                                            <p:strVal val="#ppt_x"/>
                                          </p:val>
                                        </p:tav>
                                      </p:tavLst>
                                    </p:anim>
                                    <p:anim calcmode="lin" valueType="num">
                                      <p:cBhvr>
                                        <p:cTn dur="1000" fill="hold" id="43"/>
                                        <p:tgtEl>
                                          <p:spTgt spid="115"/>
                                        </p:tgtEl>
                                        <p:attrNameLst>
                                          <p:attrName>ppt_y</p:attrName>
                                        </p:attrNameLst>
                                      </p:cBhvr>
                                      <p:tavLst>
                                        <p:tav tm="0">
                                          <p:val>
                                            <p:strVal val="#ppt_y-.1"/>
                                          </p:val>
                                        </p:tav>
                                        <p:tav tm="100000">
                                          <p:val>
                                            <p:strVal val="#ppt_y"/>
                                          </p:val>
                                        </p:tav>
                                      </p:tavLst>
                                    </p:anim>
                                  </p:childTnLst>
                                </p:cTn>
                              </p:par>
                            </p:childTnLst>
                          </p:cTn>
                        </p:par>
                        <p:par>
                          <p:cTn fill="hold" id="44" nodeType="afterGroup">
                            <p:stCondLst>
                              <p:cond delay="7000"/>
                            </p:stCondLst>
                            <p:childTnLst>
                              <p:par>
                                <p:cTn fill="hold" grpId="0" id="45" nodeType="afterEffect" presetClass="entr" presetID="10" presetSubtype="0">
                                  <p:stCondLst>
                                    <p:cond delay="0"/>
                                  </p:stCondLst>
                                  <p:childTnLst>
                                    <p:set>
                                      <p:cBhvr>
                                        <p:cTn dur="1" fill="hold" id="46">
                                          <p:stCondLst>
                                            <p:cond delay="0"/>
                                          </p:stCondLst>
                                        </p:cTn>
                                        <p:tgtEl>
                                          <p:spTgt spid="121"/>
                                        </p:tgtEl>
                                        <p:attrNameLst>
                                          <p:attrName>style.visibility</p:attrName>
                                        </p:attrNameLst>
                                      </p:cBhvr>
                                      <p:to>
                                        <p:strVal val="visible"/>
                                      </p:to>
                                    </p:set>
                                    <p:animEffect filter="fade" transition="in">
                                      <p:cBhvr>
                                        <p:cTn dur="500" id="47"/>
                                        <p:tgtEl>
                                          <p:spTgt spid="121"/>
                                        </p:tgtEl>
                                      </p:cBhvr>
                                    </p:animEffect>
                                  </p:childTnLst>
                                </p:cTn>
                              </p:par>
                            </p:childTnLst>
                          </p:cTn>
                        </p:par>
                        <p:par>
                          <p:cTn fill="hold" id="48" nodeType="afterGroup">
                            <p:stCondLst>
                              <p:cond delay="7500"/>
                            </p:stCondLst>
                            <p:childTnLst>
                              <p:par>
                                <p:cTn fill="hold" id="49" nodeType="afterEffect" presetClass="entr" presetID="47" presetSubtype="0">
                                  <p:stCondLst>
                                    <p:cond delay="0"/>
                                  </p:stCondLst>
                                  <p:childTnLst>
                                    <p:set>
                                      <p:cBhvr>
                                        <p:cTn dur="1" fill="hold" id="50">
                                          <p:stCondLst>
                                            <p:cond delay="0"/>
                                          </p:stCondLst>
                                        </p:cTn>
                                        <p:tgtEl>
                                          <p:spTgt spid="116"/>
                                        </p:tgtEl>
                                        <p:attrNameLst>
                                          <p:attrName>style.visibility</p:attrName>
                                        </p:attrNameLst>
                                      </p:cBhvr>
                                      <p:to>
                                        <p:strVal val="visible"/>
                                      </p:to>
                                    </p:set>
                                    <p:animEffect filter="fade" transition="in">
                                      <p:cBhvr>
                                        <p:cTn dur="1000" id="51"/>
                                        <p:tgtEl>
                                          <p:spTgt spid="116"/>
                                        </p:tgtEl>
                                      </p:cBhvr>
                                    </p:animEffect>
                                    <p:anim calcmode="lin" valueType="num">
                                      <p:cBhvr>
                                        <p:cTn dur="1000" fill="hold" id="52"/>
                                        <p:tgtEl>
                                          <p:spTgt spid="116"/>
                                        </p:tgtEl>
                                        <p:attrNameLst>
                                          <p:attrName>ppt_x</p:attrName>
                                        </p:attrNameLst>
                                      </p:cBhvr>
                                      <p:tavLst>
                                        <p:tav tm="0">
                                          <p:val>
                                            <p:strVal val="#ppt_x"/>
                                          </p:val>
                                        </p:tav>
                                        <p:tav tm="100000">
                                          <p:val>
                                            <p:strVal val="#ppt_x"/>
                                          </p:val>
                                        </p:tav>
                                      </p:tavLst>
                                    </p:anim>
                                    <p:anim calcmode="lin" valueType="num">
                                      <p:cBhvr>
                                        <p:cTn dur="1000" fill="hold" id="53"/>
                                        <p:tgtEl>
                                          <p:spTgt spid="116"/>
                                        </p:tgtEl>
                                        <p:attrNameLst>
                                          <p:attrName>ppt_y</p:attrName>
                                        </p:attrNameLst>
                                      </p:cBhvr>
                                      <p:tavLst>
                                        <p:tav tm="0">
                                          <p:val>
                                            <p:strVal val="#ppt_y-.1"/>
                                          </p:val>
                                        </p:tav>
                                        <p:tav tm="100000">
                                          <p:val>
                                            <p:strVal val="#ppt_y"/>
                                          </p:val>
                                        </p:tav>
                                      </p:tavLst>
                                    </p:anim>
                                  </p:childTnLst>
                                </p:cTn>
                              </p:par>
                            </p:childTnLst>
                          </p:cTn>
                        </p:par>
                        <p:par>
                          <p:cTn fill="hold" id="54" nodeType="afterGroup">
                            <p:stCondLst>
                              <p:cond delay="8500"/>
                            </p:stCondLst>
                            <p:childTnLst>
                              <p:par>
                                <p:cTn fill="hold" grpId="0" id="55" nodeType="afterEffect" presetClass="entr" presetID="10" presetSubtype="0">
                                  <p:stCondLst>
                                    <p:cond delay="0"/>
                                  </p:stCondLst>
                                  <p:childTnLst>
                                    <p:set>
                                      <p:cBhvr>
                                        <p:cTn dur="1" fill="hold" id="56">
                                          <p:stCondLst>
                                            <p:cond delay="0"/>
                                          </p:stCondLst>
                                        </p:cTn>
                                        <p:tgtEl>
                                          <p:spTgt spid="117"/>
                                        </p:tgtEl>
                                        <p:attrNameLst>
                                          <p:attrName>style.visibility</p:attrName>
                                        </p:attrNameLst>
                                      </p:cBhvr>
                                      <p:to>
                                        <p:strVal val="visible"/>
                                      </p:to>
                                    </p:set>
                                    <p:animEffect filter="fade" transition="in">
                                      <p:cBhvr>
                                        <p:cTn dur="500" id="57"/>
                                        <p:tgtEl>
                                          <p:spTgt spid="117"/>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117"/>
      <p:bldP grpId="0" spid="118"/>
      <p:bldP grpId="0" spid="119"/>
      <p:bldP grpId="0" spid="120"/>
      <p:bldP grpId="0" spid="121"/>
    </p:bldLst>
  </p:timing>
</p:sld>
</file>

<file path=ppt/slides/slide21.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66" name="组合 65"/>
          <p:cNvGrpSpPr/>
          <p:nvPr/>
        </p:nvGrpSpPr>
        <p:grpSpPr>
          <a:xfrm>
            <a:off x="3331505" y="1273603"/>
            <a:ext cx="3598106" cy="3598104"/>
            <a:chOff x="2823505" y="1273603"/>
            <a:chExt cx="3598106" cy="3598104"/>
          </a:xfrm>
        </p:grpSpPr>
        <p:grpSp>
          <p:nvGrpSpPr>
            <p:cNvPr id="65" name="组合 64"/>
            <p:cNvGrpSpPr/>
            <p:nvPr/>
          </p:nvGrpSpPr>
          <p:grpSpPr>
            <a:xfrm>
              <a:off x="2823505" y="1273603"/>
              <a:ext cx="3598106" cy="3598104"/>
              <a:chOff x="2823505" y="1273603"/>
              <a:chExt cx="3598106" cy="3598104"/>
            </a:xfrm>
          </p:grpSpPr>
          <p:sp>
            <p:nvSpPr>
              <p:cNvPr id="2" name="椭圆 1"/>
              <p:cNvSpPr/>
              <p:nvPr/>
            </p:nvSpPr>
            <p:spPr>
              <a:xfrm>
                <a:off x="2823505" y="1273603"/>
                <a:ext cx="3598106" cy="3598104"/>
              </a:xfrm>
              <a:prstGeom prst="ellipse">
                <a:avLst/>
              </a:prstGeom>
              <a:noFill/>
              <a:ln w="19050">
                <a:solidFill>
                  <a:srgbClr val="00544A"/>
                </a:solidFill>
                <a:prstDash val="sysDot"/>
              </a:ln>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useBgFill="1">
            <p:nvSpPr>
              <p:cNvPr id="4" name="椭圆 3"/>
              <p:cNvSpPr/>
              <p:nvPr/>
            </p:nvSpPr>
            <p:spPr>
              <a:xfrm>
                <a:off x="2973950" y="1424048"/>
                <a:ext cx="3297217" cy="3297215"/>
              </a:xfrm>
              <a:prstGeom prst="ellipse">
                <a:avLst/>
              </a:prstGeom>
              <a:grpFill/>
              <a:ln cap="rnd" w="9525">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grpSp>
          <p:nvGrpSpPr>
            <p:cNvPr id="11" name="组合 10"/>
            <p:cNvGrpSpPr/>
            <p:nvPr/>
          </p:nvGrpSpPr>
          <p:grpSpPr>
            <a:xfrm>
              <a:off x="3486781" y="1908608"/>
              <a:ext cx="2295312" cy="2295316"/>
              <a:chOff x="4723759" y="1114821"/>
              <a:chExt cx="2958730" cy="2958734"/>
            </a:xfrm>
            <a:noFill/>
          </p:grpSpPr>
          <p:grpSp>
            <p:nvGrpSpPr>
              <p:cNvPr id="12" name="组合 11"/>
              <p:cNvGrpSpPr/>
              <p:nvPr/>
            </p:nvGrpSpPr>
            <p:grpSpPr>
              <a:xfrm rot="7200000">
                <a:off x="4723758" y="1739191"/>
                <a:ext cx="2958731" cy="1709997"/>
                <a:chOff x="8115005" y="603349"/>
                <a:chExt cx="2958731" cy="1709997"/>
              </a:xfrm>
              <a:grpFill/>
            </p:grpSpPr>
            <p:sp useBgFill="1">
              <p:nvSpPr>
                <p:cNvPr id="19" name="任意多边形 18"/>
                <p:cNvSpPr/>
                <p:nvPr/>
              </p:nvSpPr>
              <p:spPr>
                <a:xfrm>
                  <a:off x="8115005" y="603349"/>
                  <a:ext cx="2958731" cy="855001"/>
                </a:xfrm>
                <a:custGeom>
                  <a:gdLst>
                    <a:gd fmla="*/ 2958730 w 2958730" name="connsiteX0"/>
                    <a:gd fmla="*/ 0 h 855000" name="connsiteY0"/>
                    <a:gd fmla="*/ 2897324 w 2958730" name="connsiteX1"/>
                    <a:gd fmla="*/ 101077 h 855000" name="connsiteY1"/>
                    <a:gd fmla="*/ 1479365 w 2958730" name="connsiteX2"/>
                    <a:gd fmla="*/ 855000 h 855000" name="connsiteY2"/>
                    <a:gd fmla="*/ 61406 w 2958730" name="connsiteX3"/>
                    <a:gd fmla="*/ 101077 h 855000" name="connsiteY3"/>
                    <a:gd fmla="*/ 0 w 2958730" name="connsiteX4"/>
                    <a:gd fmla="*/ 0 h 855000" name="connsiteY4"/>
                    <a:gd fmla="*/ 61406 w 2958730" name="connsiteX5"/>
                    <a:gd fmla="*/ 0 h 956077" name="connsiteY5"/>
                    <a:gd fmla="*/ 1612899 w 2958730" name="connsiteX6"/>
                    <a:gd fmla="*/ 32017 h 1608482" name="connsiteY6"/>
                    <a:gd fmla="*/ 1612899 w 2958730" name="connsiteX7"/>
                    <a:gd fmla="*/ 32017 h 1608482" name="connsiteY7"/>
                    <a:gd fmla="*/ 1612899 w 2958730" name="connsiteX8"/>
                    <a:gd fmla="*/ 133535 h 1710000" name="connsiteY8"/>
                  </a:gdLst>
                  <a:cxnLst>
                    <a:cxn ang="0">
                      <a:pos x="connsiteX0" y="connsiteY0"/>
                    </a:cxn>
                    <a:cxn ang="0">
                      <a:pos x="connsiteX1" y="connsiteY1"/>
                    </a:cxn>
                    <a:cxn ang="0">
                      <a:pos x="connsiteX2" y="connsiteY2"/>
                    </a:cxn>
                    <a:cxn ang="0">
                      <a:pos x="connsiteX3" y="connsiteY3"/>
                    </a:cxn>
                    <a:cxn ang="0">
                      <a:pos x="connsiteX4" y="connsiteY4"/>
                    </a:cxn>
                  </a:cxnLst>
                  <a:rect b="b" l="l" r="r" t="t"/>
                  <a:pathLst>
                    <a:path h="855000" w="2958730">
                      <a:moveTo>
                        <a:pt x="2958730" y="0"/>
                      </a:moveTo>
                      <a:lnTo>
                        <a:pt x="2897324" y="101077"/>
                      </a:lnTo>
                      <a:cubicBezTo>
                        <a:pt x="2590025" y="555940"/>
                        <a:pt x="2069619" y="855000"/>
                        <a:pt x="1479365" y="855000"/>
                      </a:cubicBezTo>
                      <a:cubicBezTo>
                        <a:pt x="889111" y="855000"/>
                        <a:pt x="368706" y="555940"/>
                        <a:pt x="61406" y="101077"/>
                      </a:cubicBezTo>
                      <a:lnTo>
                        <a:pt x="0" y="0"/>
                      </a:lnTo>
                    </a:path>
                  </a:pathLst>
                </a:custGeom>
                <a:grpFill/>
                <a:ln cap="rnd" w="9525">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useBgFill="1">
              <p:nvSpPr>
                <p:cNvPr id="20" name="任意多边形 19"/>
                <p:cNvSpPr/>
                <p:nvPr/>
              </p:nvSpPr>
              <p:spPr>
                <a:xfrm>
                  <a:off x="8115005" y="1458345"/>
                  <a:ext cx="2958731" cy="855001"/>
                </a:xfrm>
                <a:custGeom>
                  <a:gdLst>
                    <a:gd fmla="*/ 0 w 2958730" name="connsiteX0"/>
                    <a:gd fmla="*/ 855000 h 855000" name="connsiteY0"/>
                    <a:gd fmla="*/ 61406 w 2958730" name="connsiteX1"/>
                    <a:gd fmla="*/ 753923 h 855000" name="connsiteY1"/>
                    <a:gd fmla="*/ 1479365 w 2958730" name="connsiteX2"/>
                    <a:gd fmla="*/ 0 h 855000" name="connsiteY2"/>
                    <a:gd fmla="*/ 2897324 w 2958730" name="connsiteX3"/>
                    <a:gd fmla="*/ 753923 h 855000" name="connsiteY3"/>
                    <a:gd fmla="*/ 2958730 w 2958730" name="connsiteX4"/>
                    <a:gd fmla="*/ 855000 h 855000" name="connsiteY4"/>
                    <a:gd fmla="*/ 2897324 w 2958730" name="connsiteX5"/>
                    <a:gd fmla="*/ 956077 h 956077" name="connsiteY5"/>
                    <a:gd fmla="*/ 1612899 w 2958730" name="connsiteX6"/>
                    <a:gd fmla="*/ 1843535 h 1843535" name="connsiteY6"/>
                    <a:gd fmla="*/ 1612899 w 2958730" name="connsiteX7"/>
                    <a:gd fmla="*/ 1843535 h 1843535" name="connsiteY7"/>
                    <a:gd fmla="*/ 1612899 w 2958730" name="connsiteX8"/>
                    <a:gd fmla="*/ 1843535 h 1843535" name="connsiteY8"/>
                  </a:gdLst>
                  <a:cxnLst>
                    <a:cxn ang="0">
                      <a:pos x="connsiteX0" y="connsiteY0"/>
                    </a:cxn>
                    <a:cxn ang="0">
                      <a:pos x="connsiteX1" y="connsiteY1"/>
                    </a:cxn>
                    <a:cxn ang="0">
                      <a:pos x="connsiteX2" y="connsiteY2"/>
                    </a:cxn>
                    <a:cxn ang="0">
                      <a:pos x="connsiteX3" y="connsiteY3"/>
                    </a:cxn>
                    <a:cxn ang="0">
                      <a:pos x="connsiteX4" y="connsiteY4"/>
                    </a:cxn>
                  </a:cxnLst>
                  <a:rect b="b" l="l" r="r" t="t"/>
                  <a:pathLst>
                    <a:path h="855000" w="2958730">
                      <a:moveTo>
                        <a:pt x="0" y="855000"/>
                      </a:moveTo>
                      <a:lnTo>
                        <a:pt x="61406" y="753923"/>
                      </a:lnTo>
                      <a:cubicBezTo>
                        <a:pt x="368706" y="299060"/>
                        <a:pt x="889111" y="0"/>
                        <a:pt x="1479365" y="0"/>
                      </a:cubicBezTo>
                      <a:cubicBezTo>
                        <a:pt x="2069619" y="0"/>
                        <a:pt x="2590025" y="299060"/>
                        <a:pt x="2897324" y="753923"/>
                      </a:cubicBezTo>
                      <a:lnTo>
                        <a:pt x="2958730" y="855000"/>
                      </a:lnTo>
                    </a:path>
                  </a:pathLst>
                </a:custGeom>
                <a:grpFill/>
                <a:ln cap="rnd" w="9525">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grpSp>
            <p:nvGrpSpPr>
              <p:cNvPr id="13" name="组合 12"/>
              <p:cNvGrpSpPr/>
              <p:nvPr/>
            </p:nvGrpSpPr>
            <p:grpSpPr>
              <a:xfrm rot="14400000">
                <a:off x="4723755" y="1739188"/>
                <a:ext cx="2958734" cy="1710000"/>
                <a:chOff x="8115002" y="603345"/>
                <a:chExt cx="2958734" cy="1710000"/>
              </a:xfrm>
              <a:grpFill/>
            </p:grpSpPr>
            <p:sp useBgFill="1">
              <p:nvSpPr>
                <p:cNvPr id="17" name="任意多边形 16"/>
                <p:cNvSpPr/>
                <p:nvPr/>
              </p:nvSpPr>
              <p:spPr>
                <a:xfrm>
                  <a:off x="8115004" y="603345"/>
                  <a:ext cx="2958732" cy="855001"/>
                </a:xfrm>
                <a:custGeom>
                  <a:gdLst>
                    <a:gd fmla="*/ 2958730 w 2958730" name="connsiteX0"/>
                    <a:gd fmla="*/ 0 h 855000" name="connsiteY0"/>
                    <a:gd fmla="*/ 2897324 w 2958730" name="connsiteX1"/>
                    <a:gd fmla="*/ 101077 h 855000" name="connsiteY1"/>
                    <a:gd fmla="*/ 1479365 w 2958730" name="connsiteX2"/>
                    <a:gd fmla="*/ 855000 h 855000" name="connsiteY2"/>
                    <a:gd fmla="*/ 61406 w 2958730" name="connsiteX3"/>
                    <a:gd fmla="*/ 101077 h 855000" name="connsiteY3"/>
                    <a:gd fmla="*/ 0 w 2958730" name="connsiteX4"/>
                    <a:gd fmla="*/ 0 h 855000" name="connsiteY4"/>
                    <a:gd fmla="*/ 61406 w 2958730" name="connsiteX5"/>
                    <a:gd fmla="*/ 0 h 956077" name="connsiteY5"/>
                    <a:gd fmla="*/ 1612900 w 2958730" name="connsiteX6"/>
                    <a:gd fmla="*/ 32017 h 1608482" name="connsiteY6"/>
                    <a:gd fmla="*/ 1612900 w 2958730" name="connsiteX7"/>
                    <a:gd fmla="*/ 32017 h 1608482" name="connsiteY7"/>
                    <a:gd fmla="*/ 1612900 w 2958730" name="connsiteX8"/>
                    <a:gd fmla="*/ 133535 h 1710000" name="connsiteY8"/>
                  </a:gdLst>
                  <a:cxnLst>
                    <a:cxn ang="0">
                      <a:pos x="connsiteX0" y="connsiteY0"/>
                    </a:cxn>
                    <a:cxn ang="0">
                      <a:pos x="connsiteX1" y="connsiteY1"/>
                    </a:cxn>
                    <a:cxn ang="0">
                      <a:pos x="connsiteX2" y="connsiteY2"/>
                    </a:cxn>
                    <a:cxn ang="0">
                      <a:pos x="connsiteX3" y="connsiteY3"/>
                    </a:cxn>
                    <a:cxn ang="0">
                      <a:pos x="connsiteX4" y="connsiteY4"/>
                    </a:cxn>
                  </a:cxnLst>
                  <a:rect b="b" l="l" r="r" t="t"/>
                  <a:pathLst>
                    <a:path h="855000" w="2958730">
                      <a:moveTo>
                        <a:pt x="2958730" y="0"/>
                      </a:moveTo>
                      <a:lnTo>
                        <a:pt x="2897324" y="101077"/>
                      </a:lnTo>
                      <a:cubicBezTo>
                        <a:pt x="2590025" y="555940"/>
                        <a:pt x="2069619" y="855000"/>
                        <a:pt x="1479365" y="855000"/>
                      </a:cubicBezTo>
                      <a:cubicBezTo>
                        <a:pt x="889111" y="855000"/>
                        <a:pt x="368706" y="555940"/>
                        <a:pt x="61406" y="101077"/>
                      </a:cubicBezTo>
                      <a:lnTo>
                        <a:pt x="0" y="0"/>
                      </a:lnTo>
                    </a:path>
                  </a:pathLst>
                </a:custGeom>
                <a:grpFill/>
                <a:ln cap="rnd" w="9525">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useBgFill="1">
              <p:nvSpPr>
                <p:cNvPr id="18" name="任意多边形 17"/>
                <p:cNvSpPr/>
                <p:nvPr/>
              </p:nvSpPr>
              <p:spPr>
                <a:xfrm>
                  <a:off x="8115002" y="1458344"/>
                  <a:ext cx="2958730" cy="855001"/>
                </a:xfrm>
                <a:custGeom>
                  <a:gdLst>
                    <a:gd fmla="*/ 0 w 2958730" name="connsiteX0"/>
                    <a:gd fmla="*/ 855000 h 855000" name="connsiteY0"/>
                    <a:gd fmla="*/ 61406 w 2958730" name="connsiteX1"/>
                    <a:gd fmla="*/ 753923 h 855000" name="connsiteY1"/>
                    <a:gd fmla="*/ 1479365 w 2958730" name="connsiteX2"/>
                    <a:gd fmla="*/ 0 h 855000" name="connsiteY2"/>
                    <a:gd fmla="*/ 2897324 w 2958730" name="connsiteX3"/>
                    <a:gd fmla="*/ 753923 h 855000" name="connsiteY3"/>
                    <a:gd fmla="*/ 2958730 w 2958730" name="connsiteX4"/>
                    <a:gd fmla="*/ 855000 h 855000" name="connsiteY4"/>
                    <a:gd fmla="*/ 2958730 w 2958730" name="connsiteX5"/>
                    <a:gd fmla="*/ 855000 h 956077" name="connsiteY5"/>
                    <a:gd fmla="*/ 2958730 w 2958730" name="connsiteX6"/>
                    <a:gd fmla="*/ 855000 h 1710000" name="connsiteY6"/>
                    <a:gd fmla="*/ 2897324 w 2958730" name="connsiteX7"/>
                    <a:gd fmla="*/ 956077 h 1710000" name="connsiteY7"/>
                    <a:gd fmla="*/ 1612900 w 2958730" name="connsiteX8"/>
                    <a:gd fmla="*/ 1843535 h 1843535" name="connsiteY8"/>
                  </a:gdLst>
                  <a:cxnLst>
                    <a:cxn ang="0">
                      <a:pos x="connsiteX0" y="connsiteY0"/>
                    </a:cxn>
                    <a:cxn ang="0">
                      <a:pos x="connsiteX1" y="connsiteY1"/>
                    </a:cxn>
                    <a:cxn ang="0">
                      <a:pos x="connsiteX2" y="connsiteY2"/>
                    </a:cxn>
                    <a:cxn ang="0">
                      <a:pos x="connsiteX3" y="connsiteY3"/>
                    </a:cxn>
                    <a:cxn ang="0">
                      <a:pos x="connsiteX4" y="connsiteY4"/>
                    </a:cxn>
                  </a:cxnLst>
                  <a:rect b="b" l="l" r="r" t="t"/>
                  <a:pathLst>
                    <a:path h="855000" w="2958730">
                      <a:moveTo>
                        <a:pt x="0" y="855000"/>
                      </a:moveTo>
                      <a:lnTo>
                        <a:pt x="61406" y="753923"/>
                      </a:lnTo>
                      <a:cubicBezTo>
                        <a:pt x="368706" y="299060"/>
                        <a:pt x="889111" y="0"/>
                        <a:pt x="1479365" y="0"/>
                      </a:cubicBezTo>
                      <a:cubicBezTo>
                        <a:pt x="2069619" y="0"/>
                        <a:pt x="2590025" y="299060"/>
                        <a:pt x="2897324" y="753923"/>
                      </a:cubicBezTo>
                      <a:lnTo>
                        <a:pt x="2958730" y="855000"/>
                      </a:lnTo>
                    </a:path>
                  </a:pathLst>
                </a:custGeom>
                <a:grpFill/>
                <a:ln cap="rnd" w="9525">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grpSp>
            <p:nvGrpSpPr>
              <p:cNvPr id="14" name="组合 13"/>
              <p:cNvGrpSpPr/>
              <p:nvPr/>
            </p:nvGrpSpPr>
            <p:grpSpPr>
              <a:xfrm>
                <a:off x="4723759" y="1739189"/>
                <a:ext cx="2958730" cy="1710000"/>
                <a:chOff x="8115003" y="603348"/>
                <a:chExt cx="2958730" cy="1710000"/>
              </a:xfrm>
              <a:grpFill/>
            </p:grpSpPr>
            <p:sp useBgFill="1">
              <p:nvSpPr>
                <p:cNvPr id="15" name="任意多边形 14"/>
                <p:cNvSpPr/>
                <p:nvPr/>
              </p:nvSpPr>
              <p:spPr>
                <a:xfrm>
                  <a:off x="8115003" y="603348"/>
                  <a:ext cx="2958730" cy="855001"/>
                </a:xfrm>
                <a:custGeom>
                  <a:gdLst>
                    <a:gd fmla="*/ 2958730 w 2958730" name="connsiteX0"/>
                    <a:gd fmla="*/ 0 h 855000" name="connsiteY0"/>
                    <a:gd fmla="*/ 2897324 w 2958730" name="connsiteX1"/>
                    <a:gd fmla="*/ 101077 h 855000" name="connsiteY1"/>
                    <a:gd fmla="*/ 1479365 w 2958730" name="connsiteX2"/>
                    <a:gd fmla="*/ 855000 h 855000" name="connsiteY2"/>
                    <a:gd fmla="*/ 61406 w 2958730" name="connsiteX3"/>
                    <a:gd fmla="*/ 101077 h 855000" name="connsiteY3"/>
                    <a:gd fmla="*/ 0 w 2958730" name="connsiteX4"/>
                    <a:gd fmla="*/ 0 h 855000" name="connsiteY4"/>
                    <a:gd fmla="*/ 0 w 2958730" name="connsiteX5"/>
                    <a:gd fmla="*/ 101077 h 956077" name="connsiteY5"/>
                    <a:gd fmla="*/ 0 w 2958730" name="connsiteX6"/>
                    <a:gd fmla="*/ 855000 h 1710000" name="connsiteY6"/>
                    <a:gd fmla="*/ 61406 w 2958730" name="connsiteX7"/>
                    <a:gd fmla="*/ 753923 h 1710000" name="connsiteY7"/>
                    <a:gd fmla="*/ 1612900 w 2958730" name="connsiteX8"/>
                    <a:gd fmla="*/ 133535 h 1710000" name="connsiteY8"/>
                  </a:gdLst>
                  <a:cxnLst>
                    <a:cxn ang="0">
                      <a:pos x="connsiteX0" y="connsiteY0"/>
                    </a:cxn>
                    <a:cxn ang="0">
                      <a:pos x="connsiteX1" y="connsiteY1"/>
                    </a:cxn>
                    <a:cxn ang="0">
                      <a:pos x="connsiteX2" y="connsiteY2"/>
                    </a:cxn>
                    <a:cxn ang="0">
                      <a:pos x="connsiteX3" y="connsiteY3"/>
                    </a:cxn>
                    <a:cxn ang="0">
                      <a:pos x="connsiteX4" y="connsiteY4"/>
                    </a:cxn>
                  </a:cxnLst>
                  <a:rect b="b" l="l" r="r" t="t"/>
                  <a:pathLst>
                    <a:path h="855000" w="2958730">
                      <a:moveTo>
                        <a:pt x="2958730" y="0"/>
                      </a:moveTo>
                      <a:lnTo>
                        <a:pt x="2897324" y="101077"/>
                      </a:lnTo>
                      <a:cubicBezTo>
                        <a:pt x="2590025" y="555940"/>
                        <a:pt x="2069619" y="855000"/>
                        <a:pt x="1479365" y="855000"/>
                      </a:cubicBezTo>
                      <a:cubicBezTo>
                        <a:pt x="889111" y="855000"/>
                        <a:pt x="368706" y="555940"/>
                        <a:pt x="61406" y="101077"/>
                      </a:cubicBezTo>
                      <a:lnTo>
                        <a:pt x="0" y="0"/>
                      </a:lnTo>
                    </a:path>
                  </a:pathLst>
                </a:custGeom>
                <a:grpFill/>
                <a:ln cap="rnd" w="9525">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useBgFill="1">
              <p:nvSpPr>
                <p:cNvPr id="16" name="任意多边形 15"/>
                <p:cNvSpPr/>
                <p:nvPr/>
              </p:nvSpPr>
              <p:spPr>
                <a:xfrm>
                  <a:off x="8115003" y="1458347"/>
                  <a:ext cx="2958730" cy="855001"/>
                </a:xfrm>
                <a:custGeom>
                  <a:gdLst>
                    <a:gd fmla="*/ 0 w 2958730" name="connsiteX0"/>
                    <a:gd fmla="*/ 855000 h 855001" name="connsiteY0"/>
                    <a:gd fmla="*/ 61406 w 2958730" name="connsiteX1"/>
                    <a:gd fmla="*/ 753923 h 855001" name="connsiteY1"/>
                    <a:gd fmla="*/ 1479365 w 2958730" name="connsiteX2"/>
                    <a:gd fmla="*/ 0 h 855001" name="connsiteY2"/>
                    <a:gd fmla="*/ 2897324 w 2958730" name="connsiteX3"/>
                    <a:gd fmla="*/ 753923 h 855001" name="connsiteY3"/>
                    <a:gd fmla="*/ 2958730 w 2958730" name="connsiteX4"/>
                    <a:gd fmla="*/ 855000 h 855001" name="connsiteY4"/>
                    <a:gd fmla="*/ 2958730 w 2958730" name="connsiteX5"/>
                    <a:gd fmla="*/ 855000 h 1710000" name="connsiteY5"/>
                    <a:gd fmla="*/ 1612900 w 2958730" name="connsiteX6"/>
                    <a:gd fmla="*/ 1843535 h 1843535" name="connsiteY6"/>
                    <a:gd fmla="*/ 1479365 w 2958730" name="connsiteX7"/>
                    <a:gd fmla="*/ 0 h 1710643" name="connsiteY7"/>
                    <a:gd fmla="*/ 1479365 w 2958730" name="connsiteX8"/>
                    <a:gd fmla="*/ 0 h 1710000" name="connsiteY8"/>
                  </a:gdLst>
                  <a:cxnLst>
                    <a:cxn ang="0">
                      <a:pos x="connsiteX0" y="connsiteY0"/>
                    </a:cxn>
                    <a:cxn ang="0">
                      <a:pos x="connsiteX1" y="connsiteY1"/>
                    </a:cxn>
                    <a:cxn ang="0">
                      <a:pos x="connsiteX2" y="connsiteY2"/>
                    </a:cxn>
                    <a:cxn ang="0">
                      <a:pos x="connsiteX3" y="connsiteY3"/>
                    </a:cxn>
                    <a:cxn ang="0">
                      <a:pos x="connsiteX4" y="connsiteY4"/>
                    </a:cxn>
                  </a:cxnLst>
                  <a:rect b="b" l="l" r="r" t="t"/>
                  <a:pathLst>
                    <a:path h="855000" w="2958730">
                      <a:moveTo>
                        <a:pt x="0" y="855000"/>
                      </a:moveTo>
                      <a:lnTo>
                        <a:pt x="61406" y="753923"/>
                      </a:lnTo>
                      <a:cubicBezTo>
                        <a:pt x="368706" y="299060"/>
                        <a:pt x="889111" y="0"/>
                        <a:pt x="1479365" y="0"/>
                      </a:cubicBezTo>
                      <a:cubicBezTo>
                        <a:pt x="2069619" y="0"/>
                        <a:pt x="2590025" y="299060"/>
                        <a:pt x="2897324" y="753923"/>
                      </a:cubicBezTo>
                      <a:lnTo>
                        <a:pt x="2958730" y="855000"/>
                      </a:lnTo>
                    </a:path>
                  </a:pathLst>
                </a:custGeom>
                <a:grpFill/>
                <a:ln cap="rnd" w="9525">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grpSp>
      </p:grpSp>
      <p:grpSp>
        <p:nvGrpSpPr>
          <p:cNvPr id="69" name="组合 68"/>
          <p:cNvGrpSpPr/>
          <p:nvPr/>
        </p:nvGrpSpPr>
        <p:grpSpPr>
          <a:xfrm>
            <a:off x="6255669" y="3579827"/>
            <a:ext cx="592872" cy="592872"/>
            <a:chOff x="5747669" y="3579827"/>
            <a:chExt cx="592872" cy="592872"/>
          </a:xfrm>
        </p:grpSpPr>
        <p:sp useBgFill="1">
          <p:nvSpPr>
            <p:cNvPr id="5" name="椭圆 4"/>
            <p:cNvSpPr/>
            <p:nvPr/>
          </p:nvSpPr>
          <p:spPr>
            <a:xfrm rot="7200000">
              <a:off x="5747669" y="3579827"/>
              <a:ext cx="592872" cy="592872"/>
            </a:xfrm>
            <a:prstGeom prst="ellipse">
              <a:avLst/>
            </a:prstGeom>
            <a:solidFill>
              <a:schemeClr val="bg1"/>
            </a:solidFill>
            <a:ln>
              <a:solidFill>
                <a:srgbClr val="00544A"/>
              </a:solidFill>
            </a:ln>
            <a:effectLst>
              <a:outerShdw algn="t" blurRad="101600" dir="5400000" dist="38100"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7" name="Freeform 67"/>
            <p:cNvSpPr>
              <a:spLocks noEditPoints="1"/>
            </p:cNvSpPr>
            <p:nvPr/>
          </p:nvSpPr>
          <p:spPr bwMode="auto">
            <a:xfrm>
              <a:off x="5919152" y="3687574"/>
              <a:ext cx="257450" cy="377379"/>
            </a:xfrm>
            <a:custGeom>
              <a:gdLst>
                <a:gd fmla="*/ 20 w 77" name="T0"/>
                <a:gd fmla="*/ 37 h 113" name="T1"/>
                <a:gd fmla="*/ 20 w 77" name="T2"/>
                <a:gd fmla="*/ 12 h 113" name="T3"/>
                <a:gd fmla="*/ 57 w 77" name="T4"/>
                <a:gd fmla="*/ 12 h 113" name="T5"/>
                <a:gd fmla="*/ 56 w 77" name="T6"/>
                <a:gd fmla="*/ 36 h 113" name="T7"/>
                <a:gd fmla="*/ 52 w 77" name="T8"/>
                <a:gd fmla="*/ 47 h 113" name="T9"/>
                <a:gd fmla="*/ 38 w 77" name="T10"/>
                <a:gd fmla="*/ 54 h 113" name="T11"/>
                <a:gd fmla="*/ 38 w 77" name="T12"/>
                <a:gd fmla="*/ 54 h 113" name="T13"/>
                <a:gd fmla="*/ 25 w 77" name="T14"/>
                <a:gd fmla="*/ 47 h 113" name="T15"/>
                <a:gd fmla="*/ 20 w 77" name="T16"/>
                <a:gd fmla="*/ 37 h 113" name="T17"/>
                <a:gd fmla="*/ 12 w 77" name="T18"/>
                <a:gd fmla="*/ 108 h 113" name="T19"/>
                <a:gd fmla="*/ 66 w 77" name="T20"/>
                <a:gd fmla="*/ 108 h 113" name="T21"/>
                <a:gd fmla="*/ 63 w 77" name="T22"/>
                <a:gd fmla="*/ 113 h 113" name="T23"/>
                <a:gd fmla="*/ 15 w 77" name="T24"/>
                <a:gd fmla="*/ 113 h 113" name="T25"/>
                <a:gd fmla="*/ 12 w 77" name="T26"/>
                <a:gd fmla="*/ 108 h 113" name="T27"/>
                <a:gd fmla="*/ 69 w 77" name="T28"/>
                <a:gd fmla="*/ 67 h 113" name="T29"/>
                <a:gd fmla="*/ 75 w 77" name="T30"/>
                <a:gd fmla="*/ 90 h 113" name="T31"/>
                <a:gd fmla="*/ 67 w 77" name="T32"/>
                <a:gd fmla="*/ 104 h 113" name="T33"/>
                <a:gd fmla="*/ 65 w 77" name="T34"/>
                <a:gd fmla="*/ 104 h 113" name="T35"/>
                <a:gd fmla="*/ 65 w 77" name="T36"/>
                <a:gd fmla="*/ 73 h 113" name="T37"/>
                <a:gd fmla="*/ 41 w 77" name="T38"/>
                <a:gd fmla="*/ 73 h 113" name="T39"/>
                <a:gd fmla="*/ 48 w 77" name="T40"/>
                <a:gd fmla="*/ 57 h 113" name="T41"/>
                <a:gd fmla="*/ 50 w 77" name="T42"/>
                <a:gd fmla="*/ 55 h 113" name="T43"/>
                <a:gd fmla="*/ 64 w 77" name="T44"/>
                <a:gd fmla="*/ 58 h 113" name="T45"/>
                <a:gd fmla="*/ 65 w 77" name="T46"/>
                <a:gd fmla="*/ 58 h 113" name="T47"/>
                <a:gd fmla="*/ 65 w 77" name="T48"/>
                <a:gd fmla="*/ 59 h 113" name="T49"/>
                <a:gd fmla="*/ 69 w 77" name="T50"/>
                <a:gd fmla="*/ 68 h 113" name="T51"/>
                <a:gd fmla="*/ 69 w 77" name="T52"/>
                <a:gd fmla="*/ 67 h 113" name="T53"/>
                <a:gd fmla="*/ 13 w 77" name="T54"/>
                <a:gd fmla="*/ 104 h 113" name="T55"/>
                <a:gd fmla="*/ 10 w 77" name="T56"/>
                <a:gd fmla="*/ 104 h 113" name="T57"/>
                <a:gd fmla="*/ 2 w 77" name="T58"/>
                <a:gd fmla="*/ 90 h 113" name="T59"/>
                <a:gd fmla="*/ 8 w 77" name="T60"/>
                <a:gd fmla="*/ 67 h 113" name="T61"/>
                <a:gd fmla="*/ 13 w 77" name="T62"/>
                <a:gd fmla="*/ 58 h 113" name="T63"/>
                <a:gd fmla="*/ 13 w 77" name="T64"/>
                <a:gd fmla="*/ 58 h 113" name="T65"/>
                <a:gd fmla="*/ 14 w 77" name="T66"/>
                <a:gd fmla="*/ 58 h 113" name="T67"/>
                <a:gd fmla="*/ 27 w 77" name="T68"/>
                <a:gd fmla="*/ 55 h 113" name="T69"/>
                <a:gd fmla="*/ 29 w 77" name="T70"/>
                <a:gd fmla="*/ 57 h 113" name="T71"/>
                <a:gd fmla="*/ 37 w 77" name="T72"/>
                <a:gd fmla="*/ 73 h 113" name="T73"/>
                <a:gd fmla="*/ 13 w 77" name="T74"/>
                <a:gd fmla="*/ 73 h 113" name="T75"/>
                <a:gd fmla="*/ 13 w 77" name="T76"/>
                <a:gd fmla="*/ 104 h 113" name="T77"/>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b="b" l="0" r="r" t="0"/>
              <a:pathLst>
                <a:path h="113" w="77">
                  <a:moveTo>
                    <a:pt x="20" y="37"/>
                  </a:moveTo>
                  <a:cubicBezTo>
                    <a:pt x="19" y="28"/>
                    <a:pt x="19" y="19"/>
                    <a:pt x="20" y="12"/>
                  </a:cubicBezTo>
                  <a:cubicBezTo>
                    <a:pt x="37" y="0"/>
                    <a:pt x="44" y="14"/>
                    <a:pt x="57" y="12"/>
                  </a:cubicBezTo>
                  <a:cubicBezTo>
                    <a:pt x="58" y="20"/>
                    <a:pt x="58" y="30"/>
                    <a:pt x="56" y="36"/>
                  </a:cubicBezTo>
                  <a:cubicBezTo>
                    <a:pt x="56" y="41"/>
                    <a:pt x="54" y="44"/>
                    <a:pt x="52" y="47"/>
                  </a:cubicBezTo>
                  <a:cubicBezTo>
                    <a:pt x="48" y="51"/>
                    <a:pt x="44" y="54"/>
                    <a:pt x="38" y="54"/>
                  </a:cubicBezTo>
                  <a:cubicBezTo>
                    <a:pt x="38" y="54"/>
                    <a:pt x="38" y="54"/>
                    <a:pt x="38" y="54"/>
                  </a:cubicBezTo>
                  <a:cubicBezTo>
                    <a:pt x="33" y="54"/>
                    <a:pt x="28" y="51"/>
                    <a:pt x="25" y="47"/>
                  </a:cubicBezTo>
                  <a:cubicBezTo>
                    <a:pt x="23" y="44"/>
                    <a:pt x="21" y="41"/>
                    <a:pt x="20" y="37"/>
                  </a:cubicBezTo>
                  <a:close/>
                  <a:moveTo>
                    <a:pt x="12" y="108"/>
                  </a:moveTo>
                  <a:cubicBezTo>
                    <a:pt x="66" y="108"/>
                    <a:pt x="66" y="108"/>
                    <a:pt x="66" y="108"/>
                  </a:cubicBezTo>
                  <a:cubicBezTo>
                    <a:pt x="63" y="113"/>
                    <a:pt x="63" y="113"/>
                    <a:pt x="63" y="113"/>
                  </a:cubicBezTo>
                  <a:cubicBezTo>
                    <a:pt x="15" y="113"/>
                    <a:pt x="15" y="113"/>
                    <a:pt x="15" y="113"/>
                  </a:cubicBezTo>
                  <a:cubicBezTo>
                    <a:pt x="12" y="108"/>
                    <a:pt x="12" y="108"/>
                    <a:pt x="12" y="108"/>
                  </a:cubicBezTo>
                  <a:close/>
                  <a:moveTo>
                    <a:pt x="69" y="67"/>
                  </a:moveTo>
                  <a:cubicBezTo>
                    <a:pt x="75" y="90"/>
                    <a:pt x="75" y="90"/>
                    <a:pt x="75" y="90"/>
                  </a:cubicBezTo>
                  <a:cubicBezTo>
                    <a:pt x="77" y="98"/>
                    <a:pt x="76" y="104"/>
                    <a:pt x="67" y="104"/>
                  </a:cubicBezTo>
                  <a:cubicBezTo>
                    <a:pt x="65" y="104"/>
                    <a:pt x="65" y="104"/>
                    <a:pt x="65" y="104"/>
                  </a:cubicBezTo>
                  <a:cubicBezTo>
                    <a:pt x="65" y="73"/>
                    <a:pt x="65" y="73"/>
                    <a:pt x="65" y="73"/>
                  </a:cubicBezTo>
                  <a:cubicBezTo>
                    <a:pt x="41" y="73"/>
                    <a:pt x="41" y="73"/>
                    <a:pt x="41" y="73"/>
                  </a:cubicBezTo>
                  <a:cubicBezTo>
                    <a:pt x="48" y="57"/>
                    <a:pt x="48" y="57"/>
                    <a:pt x="48" y="57"/>
                  </a:cubicBezTo>
                  <a:cubicBezTo>
                    <a:pt x="50" y="55"/>
                    <a:pt x="50" y="55"/>
                    <a:pt x="50" y="55"/>
                  </a:cubicBezTo>
                  <a:cubicBezTo>
                    <a:pt x="64" y="58"/>
                    <a:pt x="64" y="58"/>
                    <a:pt x="64" y="58"/>
                  </a:cubicBezTo>
                  <a:cubicBezTo>
                    <a:pt x="65" y="58"/>
                    <a:pt x="65" y="58"/>
                    <a:pt x="65" y="58"/>
                  </a:cubicBezTo>
                  <a:cubicBezTo>
                    <a:pt x="65" y="59"/>
                    <a:pt x="65" y="59"/>
                    <a:pt x="65" y="59"/>
                  </a:cubicBezTo>
                  <a:cubicBezTo>
                    <a:pt x="67" y="61"/>
                    <a:pt x="68" y="64"/>
                    <a:pt x="69" y="68"/>
                  </a:cubicBezTo>
                  <a:cubicBezTo>
                    <a:pt x="69" y="67"/>
                    <a:pt x="69" y="67"/>
                    <a:pt x="69" y="67"/>
                  </a:cubicBezTo>
                  <a:close/>
                  <a:moveTo>
                    <a:pt x="13" y="104"/>
                  </a:moveTo>
                  <a:cubicBezTo>
                    <a:pt x="10" y="104"/>
                    <a:pt x="10" y="104"/>
                    <a:pt x="10" y="104"/>
                  </a:cubicBezTo>
                  <a:cubicBezTo>
                    <a:pt x="1" y="104"/>
                    <a:pt x="0" y="98"/>
                    <a:pt x="2" y="90"/>
                  </a:cubicBezTo>
                  <a:cubicBezTo>
                    <a:pt x="8" y="67"/>
                    <a:pt x="8" y="67"/>
                    <a:pt x="8" y="67"/>
                  </a:cubicBezTo>
                  <a:cubicBezTo>
                    <a:pt x="8" y="64"/>
                    <a:pt x="10" y="61"/>
                    <a:pt x="13" y="58"/>
                  </a:cubicBezTo>
                  <a:cubicBezTo>
                    <a:pt x="13" y="58"/>
                    <a:pt x="13" y="58"/>
                    <a:pt x="13" y="58"/>
                  </a:cubicBezTo>
                  <a:cubicBezTo>
                    <a:pt x="14" y="58"/>
                    <a:pt x="14" y="58"/>
                    <a:pt x="14" y="58"/>
                  </a:cubicBezTo>
                  <a:cubicBezTo>
                    <a:pt x="27" y="55"/>
                    <a:pt x="27" y="55"/>
                    <a:pt x="27" y="55"/>
                  </a:cubicBezTo>
                  <a:cubicBezTo>
                    <a:pt x="29" y="57"/>
                    <a:pt x="29" y="57"/>
                    <a:pt x="29" y="57"/>
                  </a:cubicBezTo>
                  <a:cubicBezTo>
                    <a:pt x="37" y="73"/>
                    <a:pt x="37" y="73"/>
                    <a:pt x="37" y="73"/>
                  </a:cubicBezTo>
                  <a:cubicBezTo>
                    <a:pt x="13" y="73"/>
                    <a:pt x="13" y="73"/>
                    <a:pt x="13" y="73"/>
                  </a:cubicBezTo>
                  <a:lnTo>
                    <a:pt x="13" y="104"/>
                  </a:lnTo>
                  <a:close/>
                </a:path>
              </a:pathLst>
            </a:custGeom>
            <a:solidFill>
              <a:srgbClr val="00544A"/>
            </a:solidFill>
            <a:ln>
              <a:noFill/>
            </a:ln>
            <a:effectLst>
              <a:outerShdw algn="ctr" blurRad="88900" rotWithShape="0" sx="102000" sy="102000">
                <a:srgbClr val="71C6E4">
                  <a:alpha val="40000"/>
                </a:srgbClr>
              </a:outerShdw>
            </a:effectLst>
          </p:spPr>
          <p:txBody>
            <a:bodyPr anchor="t" anchorCtr="0" bIns="45720" compatLnSpc="1" lIns="91440" numCol="1" rIns="91440" tIns="45720" vert="horz" wrap="square">
              <a:prstTxWarp prst="textNoShape">
                <a:avLst/>
              </a:prstTxWarp>
            </a:bodyPr>
            <a:lstStyle/>
            <a:p>
              <a:endParaRPr altLang="en-US" lang="zh-CN"/>
            </a:p>
          </p:txBody>
        </p:sp>
      </p:grpSp>
      <p:grpSp>
        <p:nvGrpSpPr>
          <p:cNvPr id="71" name="组合 70"/>
          <p:cNvGrpSpPr/>
          <p:nvPr/>
        </p:nvGrpSpPr>
        <p:grpSpPr>
          <a:xfrm>
            <a:off x="3440008" y="3584651"/>
            <a:ext cx="592872" cy="592872"/>
            <a:chOff x="2932008" y="3584651"/>
            <a:chExt cx="592872" cy="592872"/>
          </a:xfrm>
        </p:grpSpPr>
        <p:sp useBgFill="1">
          <p:nvSpPr>
            <p:cNvPr id="9" name="椭圆 8"/>
            <p:cNvSpPr/>
            <p:nvPr/>
          </p:nvSpPr>
          <p:spPr>
            <a:xfrm rot="14400000">
              <a:off x="2932008" y="3584651"/>
              <a:ext cx="592872" cy="592872"/>
            </a:xfrm>
            <a:prstGeom prst="ellipse">
              <a:avLst/>
            </a:prstGeom>
            <a:solidFill>
              <a:schemeClr val="bg1"/>
            </a:solidFill>
            <a:ln>
              <a:solidFill>
                <a:srgbClr val="00544A"/>
              </a:solidFill>
            </a:ln>
            <a:effectLst>
              <a:outerShdw algn="t" blurRad="101600" dir="5400000" dist="38100"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8" name="Freeform 74"/>
            <p:cNvSpPr>
              <a:spLocks noEditPoints="1"/>
            </p:cNvSpPr>
            <p:nvPr/>
          </p:nvSpPr>
          <p:spPr bwMode="auto">
            <a:xfrm>
              <a:off x="3071568" y="3799685"/>
              <a:ext cx="331007" cy="217472"/>
            </a:xfrm>
            <a:custGeom>
              <a:gdLst>
                <a:gd fmla="*/ 18 w 99" name="T0"/>
                <a:gd fmla="*/ 58 h 65" name="T1"/>
                <a:gd fmla="*/ 53 w 99" name="T2"/>
                <a:gd fmla="*/ 65 h 65" name="T3"/>
                <a:gd fmla="*/ 87 w 99" name="T4"/>
                <a:gd fmla="*/ 57 h 65" name="T5"/>
                <a:gd fmla="*/ 87 w 99" name="T6"/>
                <a:gd fmla="*/ 23 h 65" name="T7"/>
                <a:gd fmla="*/ 53 w 99" name="T8"/>
                <a:gd fmla="*/ 28 h 65" name="T9"/>
                <a:gd fmla="*/ 18 w 99" name="T10"/>
                <a:gd fmla="*/ 23 h 65" name="T11"/>
                <a:gd fmla="*/ 18 w 99" name="T12"/>
                <a:gd fmla="*/ 58 h 65" name="T13"/>
                <a:gd fmla="*/ 99 w 99" name="T14"/>
                <a:gd fmla="*/ 8 h 65" name="T15"/>
                <a:gd fmla="*/ 99 w 99" name="T16"/>
                <a:gd fmla="*/ 17 h 65" name="T17"/>
                <a:gd fmla="*/ 53 w 99" name="T18"/>
                <a:gd fmla="*/ 24 h 65" name="T19"/>
                <a:gd fmla="*/ 7 w 99" name="T20"/>
                <a:gd fmla="*/ 17 h 65" name="T21"/>
                <a:gd fmla="*/ 7 w 99" name="T22"/>
                <a:gd fmla="*/ 34 h 65" name="T23"/>
                <a:gd fmla="*/ 9 w 99" name="T24"/>
                <a:gd fmla="*/ 37 h 65" name="T25"/>
                <a:gd fmla="*/ 5 w 99" name="T26"/>
                <a:gd fmla="*/ 41 h 65" name="T27"/>
                <a:gd fmla="*/ 2 w 99" name="T28"/>
                <a:gd fmla="*/ 37 h 65" name="T29"/>
                <a:gd fmla="*/ 4 w 99" name="T30"/>
                <a:gd fmla="*/ 34 h 65" name="T31"/>
                <a:gd fmla="*/ 4 w 99" name="T32"/>
                <a:gd fmla="*/ 8 h 65" name="T33"/>
                <a:gd fmla="*/ 53 w 99" name="T34"/>
                <a:gd fmla="*/ 0 h 65" name="T35"/>
                <a:gd fmla="*/ 99 w 99" name="T36"/>
                <a:gd fmla="*/ 8 h 65" name="T37"/>
                <a:gd fmla="*/ 8 w 99" name="T38"/>
                <a:gd fmla="*/ 42 h 65" name="T39"/>
                <a:gd fmla="*/ 3 w 99" name="T40"/>
                <a:gd fmla="*/ 42 h 65" name="T41"/>
                <a:gd fmla="*/ 0 w 99" name="T42"/>
                <a:gd fmla="*/ 58 h 65" name="T43"/>
                <a:gd fmla="*/ 2 w 99" name="T44"/>
                <a:gd fmla="*/ 58 h 65" name="T45"/>
                <a:gd fmla="*/ 3 w 99" name="T46"/>
                <a:gd fmla="*/ 56 h 65" name="T47"/>
                <a:gd fmla="*/ 3 w 99" name="T48"/>
                <a:gd fmla="*/ 58 h 65" name="T49"/>
                <a:gd fmla="*/ 6 w 99" name="T50"/>
                <a:gd fmla="*/ 59 h 65" name="T51"/>
                <a:gd fmla="*/ 7 w 99" name="T52"/>
                <a:gd fmla="*/ 57 h 65" name="T53"/>
                <a:gd fmla="*/ 7 w 99" name="T54"/>
                <a:gd fmla="*/ 59 h 65" name="T55"/>
                <a:gd fmla="*/ 8 w 99" name="T56"/>
                <a:gd fmla="*/ 59 h 65" name="T57"/>
                <a:gd fmla="*/ 8 w 99" name="T58"/>
                <a:gd fmla="*/ 51 h 65" name="T59"/>
                <a:gd fmla="*/ 9 w 99" name="T60"/>
                <a:gd fmla="*/ 58 h 65" name="T61"/>
                <a:gd fmla="*/ 11 w 99" name="T62"/>
                <a:gd fmla="*/ 58 h 65" name="T63"/>
                <a:gd fmla="*/ 8 w 99" name="T64"/>
                <a:gd fmla="*/ 42 h 65" name="T6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b="b" l="0" r="r" t="0"/>
              <a:pathLst>
                <a:path h="65" w="99">
                  <a:moveTo>
                    <a:pt x="18" y="58"/>
                  </a:moveTo>
                  <a:cubicBezTo>
                    <a:pt x="30" y="58"/>
                    <a:pt x="42" y="60"/>
                    <a:pt x="53" y="65"/>
                  </a:cubicBezTo>
                  <a:cubicBezTo>
                    <a:pt x="64" y="60"/>
                    <a:pt x="75" y="57"/>
                    <a:pt x="87" y="57"/>
                  </a:cubicBezTo>
                  <a:cubicBezTo>
                    <a:pt x="87" y="23"/>
                    <a:pt x="87" y="23"/>
                    <a:pt x="87" y="23"/>
                  </a:cubicBezTo>
                  <a:cubicBezTo>
                    <a:pt x="53" y="28"/>
                    <a:pt x="53" y="28"/>
                    <a:pt x="53" y="28"/>
                  </a:cubicBezTo>
                  <a:cubicBezTo>
                    <a:pt x="18" y="23"/>
                    <a:pt x="18" y="23"/>
                    <a:pt x="18" y="23"/>
                  </a:cubicBezTo>
                  <a:cubicBezTo>
                    <a:pt x="18" y="58"/>
                    <a:pt x="18" y="58"/>
                    <a:pt x="18" y="58"/>
                  </a:cubicBezTo>
                  <a:close/>
                  <a:moveTo>
                    <a:pt x="99" y="8"/>
                  </a:moveTo>
                  <a:cubicBezTo>
                    <a:pt x="99" y="17"/>
                    <a:pt x="99" y="17"/>
                    <a:pt x="99" y="17"/>
                  </a:cubicBezTo>
                  <a:cubicBezTo>
                    <a:pt x="53" y="24"/>
                    <a:pt x="53" y="24"/>
                    <a:pt x="53" y="24"/>
                  </a:cubicBezTo>
                  <a:cubicBezTo>
                    <a:pt x="7" y="17"/>
                    <a:pt x="7" y="17"/>
                    <a:pt x="7" y="17"/>
                  </a:cubicBezTo>
                  <a:cubicBezTo>
                    <a:pt x="7" y="34"/>
                    <a:pt x="7" y="34"/>
                    <a:pt x="7" y="34"/>
                  </a:cubicBezTo>
                  <a:cubicBezTo>
                    <a:pt x="8" y="35"/>
                    <a:pt x="9" y="36"/>
                    <a:pt x="9" y="37"/>
                  </a:cubicBezTo>
                  <a:cubicBezTo>
                    <a:pt x="9" y="39"/>
                    <a:pt x="7" y="41"/>
                    <a:pt x="5" y="41"/>
                  </a:cubicBezTo>
                  <a:cubicBezTo>
                    <a:pt x="4" y="41"/>
                    <a:pt x="2" y="39"/>
                    <a:pt x="2" y="37"/>
                  </a:cubicBezTo>
                  <a:cubicBezTo>
                    <a:pt x="2" y="36"/>
                    <a:pt x="3" y="35"/>
                    <a:pt x="4" y="34"/>
                  </a:cubicBezTo>
                  <a:cubicBezTo>
                    <a:pt x="4" y="25"/>
                    <a:pt x="4" y="17"/>
                    <a:pt x="4" y="8"/>
                  </a:cubicBezTo>
                  <a:cubicBezTo>
                    <a:pt x="53" y="0"/>
                    <a:pt x="53" y="0"/>
                    <a:pt x="53" y="0"/>
                  </a:cubicBezTo>
                  <a:cubicBezTo>
                    <a:pt x="99" y="8"/>
                    <a:pt x="99" y="8"/>
                    <a:pt x="99" y="8"/>
                  </a:cubicBezTo>
                  <a:close/>
                  <a:moveTo>
                    <a:pt x="8" y="42"/>
                  </a:moveTo>
                  <a:cubicBezTo>
                    <a:pt x="6" y="43"/>
                    <a:pt x="5" y="43"/>
                    <a:pt x="3" y="42"/>
                  </a:cubicBezTo>
                  <a:cubicBezTo>
                    <a:pt x="2" y="47"/>
                    <a:pt x="1" y="52"/>
                    <a:pt x="0" y="58"/>
                  </a:cubicBezTo>
                  <a:cubicBezTo>
                    <a:pt x="1" y="58"/>
                    <a:pt x="2" y="58"/>
                    <a:pt x="2" y="58"/>
                  </a:cubicBezTo>
                  <a:cubicBezTo>
                    <a:pt x="3" y="56"/>
                    <a:pt x="3" y="56"/>
                    <a:pt x="3" y="56"/>
                  </a:cubicBezTo>
                  <a:cubicBezTo>
                    <a:pt x="3" y="58"/>
                    <a:pt x="3" y="58"/>
                    <a:pt x="3" y="58"/>
                  </a:cubicBezTo>
                  <a:cubicBezTo>
                    <a:pt x="4" y="59"/>
                    <a:pt x="5" y="59"/>
                    <a:pt x="6" y="59"/>
                  </a:cubicBezTo>
                  <a:cubicBezTo>
                    <a:pt x="7" y="57"/>
                    <a:pt x="7" y="57"/>
                    <a:pt x="7" y="57"/>
                  </a:cubicBezTo>
                  <a:cubicBezTo>
                    <a:pt x="7" y="59"/>
                    <a:pt x="7" y="59"/>
                    <a:pt x="7" y="59"/>
                  </a:cubicBezTo>
                  <a:cubicBezTo>
                    <a:pt x="7" y="59"/>
                    <a:pt x="8" y="59"/>
                    <a:pt x="8" y="59"/>
                  </a:cubicBezTo>
                  <a:cubicBezTo>
                    <a:pt x="8" y="51"/>
                    <a:pt x="8" y="51"/>
                    <a:pt x="8" y="51"/>
                  </a:cubicBezTo>
                  <a:cubicBezTo>
                    <a:pt x="9" y="58"/>
                    <a:pt x="9" y="58"/>
                    <a:pt x="9" y="58"/>
                  </a:cubicBezTo>
                  <a:cubicBezTo>
                    <a:pt x="10" y="58"/>
                    <a:pt x="10" y="58"/>
                    <a:pt x="11" y="58"/>
                  </a:cubicBezTo>
                  <a:cubicBezTo>
                    <a:pt x="10" y="52"/>
                    <a:pt x="9" y="47"/>
                    <a:pt x="8" y="42"/>
                  </a:cubicBezTo>
                  <a:close/>
                </a:path>
              </a:pathLst>
            </a:custGeom>
            <a:solidFill>
              <a:srgbClr val="00544A"/>
            </a:solidFill>
            <a:ln>
              <a:noFill/>
            </a:ln>
            <a:effectLst>
              <a:outerShdw algn="ctr" blurRad="88900" rotWithShape="0" sx="102000" sy="102000">
                <a:srgbClr val="71C6E4">
                  <a:alpha val="40000"/>
                </a:srgbClr>
              </a:outerShdw>
            </a:effectLst>
          </p:spPr>
          <p:txBody>
            <a:bodyPr anchor="t" anchorCtr="0" bIns="45720" compatLnSpc="1" lIns="91440" numCol="1" rIns="91440" tIns="45720" vert="horz" wrap="square">
              <a:prstTxWarp prst="textNoShape">
                <a:avLst/>
              </a:prstTxWarp>
            </a:bodyPr>
            <a:lstStyle/>
            <a:p>
              <a:endParaRPr altLang="en-US" lang="zh-CN"/>
            </a:p>
          </p:txBody>
        </p:sp>
      </p:grpSp>
      <p:grpSp>
        <p:nvGrpSpPr>
          <p:cNvPr id="67" name="组合 66"/>
          <p:cNvGrpSpPr/>
          <p:nvPr/>
        </p:nvGrpSpPr>
        <p:grpSpPr>
          <a:xfrm>
            <a:off x="4850250" y="1145572"/>
            <a:ext cx="592872" cy="592872"/>
            <a:chOff x="4342250" y="1145572"/>
            <a:chExt cx="592872" cy="592872"/>
          </a:xfrm>
        </p:grpSpPr>
        <p:sp useBgFill="1">
          <p:nvSpPr>
            <p:cNvPr id="7" name="椭圆 6"/>
            <p:cNvSpPr/>
            <p:nvPr/>
          </p:nvSpPr>
          <p:spPr>
            <a:xfrm>
              <a:off x="4342250" y="1145572"/>
              <a:ext cx="592872" cy="592872"/>
            </a:xfrm>
            <a:prstGeom prst="ellipse">
              <a:avLst/>
            </a:prstGeom>
            <a:solidFill>
              <a:schemeClr val="bg1"/>
            </a:solidFill>
            <a:ln>
              <a:solidFill>
                <a:srgbClr val="00544A"/>
              </a:solidFill>
            </a:ln>
            <a:effectLst>
              <a:outerShdw algn="t" blurRad="101600" dir="5400000" dist="38100"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9" name="Freeform 101"/>
            <p:cNvSpPr>
              <a:spLocks noEditPoints="1"/>
            </p:cNvSpPr>
            <p:nvPr/>
          </p:nvSpPr>
          <p:spPr bwMode="auto">
            <a:xfrm>
              <a:off x="4545270" y="1283178"/>
              <a:ext cx="192866" cy="310231"/>
            </a:xfrm>
            <a:custGeom>
              <a:gdLst>
                <a:gd fmla="*/ 82 w 119" name="T0"/>
                <a:gd fmla="*/ 146 h 191" name="T1"/>
                <a:gd fmla="*/ 78 w 119" name="T2"/>
                <a:gd fmla="*/ 154 h 191" name="T3"/>
                <a:gd fmla="*/ 111 w 119" name="T4"/>
                <a:gd fmla="*/ 168 h 191" name="T5"/>
                <a:gd fmla="*/ 60 w 119" name="T6"/>
                <a:gd fmla="*/ 183 h 191" name="T7"/>
                <a:gd fmla="*/ 9 w 119" name="T8"/>
                <a:gd fmla="*/ 168 h 191" name="T9"/>
                <a:gd fmla="*/ 53 w 119" name="T10"/>
                <a:gd fmla="*/ 153 h 191" name="T11"/>
                <a:gd fmla="*/ 60 w 119" name="T12"/>
                <a:gd fmla="*/ 166 h 191" name="T13"/>
                <a:gd fmla="*/ 104 w 119" name="T14"/>
                <a:gd fmla="*/ 76 h 191" name="T15"/>
                <a:gd fmla="*/ 104 w 119" name="T16"/>
                <a:gd fmla="*/ 76 h 191" name="T17"/>
                <a:gd fmla="*/ 111 w 119" name="T18"/>
                <a:gd fmla="*/ 51 h 191" name="T19"/>
                <a:gd fmla="*/ 60 w 119" name="T20"/>
                <a:gd fmla="*/ 0 h 191" name="T21"/>
                <a:gd fmla="*/ 8 w 119" name="T22"/>
                <a:gd fmla="*/ 51 h 191" name="T23"/>
                <a:gd fmla="*/ 15 w 119" name="T24"/>
                <a:gd fmla="*/ 76 h 191" name="T25"/>
                <a:gd fmla="*/ 15 w 119" name="T26"/>
                <a:gd fmla="*/ 76 h 191" name="T27"/>
                <a:gd fmla="*/ 49 w 119" name="T28"/>
                <a:gd fmla="*/ 145 h 191" name="T29"/>
                <a:gd fmla="*/ 0 w 119" name="T30"/>
                <a:gd fmla="*/ 168 h 191" name="T31"/>
                <a:gd fmla="*/ 60 w 119" name="T32"/>
                <a:gd fmla="*/ 191 h 191" name="T33"/>
                <a:gd fmla="*/ 119 w 119" name="T34"/>
                <a:gd fmla="*/ 168 h 191" name="T35"/>
                <a:gd fmla="*/ 82 w 119" name="T36"/>
                <a:gd fmla="*/ 146 h 191" name="T37"/>
                <a:gd fmla="*/ 38 w 119" name="T38"/>
                <a:gd fmla="*/ 44 h 191" name="T39"/>
                <a:gd fmla="*/ 60 w 119" name="T40"/>
                <a:gd fmla="*/ 23 h 191" name="T41"/>
                <a:gd fmla="*/ 81 w 119" name="T42"/>
                <a:gd fmla="*/ 44 h 191" name="T43"/>
                <a:gd fmla="*/ 60 w 119" name="T44"/>
                <a:gd fmla="*/ 66 h 191" name="T45"/>
                <a:gd fmla="*/ 38 w 119" name="T46"/>
                <a:gd fmla="*/ 44 h 191" name="T47"/>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b="b" l="0" r="r" t="0"/>
              <a:pathLst>
                <a:path h="191" w="119">
                  <a:moveTo>
                    <a:pt x="82" y="146"/>
                  </a:moveTo>
                  <a:cubicBezTo>
                    <a:pt x="78" y="154"/>
                    <a:pt x="78" y="154"/>
                    <a:pt x="78" y="154"/>
                  </a:cubicBezTo>
                  <a:cubicBezTo>
                    <a:pt x="99" y="157"/>
                    <a:pt x="111" y="163"/>
                    <a:pt x="111" y="168"/>
                  </a:cubicBezTo>
                  <a:cubicBezTo>
                    <a:pt x="111" y="174"/>
                    <a:pt x="91" y="183"/>
                    <a:pt x="60" y="183"/>
                  </a:cubicBezTo>
                  <a:cubicBezTo>
                    <a:pt x="28" y="183"/>
                    <a:pt x="9" y="174"/>
                    <a:pt x="9" y="168"/>
                  </a:cubicBezTo>
                  <a:cubicBezTo>
                    <a:pt x="9" y="162"/>
                    <a:pt x="26" y="154"/>
                    <a:pt x="53" y="153"/>
                  </a:cubicBezTo>
                  <a:cubicBezTo>
                    <a:pt x="60" y="166"/>
                    <a:pt x="60" y="166"/>
                    <a:pt x="60" y="166"/>
                  </a:cubicBezTo>
                  <a:cubicBezTo>
                    <a:pt x="104" y="76"/>
                    <a:pt x="104" y="76"/>
                    <a:pt x="104" y="76"/>
                  </a:cubicBezTo>
                  <a:cubicBezTo>
                    <a:pt x="104" y="76"/>
                    <a:pt x="104" y="76"/>
                    <a:pt x="104" y="76"/>
                  </a:cubicBezTo>
                  <a:cubicBezTo>
                    <a:pt x="108" y="69"/>
                    <a:pt x="111" y="60"/>
                    <a:pt x="111" y="51"/>
                  </a:cubicBezTo>
                  <a:cubicBezTo>
                    <a:pt x="111" y="22"/>
                    <a:pt x="88" y="0"/>
                    <a:pt x="60" y="0"/>
                  </a:cubicBezTo>
                  <a:cubicBezTo>
                    <a:pt x="31" y="0"/>
                    <a:pt x="8" y="22"/>
                    <a:pt x="8" y="51"/>
                  </a:cubicBezTo>
                  <a:cubicBezTo>
                    <a:pt x="8" y="60"/>
                    <a:pt x="11" y="69"/>
                    <a:pt x="15" y="76"/>
                  </a:cubicBezTo>
                  <a:cubicBezTo>
                    <a:pt x="15" y="76"/>
                    <a:pt x="15" y="76"/>
                    <a:pt x="15" y="76"/>
                  </a:cubicBezTo>
                  <a:cubicBezTo>
                    <a:pt x="49" y="145"/>
                    <a:pt x="49" y="145"/>
                    <a:pt x="49" y="145"/>
                  </a:cubicBezTo>
                  <a:cubicBezTo>
                    <a:pt x="24" y="147"/>
                    <a:pt x="0" y="155"/>
                    <a:pt x="0" y="168"/>
                  </a:cubicBezTo>
                  <a:cubicBezTo>
                    <a:pt x="0" y="183"/>
                    <a:pt x="30" y="191"/>
                    <a:pt x="60" y="191"/>
                  </a:cubicBezTo>
                  <a:cubicBezTo>
                    <a:pt x="89" y="191"/>
                    <a:pt x="119" y="183"/>
                    <a:pt x="119" y="168"/>
                  </a:cubicBezTo>
                  <a:cubicBezTo>
                    <a:pt x="119" y="157"/>
                    <a:pt x="103" y="149"/>
                    <a:pt x="82" y="146"/>
                  </a:cubicBezTo>
                  <a:close/>
                  <a:moveTo>
                    <a:pt x="38" y="44"/>
                  </a:moveTo>
                  <a:cubicBezTo>
                    <a:pt x="38" y="33"/>
                    <a:pt x="48" y="23"/>
                    <a:pt x="60" y="23"/>
                  </a:cubicBezTo>
                  <a:cubicBezTo>
                    <a:pt x="72" y="23"/>
                    <a:pt x="81" y="33"/>
                    <a:pt x="81" y="44"/>
                  </a:cubicBezTo>
                  <a:cubicBezTo>
                    <a:pt x="81" y="56"/>
                    <a:pt x="72" y="66"/>
                    <a:pt x="60" y="66"/>
                  </a:cubicBezTo>
                  <a:cubicBezTo>
                    <a:pt x="48" y="66"/>
                    <a:pt x="38" y="56"/>
                    <a:pt x="38" y="44"/>
                  </a:cubicBezTo>
                  <a:close/>
                </a:path>
              </a:pathLst>
            </a:custGeom>
            <a:solidFill>
              <a:srgbClr val="00544A"/>
            </a:solidFill>
            <a:ln>
              <a:noFill/>
            </a:ln>
            <a:effectLst>
              <a:outerShdw algn="ctr" blurRad="88900" rotWithShape="0" sx="102000" sy="102000">
                <a:srgbClr val="71C6E4">
                  <a:alpha val="40000"/>
                </a:srgbClr>
              </a:outerShdw>
            </a:effectLs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70" name="组合 69"/>
          <p:cNvGrpSpPr/>
          <p:nvPr/>
        </p:nvGrpSpPr>
        <p:grpSpPr>
          <a:xfrm>
            <a:off x="4850250" y="4391246"/>
            <a:ext cx="592872" cy="592872"/>
            <a:chOff x="4342250" y="4391246"/>
            <a:chExt cx="592872" cy="592872"/>
          </a:xfrm>
        </p:grpSpPr>
        <p:sp useBgFill="1">
          <p:nvSpPr>
            <p:cNvPr id="10" name="椭圆 9"/>
            <p:cNvSpPr/>
            <p:nvPr/>
          </p:nvSpPr>
          <p:spPr>
            <a:xfrm rot="10800000">
              <a:off x="4342250" y="4391246"/>
              <a:ext cx="592872" cy="592872"/>
            </a:xfrm>
            <a:prstGeom prst="ellipse">
              <a:avLst/>
            </a:prstGeom>
            <a:solidFill>
              <a:schemeClr val="bg1"/>
            </a:solidFill>
            <a:ln>
              <a:solidFill>
                <a:srgbClr val="00544A"/>
              </a:solidFill>
            </a:ln>
            <a:effectLst>
              <a:outerShdw algn="t" blurRad="101600" dir="5400000" dist="38100"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nvGrpSpPr>
            <p:cNvPr id="30" name="组合 29"/>
            <p:cNvGrpSpPr/>
            <p:nvPr/>
          </p:nvGrpSpPr>
          <p:grpSpPr>
            <a:xfrm>
              <a:off x="4485309" y="4540844"/>
              <a:ext cx="312784" cy="288126"/>
              <a:chOff x="4076704" y="3759197"/>
              <a:chExt cx="1530351" cy="1409703"/>
            </a:xfrm>
            <a:solidFill>
              <a:schemeClr val="tx1">
                <a:lumMod val="75000"/>
                <a:lumOff val="25000"/>
              </a:schemeClr>
            </a:solidFill>
            <a:effectLst>
              <a:outerShdw algn="ctr" blurRad="88900" rotWithShape="0" sx="102000" sy="102000">
                <a:schemeClr val="bg1">
                  <a:lumMod val="65000"/>
                  <a:alpha val="40000"/>
                </a:schemeClr>
              </a:outerShdw>
            </a:effectLst>
          </p:grpSpPr>
          <p:sp>
            <p:nvSpPr>
              <p:cNvPr id="31" name="Freeform 244"/>
              <p:cNvSpPr>
                <a:spLocks noEditPoints="1"/>
              </p:cNvSpPr>
              <p:nvPr/>
            </p:nvSpPr>
            <p:spPr bwMode="auto">
              <a:xfrm>
                <a:off x="4692656" y="3759197"/>
                <a:ext cx="914399" cy="915985"/>
              </a:xfrm>
              <a:custGeom>
                <a:gdLst>
                  <a:gd fmla="*/ 221 w 244" name="T0"/>
                  <a:gd fmla="*/ 22 h 244" name="T1"/>
                  <a:gd fmla="*/ 141 w 244" name="T2"/>
                  <a:gd fmla="*/ 22 h 244" name="T3"/>
                  <a:gd fmla="*/ 0 w 244" name="T4"/>
                  <a:gd fmla="*/ 164 h 244" name="T5"/>
                  <a:gd fmla="*/ 80 w 244" name="T6"/>
                  <a:gd fmla="*/ 244 h 244" name="T7"/>
                  <a:gd fmla="*/ 221 w 244" name="T8"/>
                  <a:gd fmla="*/ 102 h 244" name="T9"/>
                  <a:gd fmla="*/ 221 w 244" name="T10"/>
                  <a:gd fmla="*/ 22 h 244" name="T11"/>
                  <a:gd fmla="*/ 48 w 244" name="T12"/>
                  <a:gd fmla="*/ 165 h 244" name="T13"/>
                  <a:gd fmla="*/ 38 w 244" name="T14"/>
                  <a:gd fmla="*/ 156 h 244" name="T15"/>
                  <a:gd fmla="*/ 158 w 244" name="T16"/>
                  <a:gd fmla="*/ 36 h 244" name="T17"/>
                  <a:gd fmla="*/ 168 w 244" name="T18"/>
                  <a:gd fmla="*/ 36 h 244" name="T19"/>
                  <a:gd fmla="*/ 168 w 244" name="T20"/>
                  <a:gd fmla="*/ 46 h 244" name="T21"/>
                  <a:gd fmla="*/ 48 w 244" name="T22"/>
                  <a:gd fmla="*/ 165 h 244" name="T23"/>
                  <a:gd fmla="*/ 68 w 244" name="T24"/>
                  <a:gd fmla="*/ 185 h 244" name="T25"/>
                  <a:gd fmla="*/ 58 w 244" name="T26"/>
                  <a:gd fmla="*/ 176 h 244" name="T27"/>
                  <a:gd fmla="*/ 188 w 244" name="T28"/>
                  <a:gd fmla="*/ 46 h 244" name="T29"/>
                  <a:gd fmla="*/ 197 w 244" name="T30"/>
                  <a:gd fmla="*/ 46 h 244" name="T31"/>
                  <a:gd fmla="*/ 197 w 244" name="T32"/>
                  <a:gd fmla="*/ 56 h 244" name="T33"/>
                  <a:gd fmla="*/ 68 w 244" name="T34"/>
                  <a:gd fmla="*/ 185 h 244" name="T35"/>
                  <a:gd fmla="*/ 88 w 244" name="T36"/>
                  <a:gd fmla="*/ 205 h 244" name="T37"/>
                  <a:gd fmla="*/ 78 w 244" name="T38"/>
                  <a:gd fmla="*/ 196 h 244" name="T39"/>
                  <a:gd fmla="*/ 198 w 244" name="T40"/>
                  <a:gd fmla="*/ 76 h 244" name="T41"/>
                  <a:gd fmla="*/ 207 w 244" name="T42"/>
                  <a:gd fmla="*/ 76 h 244" name="T43"/>
                  <a:gd fmla="*/ 207 w 244" name="T44"/>
                  <a:gd fmla="*/ 86 h 244" name="T45"/>
                  <a:gd fmla="*/ 88 w 244" name="T46"/>
                  <a:gd fmla="*/ 205 h 244" name="T47"/>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b="b" l="0" r="r" t="0"/>
                <a:pathLst>
                  <a:path h="244" w="244">
                    <a:moveTo>
                      <a:pt x="221" y="22"/>
                    </a:moveTo>
                    <a:cubicBezTo>
                      <a:pt x="199" y="0"/>
                      <a:pt x="163" y="0"/>
                      <a:pt x="141" y="22"/>
                    </a:cubicBezTo>
                    <a:cubicBezTo>
                      <a:pt x="0" y="164"/>
                      <a:pt x="0" y="164"/>
                      <a:pt x="0" y="164"/>
                    </a:cubicBezTo>
                    <a:cubicBezTo>
                      <a:pt x="80" y="244"/>
                      <a:pt x="80" y="244"/>
                      <a:pt x="80" y="244"/>
                    </a:cubicBezTo>
                    <a:cubicBezTo>
                      <a:pt x="221" y="102"/>
                      <a:pt x="221" y="102"/>
                      <a:pt x="221" y="102"/>
                    </a:cubicBezTo>
                    <a:cubicBezTo>
                      <a:pt x="244" y="80"/>
                      <a:pt x="244" y="44"/>
                      <a:pt x="221" y="22"/>
                    </a:cubicBezTo>
                    <a:close/>
                    <a:moveTo>
                      <a:pt x="48" y="165"/>
                    </a:moveTo>
                    <a:cubicBezTo>
                      <a:pt x="38" y="156"/>
                      <a:pt x="38" y="156"/>
                      <a:pt x="38" y="156"/>
                    </a:cubicBezTo>
                    <a:cubicBezTo>
                      <a:pt x="158" y="36"/>
                      <a:pt x="158" y="36"/>
                      <a:pt x="158" y="36"/>
                    </a:cubicBezTo>
                    <a:cubicBezTo>
                      <a:pt x="161" y="34"/>
                      <a:pt x="165" y="34"/>
                      <a:pt x="168" y="36"/>
                    </a:cubicBezTo>
                    <a:cubicBezTo>
                      <a:pt x="170" y="39"/>
                      <a:pt x="170" y="43"/>
                      <a:pt x="168" y="46"/>
                    </a:cubicBezTo>
                    <a:lnTo>
                      <a:pt x="48" y="165"/>
                    </a:lnTo>
                    <a:close/>
                    <a:moveTo>
                      <a:pt x="68" y="185"/>
                    </a:moveTo>
                    <a:cubicBezTo>
                      <a:pt x="58" y="176"/>
                      <a:pt x="58" y="176"/>
                      <a:pt x="58" y="176"/>
                    </a:cubicBezTo>
                    <a:cubicBezTo>
                      <a:pt x="188" y="46"/>
                      <a:pt x="188" y="46"/>
                      <a:pt x="188" y="46"/>
                    </a:cubicBezTo>
                    <a:cubicBezTo>
                      <a:pt x="191" y="44"/>
                      <a:pt x="195" y="44"/>
                      <a:pt x="197" y="46"/>
                    </a:cubicBezTo>
                    <a:cubicBezTo>
                      <a:pt x="200" y="49"/>
                      <a:pt x="200" y="53"/>
                      <a:pt x="197" y="56"/>
                    </a:cubicBezTo>
                    <a:lnTo>
                      <a:pt x="68" y="185"/>
                    </a:lnTo>
                    <a:close/>
                    <a:moveTo>
                      <a:pt x="88" y="205"/>
                    </a:moveTo>
                    <a:cubicBezTo>
                      <a:pt x="78" y="196"/>
                      <a:pt x="78" y="196"/>
                      <a:pt x="78" y="196"/>
                    </a:cubicBezTo>
                    <a:cubicBezTo>
                      <a:pt x="198" y="76"/>
                      <a:pt x="198" y="76"/>
                      <a:pt x="198" y="76"/>
                    </a:cubicBezTo>
                    <a:cubicBezTo>
                      <a:pt x="200" y="73"/>
                      <a:pt x="205" y="73"/>
                      <a:pt x="207" y="76"/>
                    </a:cubicBezTo>
                    <a:cubicBezTo>
                      <a:pt x="210" y="79"/>
                      <a:pt x="210" y="83"/>
                      <a:pt x="207" y="86"/>
                    </a:cubicBezTo>
                    <a:lnTo>
                      <a:pt x="88" y="205"/>
                    </a:ln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2" name="Freeform 245"/>
              <p:cNvSpPr/>
              <p:nvPr/>
            </p:nvSpPr>
            <p:spPr bwMode="auto">
              <a:xfrm>
                <a:off x="4186241" y="4540247"/>
                <a:ext cx="633415" cy="628648"/>
              </a:xfrm>
              <a:custGeom>
                <a:gdLst>
                  <a:gd fmla="*/ 257 w 399" name="T0"/>
                  <a:gd fmla="*/ 236 h 396" name="T1"/>
                  <a:gd fmla="*/ 241 w 399" name="T2"/>
                  <a:gd fmla="*/ 219 h 396" name="T3"/>
                  <a:gd fmla="*/ 399 w 399" name="T4"/>
                  <a:gd fmla="*/ 61 h 396" name="T5"/>
                  <a:gd fmla="*/ 335 w 399" name="T6"/>
                  <a:gd fmla="*/ 0 h 396" name="T7"/>
                  <a:gd fmla="*/ 179 w 399" name="T8"/>
                  <a:gd fmla="*/ 156 h 396" name="T9"/>
                  <a:gd fmla="*/ 160 w 399" name="T10"/>
                  <a:gd fmla="*/ 139 h 396" name="T11"/>
                  <a:gd fmla="*/ 125 w 399" name="T12"/>
                  <a:gd fmla="*/ 160 h 396" name="T13"/>
                  <a:gd fmla="*/ 0 w 399" name="T14"/>
                  <a:gd fmla="*/ 359 h 396" name="T15"/>
                  <a:gd fmla="*/ 38 w 399" name="T16"/>
                  <a:gd fmla="*/ 396 h 396" name="T17"/>
                  <a:gd fmla="*/ 236 w 399" name="T18"/>
                  <a:gd fmla="*/ 274 h 396" name="T19"/>
                  <a:gd fmla="*/ 257 w 399" name="T20"/>
                  <a:gd fmla="*/ 236 h 396" name="T2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b="b" l="0" r="r" t="0"/>
                <a:pathLst>
                  <a:path h="396" w="399">
                    <a:moveTo>
                      <a:pt x="257" y="236"/>
                    </a:moveTo>
                    <a:lnTo>
                      <a:pt x="241" y="219"/>
                    </a:lnTo>
                    <a:lnTo>
                      <a:pt x="399" y="61"/>
                    </a:lnTo>
                    <a:lnTo>
                      <a:pt x="335" y="0"/>
                    </a:lnTo>
                    <a:lnTo>
                      <a:pt x="179" y="156"/>
                    </a:lnTo>
                    <a:lnTo>
                      <a:pt x="160" y="139"/>
                    </a:lnTo>
                    <a:lnTo>
                      <a:pt x="125" y="160"/>
                    </a:lnTo>
                    <a:lnTo>
                      <a:pt x="0" y="359"/>
                    </a:lnTo>
                    <a:lnTo>
                      <a:pt x="38" y="396"/>
                    </a:lnTo>
                    <a:lnTo>
                      <a:pt x="236" y="274"/>
                    </a:lnTo>
                    <a:lnTo>
                      <a:pt x="257" y="236"/>
                    </a:ln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3" name="Freeform 246"/>
              <p:cNvSpPr/>
              <p:nvPr/>
            </p:nvSpPr>
            <p:spPr bwMode="auto">
              <a:xfrm>
                <a:off x="4076704" y="3771898"/>
                <a:ext cx="671513" cy="669923"/>
              </a:xfrm>
              <a:custGeom>
                <a:gdLst>
                  <a:gd fmla="*/ 90 w 179" name="T0"/>
                  <a:gd fmla="*/ 0 h 179" name="T1"/>
                  <a:gd fmla="*/ 67 w 179" name="T2"/>
                  <a:gd fmla="*/ 3 h 179" name="T3"/>
                  <a:gd fmla="*/ 70 w 179" name="T4"/>
                  <a:gd fmla="*/ 5 h 179" name="T5"/>
                  <a:gd fmla="*/ 102 w 179" name="T6"/>
                  <a:gd fmla="*/ 37 h 179" name="T7"/>
                  <a:gd fmla="*/ 102 w 179" name="T8"/>
                  <a:gd fmla="*/ 96 h 179" name="T9"/>
                  <a:gd fmla="*/ 42 w 179" name="T10"/>
                  <a:gd fmla="*/ 96 h 179" name="T11"/>
                  <a:gd fmla="*/ 10 w 179" name="T12"/>
                  <a:gd fmla="*/ 64 h 179" name="T13"/>
                  <a:gd fmla="*/ 6 w 179" name="T14"/>
                  <a:gd fmla="*/ 59 h 179" name="T15"/>
                  <a:gd fmla="*/ 0 w 179" name="T16"/>
                  <a:gd fmla="*/ 89 h 179" name="T17"/>
                  <a:gd fmla="*/ 90 w 179" name="T18"/>
                  <a:gd fmla="*/ 179 h 179" name="T19"/>
                  <a:gd fmla="*/ 179 w 179" name="T20"/>
                  <a:gd fmla="*/ 89 h 179" name="T21"/>
                  <a:gd fmla="*/ 90 w 179" name="T22"/>
                  <a:gd fmla="*/ 0 h 179" name="T2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b="b" l="0" r="r" t="0"/>
                <a:pathLst>
                  <a:path h="179" w="179">
                    <a:moveTo>
                      <a:pt x="90" y="0"/>
                    </a:moveTo>
                    <a:cubicBezTo>
                      <a:pt x="82" y="0"/>
                      <a:pt x="75" y="1"/>
                      <a:pt x="67" y="3"/>
                    </a:cubicBezTo>
                    <a:cubicBezTo>
                      <a:pt x="68" y="4"/>
                      <a:pt x="69" y="4"/>
                      <a:pt x="70" y="5"/>
                    </a:cubicBezTo>
                    <a:cubicBezTo>
                      <a:pt x="102" y="37"/>
                      <a:pt x="102" y="37"/>
                      <a:pt x="102" y="37"/>
                    </a:cubicBezTo>
                    <a:cubicBezTo>
                      <a:pt x="118" y="53"/>
                      <a:pt x="118" y="80"/>
                      <a:pt x="102" y="96"/>
                    </a:cubicBezTo>
                    <a:cubicBezTo>
                      <a:pt x="85" y="113"/>
                      <a:pt x="59" y="113"/>
                      <a:pt x="42" y="96"/>
                    </a:cubicBezTo>
                    <a:cubicBezTo>
                      <a:pt x="10" y="64"/>
                      <a:pt x="10" y="64"/>
                      <a:pt x="10" y="64"/>
                    </a:cubicBezTo>
                    <a:cubicBezTo>
                      <a:pt x="9" y="63"/>
                      <a:pt x="7" y="61"/>
                      <a:pt x="6" y="59"/>
                    </a:cubicBezTo>
                    <a:cubicBezTo>
                      <a:pt x="2" y="68"/>
                      <a:pt x="0" y="79"/>
                      <a:pt x="0" y="89"/>
                    </a:cubicBezTo>
                    <a:cubicBezTo>
                      <a:pt x="0" y="139"/>
                      <a:pt x="40" y="179"/>
                      <a:pt x="90" y="179"/>
                    </a:cubicBezTo>
                    <a:cubicBezTo>
                      <a:pt x="139" y="179"/>
                      <a:pt x="179" y="139"/>
                      <a:pt x="179" y="89"/>
                    </a:cubicBezTo>
                    <a:cubicBezTo>
                      <a:pt x="179" y="40"/>
                      <a:pt x="139" y="0"/>
                      <a:pt x="90" y="0"/>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4" name="Freeform 247"/>
              <p:cNvSpPr>
                <a:spLocks noEditPoints="1"/>
              </p:cNvSpPr>
              <p:nvPr/>
            </p:nvSpPr>
            <p:spPr bwMode="auto">
              <a:xfrm>
                <a:off x="4905373" y="4565649"/>
                <a:ext cx="604837" cy="603251"/>
              </a:xfrm>
              <a:custGeom>
                <a:gdLst>
                  <a:gd fmla="*/ 142 w 161" name="T0"/>
                  <a:gd fmla="*/ 142 h 161" name="T1"/>
                  <a:gd fmla="*/ 142 w 161" name="T2"/>
                  <a:gd fmla="*/ 71 h 161" name="T3"/>
                  <a:gd fmla="*/ 70 w 161" name="T4"/>
                  <a:gd fmla="*/ 0 h 161" name="T5"/>
                  <a:gd fmla="*/ 0 w 161" name="T6"/>
                  <a:gd fmla="*/ 70 h 161" name="T7"/>
                  <a:gd fmla="*/ 72 w 161" name="T8"/>
                  <a:gd fmla="*/ 142 h 161" name="T9"/>
                  <a:gd fmla="*/ 142 w 161" name="T10"/>
                  <a:gd fmla="*/ 142 h 161" name="T11"/>
                  <a:gd fmla="*/ 94 w 161" name="T12"/>
                  <a:gd fmla="*/ 94 h 161" name="T13"/>
                  <a:gd fmla="*/ 123 w 161" name="T14"/>
                  <a:gd fmla="*/ 94 h 161" name="T15"/>
                  <a:gd fmla="*/ 123 w 161" name="T16"/>
                  <a:gd fmla="*/ 123 h 161" name="T17"/>
                  <a:gd fmla="*/ 94 w 161" name="T18"/>
                  <a:gd fmla="*/ 123 h 161" name="T19"/>
                  <a:gd fmla="*/ 94 w 161" name="T20"/>
                  <a:gd fmla="*/ 94 h 161" name="T2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b="b" l="0" r="r" t="0"/>
                <a:pathLst>
                  <a:path h="161" w="161">
                    <a:moveTo>
                      <a:pt x="142" y="142"/>
                    </a:moveTo>
                    <a:cubicBezTo>
                      <a:pt x="161" y="122"/>
                      <a:pt x="161" y="91"/>
                      <a:pt x="142" y="71"/>
                    </a:cubicBezTo>
                    <a:cubicBezTo>
                      <a:pt x="70" y="0"/>
                      <a:pt x="70" y="0"/>
                      <a:pt x="70" y="0"/>
                    </a:cubicBezTo>
                    <a:cubicBezTo>
                      <a:pt x="0" y="70"/>
                      <a:pt x="0" y="70"/>
                      <a:pt x="0" y="70"/>
                    </a:cubicBezTo>
                    <a:cubicBezTo>
                      <a:pt x="72" y="142"/>
                      <a:pt x="72" y="142"/>
                      <a:pt x="72" y="142"/>
                    </a:cubicBezTo>
                    <a:cubicBezTo>
                      <a:pt x="91" y="161"/>
                      <a:pt x="122" y="161"/>
                      <a:pt x="142" y="142"/>
                    </a:cubicBezTo>
                    <a:close/>
                    <a:moveTo>
                      <a:pt x="94" y="94"/>
                    </a:moveTo>
                    <a:cubicBezTo>
                      <a:pt x="102" y="86"/>
                      <a:pt x="115" y="86"/>
                      <a:pt x="123" y="94"/>
                    </a:cubicBezTo>
                    <a:cubicBezTo>
                      <a:pt x="131" y="102"/>
                      <a:pt x="131" y="115"/>
                      <a:pt x="123" y="123"/>
                    </a:cubicBezTo>
                    <a:cubicBezTo>
                      <a:pt x="115" y="131"/>
                      <a:pt x="102" y="131"/>
                      <a:pt x="94" y="123"/>
                    </a:cubicBezTo>
                    <a:cubicBezTo>
                      <a:pt x="86" y="115"/>
                      <a:pt x="86" y="102"/>
                      <a:pt x="94" y="94"/>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grpSp>
        <p:nvGrpSpPr>
          <p:cNvPr id="68" name="组合 67"/>
          <p:cNvGrpSpPr/>
          <p:nvPr/>
        </p:nvGrpSpPr>
        <p:grpSpPr>
          <a:xfrm>
            <a:off x="6255669" y="1995935"/>
            <a:ext cx="592872" cy="592872"/>
            <a:chOff x="5747669" y="1995935"/>
            <a:chExt cx="592872" cy="592872"/>
          </a:xfrm>
        </p:grpSpPr>
        <p:sp useBgFill="1">
          <p:nvSpPr>
            <p:cNvPr id="6" name="椭圆 5"/>
            <p:cNvSpPr/>
            <p:nvPr/>
          </p:nvSpPr>
          <p:spPr>
            <a:xfrm rot="3600000">
              <a:off x="5747669" y="1995935"/>
              <a:ext cx="592872" cy="592872"/>
            </a:xfrm>
            <a:prstGeom prst="ellipse">
              <a:avLst/>
            </a:prstGeom>
            <a:solidFill>
              <a:schemeClr val="bg1"/>
            </a:solidFill>
            <a:ln>
              <a:solidFill>
                <a:srgbClr val="00544A"/>
              </a:solidFill>
            </a:ln>
            <a:effectLst>
              <a:outerShdw algn="t" blurRad="101600" dir="5400000" dist="38100"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nvGrpSpPr>
            <p:cNvPr id="35" name="组合 34"/>
            <p:cNvGrpSpPr/>
            <p:nvPr/>
          </p:nvGrpSpPr>
          <p:grpSpPr>
            <a:xfrm>
              <a:off x="5883832" y="2118723"/>
              <a:ext cx="333161" cy="325170"/>
              <a:chOff x="587375" y="-1498600"/>
              <a:chExt cx="1720850" cy="1679575"/>
            </a:xfrm>
            <a:solidFill>
              <a:schemeClr val="tx1">
                <a:lumMod val="75000"/>
                <a:lumOff val="25000"/>
              </a:schemeClr>
            </a:solidFill>
            <a:effectLst>
              <a:outerShdw algn="ctr" blurRad="88900" rotWithShape="0" sx="102000" sy="102000">
                <a:schemeClr val="bg1">
                  <a:lumMod val="65000"/>
                  <a:alpha val="40000"/>
                </a:schemeClr>
              </a:outerShdw>
            </a:effectLst>
          </p:grpSpPr>
          <p:sp>
            <p:nvSpPr>
              <p:cNvPr id="36" name="Freeform 186"/>
              <p:cNvSpPr/>
              <p:nvPr/>
            </p:nvSpPr>
            <p:spPr bwMode="auto">
              <a:xfrm>
                <a:off x="1892298" y="-1498600"/>
                <a:ext cx="415927" cy="503239"/>
              </a:xfrm>
              <a:custGeom>
                <a:gdLst>
                  <a:gd fmla="*/ 111 w 111" name="T0"/>
                  <a:gd fmla="*/ 42 h 134" name="T1"/>
                  <a:gd fmla="*/ 0 w 111" name="T2"/>
                  <a:gd fmla="*/ 81 h 134" name="T3"/>
                  <a:gd fmla="*/ 79 w 111" name="T4"/>
                  <a:gd fmla="*/ 51 h 134" name="T5"/>
                  <a:gd fmla="*/ 1 w 111" name="T6"/>
                  <a:gd fmla="*/ 85 h 134" name="T7"/>
                  <a:gd fmla="*/ 111 w 111" name="T8"/>
                  <a:gd fmla="*/ 42 h 134" name="T9"/>
                </a:gdLst>
                <a:cxnLst>
                  <a:cxn ang="0">
                    <a:pos x="T0" y="T1"/>
                  </a:cxn>
                  <a:cxn ang="0">
                    <a:pos x="T2" y="T3"/>
                  </a:cxn>
                  <a:cxn ang="0">
                    <a:pos x="T4" y="T5"/>
                  </a:cxn>
                  <a:cxn ang="0">
                    <a:pos x="T6" y="T7"/>
                  </a:cxn>
                  <a:cxn ang="0">
                    <a:pos x="T8" y="T9"/>
                  </a:cxn>
                </a:cxnLst>
                <a:rect b="b" l="0" r="r" t="0"/>
                <a:pathLst>
                  <a:path h="134" w="110">
                    <a:moveTo>
                      <a:pt x="111" y="42"/>
                    </a:moveTo>
                    <a:cubicBezTo>
                      <a:pt x="36" y="0"/>
                      <a:pt x="6" y="66"/>
                      <a:pt x="0" y="81"/>
                    </a:cubicBezTo>
                    <a:cubicBezTo>
                      <a:pt x="18" y="74"/>
                      <a:pt x="46" y="58"/>
                      <a:pt x="79" y="51"/>
                    </a:cubicBezTo>
                    <a:cubicBezTo>
                      <a:pt x="79" y="51"/>
                      <a:pt x="44" y="74"/>
                      <a:pt x="1" y="85"/>
                    </a:cubicBezTo>
                    <a:cubicBezTo>
                      <a:pt x="85" y="134"/>
                      <a:pt x="111" y="42"/>
                      <a:pt x="111" y="42"/>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7" name="Freeform 187"/>
              <p:cNvSpPr/>
              <p:nvPr/>
            </p:nvSpPr>
            <p:spPr bwMode="auto">
              <a:xfrm>
                <a:off x="1600199" y="-1498600"/>
                <a:ext cx="360363" cy="285752"/>
              </a:xfrm>
              <a:custGeom>
                <a:gdLst>
                  <a:gd fmla="*/ 48 w 96" name="T0"/>
                  <a:gd fmla="*/ 31 h 76" name="T1"/>
                  <a:gd fmla="*/ 67 w 96" name="T2"/>
                  <a:gd fmla="*/ 75 h 76" name="T3"/>
                  <a:gd fmla="*/ 36 w 96" name="T4"/>
                  <a:gd fmla="*/ 0 h 76" name="T5"/>
                  <a:gd fmla="*/ 63 w 96" name="T6"/>
                  <a:gd fmla="*/ 76 h 76" name="T7"/>
                  <a:gd fmla="*/ 48 w 96" name="T8"/>
                  <a:gd fmla="*/ 31 h 76" name="T9"/>
                </a:gdLst>
                <a:cxnLst>
                  <a:cxn ang="0">
                    <a:pos x="T0" y="T1"/>
                  </a:cxn>
                  <a:cxn ang="0">
                    <a:pos x="T2" y="T3"/>
                  </a:cxn>
                  <a:cxn ang="0">
                    <a:pos x="T4" y="T5"/>
                  </a:cxn>
                  <a:cxn ang="0">
                    <a:pos x="T6" y="T7"/>
                  </a:cxn>
                  <a:cxn ang="0">
                    <a:pos x="T8" y="T9"/>
                  </a:cxn>
                </a:cxnLst>
                <a:rect b="b" l="0" r="r" t="0"/>
                <a:pathLst>
                  <a:path h="76" w="96">
                    <a:moveTo>
                      <a:pt x="48" y="31"/>
                    </a:moveTo>
                    <a:cubicBezTo>
                      <a:pt x="48" y="31"/>
                      <a:pt x="61" y="52"/>
                      <a:pt x="67" y="75"/>
                    </a:cubicBezTo>
                    <a:cubicBezTo>
                      <a:pt x="74" y="65"/>
                      <a:pt x="96" y="22"/>
                      <a:pt x="36" y="0"/>
                    </a:cubicBezTo>
                    <a:cubicBezTo>
                      <a:pt x="36" y="0"/>
                      <a:pt x="0" y="57"/>
                      <a:pt x="63" y="76"/>
                    </a:cubicBezTo>
                    <a:cubicBezTo>
                      <a:pt x="56" y="61"/>
                      <a:pt x="51" y="40"/>
                      <a:pt x="48" y="31"/>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8" name="Freeform 188"/>
              <p:cNvSpPr>
                <a:spLocks noEditPoints="1"/>
              </p:cNvSpPr>
              <p:nvPr/>
            </p:nvSpPr>
            <p:spPr bwMode="auto">
              <a:xfrm>
                <a:off x="1085851" y="-935039"/>
                <a:ext cx="461964" cy="468315"/>
              </a:xfrm>
              <a:custGeom>
                <a:gdLst>
                  <a:gd fmla="*/ 91 w 123" name="T0"/>
                  <a:gd fmla="*/ 33 h 125" name="T1"/>
                  <a:gd fmla="*/ 87 w 123" name="T2"/>
                  <a:gd fmla="*/ 71 h 125" name="T3"/>
                  <a:gd fmla="*/ 86 w 123" name="T4"/>
                  <a:gd fmla="*/ 78 h 125" name="T5"/>
                  <a:gd fmla="*/ 90 w 123" name="T6"/>
                  <a:gd fmla="*/ 82 h 125" name="T7"/>
                  <a:gd fmla="*/ 101 w 123" name="T8"/>
                  <a:gd fmla="*/ 74 h 125" name="T9"/>
                  <a:gd fmla="*/ 107 w 123" name="T10"/>
                  <a:gd fmla="*/ 54 h 125" name="T11"/>
                  <a:gd fmla="*/ 95 w 123" name="T12"/>
                  <a:gd fmla="*/ 26 h 125" name="T13"/>
                  <a:gd fmla="*/ 64 w 123" name="T14"/>
                  <a:gd fmla="*/ 14 h 125" name="T15"/>
                  <a:gd fmla="*/ 30 w 123" name="T16"/>
                  <a:gd fmla="*/ 28 h 125" name="T17"/>
                  <a:gd fmla="*/ 17 w 123" name="T18"/>
                  <a:gd fmla="*/ 63 h 125" name="T19"/>
                  <a:gd fmla="*/ 30 w 123" name="T20"/>
                  <a:gd fmla="*/ 96 h 125" name="T21"/>
                  <a:gd fmla="*/ 65 w 123" name="T22"/>
                  <a:gd fmla="*/ 110 h 125" name="T23"/>
                  <a:gd fmla="*/ 102 w 123" name="T24"/>
                  <a:gd fmla="*/ 100 h 125" name="T25"/>
                  <a:gd fmla="*/ 108 w 123" name="T26"/>
                  <a:gd fmla="*/ 114 h 125" name="T27"/>
                  <a:gd fmla="*/ 65 w 123" name="T28"/>
                  <a:gd fmla="*/ 125 h 125" name="T29"/>
                  <a:gd fmla="*/ 17 w 123" name="T30"/>
                  <a:gd fmla="*/ 106 h 125" name="T31"/>
                  <a:gd fmla="*/ 0 w 123" name="T32"/>
                  <a:gd fmla="*/ 63 h 125" name="T33"/>
                  <a:gd fmla="*/ 18 w 123" name="T34"/>
                  <a:gd fmla="*/ 18 h 125" name="T35"/>
                  <a:gd fmla="*/ 64 w 123" name="T36"/>
                  <a:gd fmla="*/ 0 h 125" name="T37"/>
                  <a:gd fmla="*/ 106 w 123" name="T38"/>
                  <a:gd fmla="*/ 16 h 125" name="T39"/>
                  <a:gd fmla="*/ 123 w 123" name="T40"/>
                  <a:gd fmla="*/ 54 h 125" name="T41"/>
                  <a:gd fmla="*/ 113 w 123" name="T42"/>
                  <a:gd fmla="*/ 84 h 125" name="T43"/>
                  <a:gd fmla="*/ 88 w 123" name="T44"/>
                  <a:gd fmla="*/ 96 h 125" name="T45"/>
                  <a:gd fmla="*/ 73 w 123" name="T46"/>
                  <a:gd fmla="*/ 89 h 125" name="T47"/>
                  <a:gd fmla="*/ 57 w 123" name="T48"/>
                  <a:gd fmla="*/ 97 h 125" name="T49"/>
                  <a:gd fmla="*/ 39 w 123" name="T50"/>
                  <a:gd fmla="*/ 88 h 125" name="T51"/>
                  <a:gd fmla="*/ 32 w 123" name="T52"/>
                  <a:gd fmla="*/ 65 h 125" name="T53"/>
                  <a:gd fmla="*/ 40 w 123" name="T54"/>
                  <a:gd fmla="*/ 41 h 125" name="T55"/>
                  <a:gd fmla="*/ 60 w 123" name="T56"/>
                  <a:gd fmla="*/ 31 h 125" name="T57"/>
                  <a:gd fmla="*/ 74 w 123" name="T58"/>
                  <a:gd fmla="*/ 36 h 125" name="T59"/>
                  <a:gd fmla="*/ 75 w 123" name="T60"/>
                  <a:gd fmla="*/ 33 h 125" name="T61"/>
                  <a:gd fmla="*/ 91 w 123" name="T62"/>
                  <a:gd fmla="*/ 33 h 125" name="T63"/>
                  <a:gd fmla="*/ 58 w 123" name="T64"/>
                  <a:gd fmla="*/ 80 h 125" name="T65"/>
                  <a:gd fmla="*/ 69 w 123" name="T66"/>
                  <a:gd fmla="*/ 74 h 125" name="T67"/>
                  <a:gd fmla="*/ 73 w 123" name="T68"/>
                  <a:gd fmla="*/ 61 h 125" name="T69"/>
                  <a:gd fmla="*/ 69 w 123" name="T70"/>
                  <a:gd fmla="*/ 52 h 125" name="T71"/>
                  <a:gd fmla="*/ 61 w 123" name="T72"/>
                  <a:gd fmla="*/ 48 h 125" name="T73"/>
                  <a:gd fmla="*/ 53 w 123" name="T74"/>
                  <a:gd fmla="*/ 53 h 125" name="T75"/>
                  <a:gd fmla="*/ 49 w 123" name="T76"/>
                  <a:gd fmla="*/ 65 h 125" name="T77"/>
                  <a:gd fmla="*/ 52 w 123" name="T78"/>
                  <a:gd fmla="*/ 76 h 125" name="T79"/>
                  <a:gd fmla="*/ 58 w 123" name="T80"/>
                  <a:gd fmla="*/ 80 h 125" name="T8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b="b" l="0" r="r" t="0"/>
                <a:pathLst>
                  <a:path h="125" w="123">
                    <a:moveTo>
                      <a:pt x="91" y="33"/>
                    </a:moveTo>
                    <a:cubicBezTo>
                      <a:pt x="87" y="71"/>
                      <a:pt x="87" y="71"/>
                      <a:pt x="87" y="71"/>
                    </a:cubicBezTo>
                    <a:cubicBezTo>
                      <a:pt x="86" y="74"/>
                      <a:pt x="86" y="76"/>
                      <a:pt x="86" y="78"/>
                    </a:cubicBezTo>
                    <a:cubicBezTo>
                      <a:pt x="86" y="81"/>
                      <a:pt x="87" y="82"/>
                      <a:pt x="90" y="82"/>
                    </a:cubicBezTo>
                    <a:cubicBezTo>
                      <a:pt x="94" y="82"/>
                      <a:pt x="98" y="79"/>
                      <a:pt x="101" y="74"/>
                    </a:cubicBezTo>
                    <a:cubicBezTo>
                      <a:pt x="105" y="69"/>
                      <a:pt x="107" y="62"/>
                      <a:pt x="107" y="54"/>
                    </a:cubicBezTo>
                    <a:cubicBezTo>
                      <a:pt x="107" y="43"/>
                      <a:pt x="103" y="33"/>
                      <a:pt x="95" y="26"/>
                    </a:cubicBezTo>
                    <a:cubicBezTo>
                      <a:pt x="86" y="18"/>
                      <a:pt x="76" y="14"/>
                      <a:pt x="64" y="14"/>
                    </a:cubicBezTo>
                    <a:cubicBezTo>
                      <a:pt x="51" y="14"/>
                      <a:pt x="40" y="19"/>
                      <a:pt x="30" y="28"/>
                    </a:cubicBezTo>
                    <a:cubicBezTo>
                      <a:pt x="21" y="37"/>
                      <a:pt x="17" y="49"/>
                      <a:pt x="17" y="63"/>
                    </a:cubicBezTo>
                    <a:cubicBezTo>
                      <a:pt x="17" y="75"/>
                      <a:pt x="21" y="86"/>
                      <a:pt x="30" y="96"/>
                    </a:cubicBezTo>
                    <a:cubicBezTo>
                      <a:pt x="38" y="105"/>
                      <a:pt x="50" y="110"/>
                      <a:pt x="65" y="110"/>
                    </a:cubicBezTo>
                    <a:cubicBezTo>
                      <a:pt x="77" y="110"/>
                      <a:pt x="90" y="107"/>
                      <a:pt x="102" y="100"/>
                    </a:cubicBezTo>
                    <a:cubicBezTo>
                      <a:pt x="108" y="114"/>
                      <a:pt x="108" y="114"/>
                      <a:pt x="108" y="114"/>
                    </a:cubicBezTo>
                    <a:cubicBezTo>
                      <a:pt x="94" y="121"/>
                      <a:pt x="80" y="125"/>
                      <a:pt x="65" y="125"/>
                    </a:cubicBezTo>
                    <a:cubicBezTo>
                      <a:pt x="45" y="125"/>
                      <a:pt x="29" y="119"/>
                      <a:pt x="17" y="106"/>
                    </a:cubicBezTo>
                    <a:cubicBezTo>
                      <a:pt x="6" y="94"/>
                      <a:pt x="0" y="80"/>
                      <a:pt x="0" y="63"/>
                    </a:cubicBezTo>
                    <a:cubicBezTo>
                      <a:pt x="0" y="45"/>
                      <a:pt x="6" y="30"/>
                      <a:pt x="18" y="18"/>
                    </a:cubicBezTo>
                    <a:cubicBezTo>
                      <a:pt x="31" y="6"/>
                      <a:pt x="46" y="0"/>
                      <a:pt x="64" y="0"/>
                    </a:cubicBezTo>
                    <a:cubicBezTo>
                      <a:pt x="80" y="0"/>
                      <a:pt x="95" y="6"/>
                      <a:pt x="106" y="16"/>
                    </a:cubicBezTo>
                    <a:cubicBezTo>
                      <a:pt x="117" y="27"/>
                      <a:pt x="123" y="39"/>
                      <a:pt x="123" y="54"/>
                    </a:cubicBezTo>
                    <a:cubicBezTo>
                      <a:pt x="123" y="66"/>
                      <a:pt x="119" y="76"/>
                      <a:pt x="113" y="84"/>
                    </a:cubicBezTo>
                    <a:cubicBezTo>
                      <a:pt x="106" y="92"/>
                      <a:pt x="97" y="96"/>
                      <a:pt x="88" y="96"/>
                    </a:cubicBezTo>
                    <a:cubicBezTo>
                      <a:pt x="81" y="96"/>
                      <a:pt x="76" y="94"/>
                      <a:pt x="73" y="89"/>
                    </a:cubicBezTo>
                    <a:cubicBezTo>
                      <a:pt x="69" y="94"/>
                      <a:pt x="63" y="97"/>
                      <a:pt x="57" y="97"/>
                    </a:cubicBezTo>
                    <a:cubicBezTo>
                      <a:pt x="50" y="97"/>
                      <a:pt x="44" y="94"/>
                      <a:pt x="39" y="88"/>
                    </a:cubicBezTo>
                    <a:cubicBezTo>
                      <a:pt x="34" y="82"/>
                      <a:pt x="32" y="74"/>
                      <a:pt x="32" y="65"/>
                    </a:cubicBezTo>
                    <a:cubicBezTo>
                      <a:pt x="32" y="55"/>
                      <a:pt x="35" y="47"/>
                      <a:pt x="40" y="41"/>
                    </a:cubicBezTo>
                    <a:cubicBezTo>
                      <a:pt x="46" y="35"/>
                      <a:pt x="53" y="31"/>
                      <a:pt x="60" y="31"/>
                    </a:cubicBezTo>
                    <a:cubicBezTo>
                      <a:pt x="65" y="31"/>
                      <a:pt x="70" y="33"/>
                      <a:pt x="74" y="36"/>
                    </a:cubicBezTo>
                    <a:cubicBezTo>
                      <a:pt x="75" y="33"/>
                      <a:pt x="75" y="33"/>
                      <a:pt x="75" y="33"/>
                    </a:cubicBezTo>
                    <a:lnTo>
                      <a:pt x="91" y="33"/>
                    </a:lnTo>
                    <a:close/>
                    <a:moveTo>
                      <a:pt x="58" y="80"/>
                    </a:moveTo>
                    <a:cubicBezTo>
                      <a:pt x="62" y="80"/>
                      <a:pt x="66" y="78"/>
                      <a:pt x="69" y="74"/>
                    </a:cubicBezTo>
                    <a:cubicBezTo>
                      <a:pt x="71" y="71"/>
                      <a:pt x="73" y="66"/>
                      <a:pt x="73" y="61"/>
                    </a:cubicBezTo>
                    <a:cubicBezTo>
                      <a:pt x="73" y="57"/>
                      <a:pt x="72" y="54"/>
                      <a:pt x="69" y="52"/>
                    </a:cubicBezTo>
                    <a:cubicBezTo>
                      <a:pt x="67" y="49"/>
                      <a:pt x="64" y="48"/>
                      <a:pt x="61" y="48"/>
                    </a:cubicBezTo>
                    <a:cubicBezTo>
                      <a:pt x="58" y="48"/>
                      <a:pt x="55" y="50"/>
                      <a:pt x="53" y="53"/>
                    </a:cubicBezTo>
                    <a:cubicBezTo>
                      <a:pt x="50" y="56"/>
                      <a:pt x="49" y="60"/>
                      <a:pt x="49" y="65"/>
                    </a:cubicBezTo>
                    <a:cubicBezTo>
                      <a:pt x="49" y="70"/>
                      <a:pt x="50" y="73"/>
                      <a:pt x="52" y="76"/>
                    </a:cubicBezTo>
                    <a:cubicBezTo>
                      <a:pt x="53" y="79"/>
                      <a:pt x="56" y="80"/>
                      <a:pt x="58" y="80"/>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9" name="Freeform 189"/>
              <p:cNvSpPr/>
              <p:nvPr/>
            </p:nvSpPr>
            <p:spPr bwMode="auto">
              <a:xfrm>
                <a:off x="633413" y="-823911"/>
                <a:ext cx="77786" cy="123824"/>
              </a:xfrm>
              <a:custGeom>
                <a:gdLst>
                  <a:gd fmla="*/ 0 w 21" name="T0"/>
                  <a:gd fmla="*/ 17 h 33" name="T1"/>
                  <a:gd fmla="*/ 21 w 21" name="T2"/>
                  <a:gd fmla="*/ 33 h 33" name="T3"/>
                  <a:gd fmla="*/ 21 w 21" name="T4"/>
                  <a:gd fmla="*/ 0 h 33" name="T5"/>
                  <a:gd fmla="*/ 0 w 21" name="T6"/>
                  <a:gd fmla="*/ 17 h 33" name="T7"/>
                </a:gdLst>
                <a:cxnLst>
                  <a:cxn ang="0">
                    <a:pos x="T0" y="T1"/>
                  </a:cxn>
                  <a:cxn ang="0">
                    <a:pos x="T2" y="T3"/>
                  </a:cxn>
                  <a:cxn ang="0">
                    <a:pos x="T4" y="T5"/>
                  </a:cxn>
                  <a:cxn ang="0">
                    <a:pos x="T6" y="T7"/>
                  </a:cxn>
                </a:cxnLst>
                <a:rect b="b" l="0" r="r" t="0"/>
                <a:pathLst>
                  <a:path h="33" w="21">
                    <a:moveTo>
                      <a:pt x="0" y="17"/>
                    </a:moveTo>
                    <a:cubicBezTo>
                      <a:pt x="5" y="25"/>
                      <a:pt x="13" y="30"/>
                      <a:pt x="21" y="33"/>
                    </a:cubicBezTo>
                    <a:cubicBezTo>
                      <a:pt x="21" y="0"/>
                      <a:pt x="21" y="0"/>
                      <a:pt x="21" y="0"/>
                    </a:cubicBezTo>
                    <a:lnTo>
                      <a:pt x="0" y="17"/>
                    </a:ln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0" name="Freeform 190"/>
              <p:cNvSpPr/>
              <p:nvPr/>
            </p:nvSpPr>
            <p:spPr bwMode="auto">
              <a:xfrm>
                <a:off x="1173164" y="-1303340"/>
                <a:ext cx="284164" cy="101601"/>
              </a:xfrm>
              <a:custGeom>
                <a:gdLst>
                  <a:gd fmla="*/ 52 w 76" name="T0"/>
                  <a:gd fmla="*/ 6 h 27" name="T1"/>
                  <a:gd fmla="*/ 25 w 76" name="T2"/>
                  <a:gd fmla="*/ 6 h 27" name="T3"/>
                  <a:gd fmla="*/ 0 w 76" name="T4"/>
                  <a:gd fmla="*/ 27 h 27" name="T5"/>
                  <a:gd fmla="*/ 76 w 76" name="T6"/>
                  <a:gd fmla="*/ 27 h 27" name="T7"/>
                  <a:gd fmla="*/ 52 w 76" name="T8"/>
                  <a:gd fmla="*/ 6 h 27" name="T9"/>
                </a:gdLst>
                <a:cxnLst>
                  <a:cxn ang="0">
                    <a:pos x="T0" y="T1"/>
                  </a:cxn>
                  <a:cxn ang="0">
                    <a:pos x="T2" y="T3"/>
                  </a:cxn>
                  <a:cxn ang="0">
                    <a:pos x="T4" y="T5"/>
                  </a:cxn>
                  <a:cxn ang="0">
                    <a:pos x="T6" y="T7"/>
                  </a:cxn>
                  <a:cxn ang="0">
                    <a:pos x="T8" y="T9"/>
                  </a:cxn>
                </a:cxnLst>
                <a:rect b="b" l="0" r="r" t="0"/>
                <a:pathLst>
                  <a:path h="27" w="76">
                    <a:moveTo>
                      <a:pt x="52" y="6"/>
                    </a:moveTo>
                    <a:cubicBezTo>
                      <a:pt x="44" y="0"/>
                      <a:pt x="32" y="0"/>
                      <a:pt x="25" y="6"/>
                    </a:cubicBezTo>
                    <a:cubicBezTo>
                      <a:pt x="0" y="27"/>
                      <a:pt x="0" y="27"/>
                      <a:pt x="0" y="27"/>
                    </a:cubicBezTo>
                    <a:cubicBezTo>
                      <a:pt x="76" y="27"/>
                      <a:pt x="76" y="27"/>
                      <a:pt x="76" y="27"/>
                    </a:cubicBezTo>
                    <a:lnTo>
                      <a:pt x="52" y="6"/>
                    </a:ln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1" name="Freeform 191"/>
              <p:cNvSpPr/>
              <p:nvPr/>
            </p:nvSpPr>
            <p:spPr bwMode="auto">
              <a:xfrm>
                <a:off x="1919288" y="-823912"/>
                <a:ext cx="82549" cy="123824"/>
              </a:xfrm>
              <a:custGeom>
                <a:gdLst>
                  <a:gd fmla="*/ 22 w 22" name="T0"/>
                  <a:gd fmla="*/ 17 h 33" name="T1"/>
                  <a:gd fmla="*/ 0 w 22" name="T2"/>
                  <a:gd fmla="*/ 0 h 33" name="T3"/>
                  <a:gd fmla="*/ 0 w 22" name="T4"/>
                  <a:gd fmla="*/ 33 h 33" name="T5"/>
                  <a:gd fmla="*/ 22 w 22" name="T6"/>
                  <a:gd fmla="*/ 17 h 33" name="T7"/>
                </a:gdLst>
                <a:cxnLst>
                  <a:cxn ang="0">
                    <a:pos x="T0" y="T1"/>
                  </a:cxn>
                  <a:cxn ang="0">
                    <a:pos x="T2" y="T3"/>
                  </a:cxn>
                  <a:cxn ang="0">
                    <a:pos x="T4" y="T5"/>
                  </a:cxn>
                  <a:cxn ang="0">
                    <a:pos x="T6" y="T7"/>
                  </a:cxn>
                </a:cxnLst>
                <a:rect b="b" l="0" r="r" t="0"/>
                <a:pathLst>
                  <a:path h="33" w="22">
                    <a:moveTo>
                      <a:pt x="22" y="17"/>
                    </a:moveTo>
                    <a:cubicBezTo>
                      <a:pt x="0" y="0"/>
                      <a:pt x="0" y="0"/>
                      <a:pt x="0" y="0"/>
                    </a:cubicBezTo>
                    <a:cubicBezTo>
                      <a:pt x="0" y="33"/>
                      <a:pt x="0" y="33"/>
                      <a:pt x="0" y="33"/>
                    </a:cubicBezTo>
                    <a:cubicBezTo>
                      <a:pt x="9" y="30"/>
                      <a:pt x="17" y="25"/>
                      <a:pt x="22" y="17"/>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2" name="Freeform 192"/>
              <p:cNvSpPr/>
              <p:nvPr/>
            </p:nvSpPr>
            <p:spPr bwMode="auto">
              <a:xfrm>
                <a:off x="711199" y="-1201739"/>
                <a:ext cx="1208089" cy="996948"/>
              </a:xfrm>
              <a:custGeom>
                <a:gdLst>
                  <a:gd fmla="*/ 18 w 322" name="T0"/>
                  <a:gd fmla="*/ 266 h 266" name="T1"/>
                  <a:gd fmla="*/ 18 w 322" name="T2"/>
                  <a:gd fmla="*/ 42 h 266" name="T3"/>
                  <a:gd fmla="*/ 26 w 322" name="T4"/>
                  <a:gd fmla="*/ 25 h 266" name="T5"/>
                  <a:gd fmla="*/ 45 w 322" name="T6"/>
                  <a:gd fmla="*/ 18 h 266" name="T7"/>
                  <a:gd fmla="*/ 277 w 322" name="T8"/>
                  <a:gd fmla="*/ 18 h 266" name="T9"/>
                  <a:gd fmla="*/ 296 w 322" name="T10"/>
                  <a:gd fmla="*/ 25 h 266" name="T11"/>
                  <a:gd fmla="*/ 304 w 322" name="T12"/>
                  <a:gd fmla="*/ 42 h 266" name="T13"/>
                  <a:gd fmla="*/ 304 w 322" name="T14"/>
                  <a:gd fmla="*/ 266 h 266" name="T15"/>
                  <a:gd fmla="*/ 322 w 322" name="T16"/>
                  <a:gd fmla="*/ 266 h 266" name="T17"/>
                  <a:gd fmla="*/ 322 w 322" name="T18"/>
                  <a:gd fmla="*/ 42 h 266" name="T19"/>
                  <a:gd fmla="*/ 277 w 322" name="T20"/>
                  <a:gd fmla="*/ 0 h 266" name="T21"/>
                  <a:gd fmla="*/ 45 w 322" name="T22"/>
                  <a:gd fmla="*/ 0 h 266" name="T23"/>
                  <a:gd fmla="*/ 0 w 322" name="T24"/>
                  <a:gd fmla="*/ 42 h 266" name="T25"/>
                  <a:gd fmla="*/ 0 w 322" name="T26"/>
                  <a:gd fmla="*/ 266 h 266" name="T27"/>
                  <a:gd fmla="*/ 18 w 322" name="T28"/>
                  <a:gd fmla="*/ 266 h 266" name="T2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b="b" l="0" r="r" t="0"/>
                <a:pathLst>
                  <a:path h="266" w="322">
                    <a:moveTo>
                      <a:pt x="18" y="266"/>
                    </a:moveTo>
                    <a:cubicBezTo>
                      <a:pt x="18" y="42"/>
                      <a:pt x="18" y="42"/>
                      <a:pt x="18" y="42"/>
                    </a:cubicBezTo>
                    <a:cubicBezTo>
                      <a:pt x="18" y="35"/>
                      <a:pt x="21" y="29"/>
                      <a:pt x="26" y="25"/>
                    </a:cubicBezTo>
                    <a:cubicBezTo>
                      <a:pt x="31" y="20"/>
                      <a:pt x="38" y="18"/>
                      <a:pt x="45" y="18"/>
                    </a:cubicBezTo>
                    <a:cubicBezTo>
                      <a:pt x="277" y="18"/>
                      <a:pt x="277" y="18"/>
                      <a:pt x="277" y="18"/>
                    </a:cubicBezTo>
                    <a:cubicBezTo>
                      <a:pt x="285" y="18"/>
                      <a:pt x="292" y="20"/>
                      <a:pt x="296" y="25"/>
                    </a:cubicBezTo>
                    <a:cubicBezTo>
                      <a:pt x="301" y="29"/>
                      <a:pt x="304" y="35"/>
                      <a:pt x="304" y="42"/>
                    </a:cubicBezTo>
                    <a:cubicBezTo>
                      <a:pt x="304" y="266"/>
                      <a:pt x="304" y="266"/>
                      <a:pt x="304" y="266"/>
                    </a:cubicBezTo>
                    <a:cubicBezTo>
                      <a:pt x="322" y="266"/>
                      <a:pt x="322" y="266"/>
                      <a:pt x="322" y="266"/>
                    </a:cubicBezTo>
                    <a:cubicBezTo>
                      <a:pt x="322" y="42"/>
                      <a:pt x="322" y="42"/>
                      <a:pt x="322" y="42"/>
                    </a:cubicBezTo>
                    <a:cubicBezTo>
                      <a:pt x="322" y="18"/>
                      <a:pt x="301" y="0"/>
                      <a:pt x="277" y="0"/>
                    </a:cubicBezTo>
                    <a:cubicBezTo>
                      <a:pt x="45" y="0"/>
                      <a:pt x="45" y="0"/>
                      <a:pt x="45" y="0"/>
                    </a:cubicBezTo>
                    <a:cubicBezTo>
                      <a:pt x="21" y="0"/>
                      <a:pt x="1" y="18"/>
                      <a:pt x="0" y="42"/>
                    </a:cubicBezTo>
                    <a:cubicBezTo>
                      <a:pt x="0" y="266"/>
                      <a:pt x="0" y="266"/>
                      <a:pt x="0" y="266"/>
                    </a:cubicBezTo>
                    <a:lnTo>
                      <a:pt x="18" y="266"/>
                    </a:ln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3" name="Freeform 193"/>
              <p:cNvSpPr>
                <a:spLocks noEditPoints="1"/>
              </p:cNvSpPr>
              <p:nvPr/>
            </p:nvSpPr>
            <p:spPr bwMode="auto">
              <a:xfrm>
                <a:off x="587375" y="-714376"/>
                <a:ext cx="1455737" cy="895351"/>
              </a:xfrm>
              <a:custGeom>
                <a:gdLst>
                  <a:gd fmla="*/ 383 w 388" name="T0"/>
                  <a:gd fmla="*/ 0 h 239" name="T1"/>
                  <a:gd fmla="*/ 208 w 388" name="T2"/>
                  <a:gd fmla="*/ 144 h 239" name="T3"/>
                  <a:gd fmla="*/ 180 w 388" name="T4"/>
                  <a:gd fmla="*/ 144 h 239" name="T5"/>
                  <a:gd fmla="*/ 6 w 388" name="T6"/>
                  <a:gd fmla="*/ 0 h 239" name="T7"/>
                  <a:gd fmla="*/ 0 w 388" name="T8"/>
                  <a:gd fmla="*/ 19 h 239" name="T9"/>
                  <a:gd fmla="*/ 0 w 388" name="T10"/>
                  <a:gd fmla="*/ 203 h 239" name="T11"/>
                  <a:gd fmla="*/ 36 w 388" name="T12"/>
                  <a:gd fmla="*/ 239 h 239" name="T13"/>
                  <a:gd fmla="*/ 352 w 388" name="T14"/>
                  <a:gd fmla="*/ 239 h 239" name="T15"/>
                  <a:gd fmla="*/ 388 w 388" name="T16"/>
                  <a:gd fmla="*/ 203 h 239" name="T17"/>
                  <a:gd fmla="*/ 388 w 388" name="T18"/>
                  <a:gd fmla="*/ 19 h 239" name="T19"/>
                  <a:gd fmla="*/ 383 w 388" name="T20"/>
                  <a:gd fmla="*/ 0 h 239" name="T21"/>
                  <a:gd fmla="*/ 128 w 388" name="T22"/>
                  <a:gd fmla="*/ 155 h 239" name="T23"/>
                  <a:gd fmla="*/ 38 w 388" name="T24"/>
                  <a:gd fmla="*/ 211 h 239" name="T25"/>
                  <a:gd fmla="*/ 28 w 388" name="T26"/>
                  <a:gd fmla="*/ 208 h 239" name="T27"/>
                  <a:gd fmla="*/ 30 w 388" name="T28"/>
                  <a:gd fmla="*/ 198 h 239" name="T29"/>
                  <a:gd fmla="*/ 120 w 388" name="T30"/>
                  <a:gd fmla="*/ 142 h 239" name="T31"/>
                  <a:gd fmla="*/ 131 w 388" name="T32"/>
                  <a:gd fmla="*/ 145 h 239" name="T33"/>
                  <a:gd fmla="*/ 128 w 388" name="T34"/>
                  <a:gd fmla="*/ 155 h 239" name="T35"/>
                  <a:gd fmla="*/ 361 w 388" name="T36"/>
                  <a:gd fmla="*/ 208 h 239" name="T37"/>
                  <a:gd fmla="*/ 351 w 388" name="T38"/>
                  <a:gd fmla="*/ 211 h 239" name="T39"/>
                  <a:gd fmla="*/ 260 w 388" name="T40"/>
                  <a:gd fmla="*/ 155 h 239" name="T41"/>
                  <a:gd fmla="*/ 258 w 388" name="T42"/>
                  <a:gd fmla="*/ 145 h 239" name="T43"/>
                  <a:gd fmla="*/ 268 w 388" name="T44"/>
                  <a:gd fmla="*/ 142 h 239" name="T45"/>
                  <a:gd fmla="*/ 359 w 388" name="T46"/>
                  <a:gd fmla="*/ 198 h 239" name="T47"/>
                  <a:gd fmla="*/ 361 w 388" name="T48"/>
                  <a:gd fmla="*/ 208 h 239" name="T4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b="b" l="0" r="r" t="0"/>
                <a:pathLst>
                  <a:path h="239" w="388">
                    <a:moveTo>
                      <a:pt x="383" y="0"/>
                    </a:moveTo>
                    <a:cubicBezTo>
                      <a:pt x="208" y="144"/>
                      <a:pt x="208" y="144"/>
                      <a:pt x="208" y="144"/>
                    </a:cubicBezTo>
                    <a:cubicBezTo>
                      <a:pt x="201" y="150"/>
                      <a:pt x="188" y="150"/>
                      <a:pt x="180" y="144"/>
                    </a:cubicBezTo>
                    <a:cubicBezTo>
                      <a:pt x="6" y="0"/>
                      <a:pt x="6" y="0"/>
                      <a:pt x="6" y="0"/>
                    </a:cubicBezTo>
                    <a:cubicBezTo>
                      <a:pt x="2" y="6"/>
                      <a:pt x="0" y="12"/>
                      <a:pt x="0" y="19"/>
                    </a:cubicBezTo>
                    <a:cubicBezTo>
                      <a:pt x="0" y="203"/>
                      <a:pt x="0" y="203"/>
                      <a:pt x="0" y="203"/>
                    </a:cubicBezTo>
                    <a:cubicBezTo>
                      <a:pt x="0" y="223"/>
                      <a:pt x="16" y="239"/>
                      <a:pt x="36" y="239"/>
                    </a:cubicBezTo>
                    <a:cubicBezTo>
                      <a:pt x="352" y="239"/>
                      <a:pt x="352" y="239"/>
                      <a:pt x="352" y="239"/>
                    </a:cubicBezTo>
                    <a:cubicBezTo>
                      <a:pt x="372" y="239"/>
                      <a:pt x="388" y="223"/>
                      <a:pt x="388" y="203"/>
                    </a:cubicBezTo>
                    <a:cubicBezTo>
                      <a:pt x="388" y="19"/>
                      <a:pt x="388" y="19"/>
                      <a:pt x="388" y="19"/>
                    </a:cubicBezTo>
                    <a:cubicBezTo>
                      <a:pt x="388" y="12"/>
                      <a:pt x="386" y="6"/>
                      <a:pt x="383" y="0"/>
                    </a:cubicBezTo>
                    <a:close/>
                    <a:moveTo>
                      <a:pt x="128" y="155"/>
                    </a:moveTo>
                    <a:cubicBezTo>
                      <a:pt x="38" y="211"/>
                      <a:pt x="38" y="211"/>
                      <a:pt x="38" y="211"/>
                    </a:cubicBezTo>
                    <a:cubicBezTo>
                      <a:pt x="34" y="213"/>
                      <a:pt x="30" y="212"/>
                      <a:pt x="28" y="208"/>
                    </a:cubicBezTo>
                    <a:cubicBezTo>
                      <a:pt x="25" y="205"/>
                      <a:pt x="27" y="200"/>
                      <a:pt x="30" y="198"/>
                    </a:cubicBezTo>
                    <a:cubicBezTo>
                      <a:pt x="120" y="142"/>
                      <a:pt x="120" y="142"/>
                      <a:pt x="120" y="142"/>
                    </a:cubicBezTo>
                    <a:cubicBezTo>
                      <a:pt x="124" y="140"/>
                      <a:pt x="129" y="141"/>
                      <a:pt x="131" y="145"/>
                    </a:cubicBezTo>
                    <a:cubicBezTo>
                      <a:pt x="133" y="148"/>
                      <a:pt x="132" y="153"/>
                      <a:pt x="128" y="155"/>
                    </a:cubicBezTo>
                    <a:close/>
                    <a:moveTo>
                      <a:pt x="361" y="208"/>
                    </a:moveTo>
                    <a:cubicBezTo>
                      <a:pt x="359" y="212"/>
                      <a:pt x="354" y="213"/>
                      <a:pt x="351" y="211"/>
                    </a:cubicBezTo>
                    <a:cubicBezTo>
                      <a:pt x="260" y="155"/>
                      <a:pt x="260" y="155"/>
                      <a:pt x="260" y="155"/>
                    </a:cubicBezTo>
                    <a:cubicBezTo>
                      <a:pt x="257" y="153"/>
                      <a:pt x="256" y="148"/>
                      <a:pt x="258" y="145"/>
                    </a:cubicBezTo>
                    <a:cubicBezTo>
                      <a:pt x="260" y="141"/>
                      <a:pt x="265" y="140"/>
                      <a:pt x="268" y="142"/>
                    </a:cubicBezTo>
                    <a:cubicBezTo>
                      <a:pt x="359" y="198"/>
                      <a:pt x="359" y="198"/>
                      <a:pt x="359" y="198"/>
                    </a:cubicBezTo>
                    <a:cubicBezTo>
                      <a:pt x="362" y="200"/>
                      <a:pt x="363" y="205"/>
                      <a:pt x="361" y="208"/>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grpSp>
        <p:nvGrpSpPr>
          <p:cNvPr id="72" name="组合 71"/>
          <p:cNvGrpSpPr/>
          <p:nvPr/>
        </p:nvGrpSpPr>
        <p:grpSpPr>
          <a:xfrm>
            <a:off x="3444832" y="1956990"/>
            <a:ext cx="592872" cy="592872"/>
            <a:chOff x="2936832" y="1956990"/>
            <a:chExt cx="592872" cy="592872"/>
          </a:xfrm>
        </p:grpSpPr>
        <p:sp useBgFill="1">
          <p:nvSpPr>
            <p:cNvPr id="8" name="椭圆 7"/>
            <p:cNvSpPr/>
            <p:nvPr/>
          </p:nvSpPr>
          <p:spPr>
            <a:xfrm rot="18000000">
              <a:off x="2936832" y="1956990"/>
              <a:ext cx="592872" cy="592872"/>
            </a:xfrm>
            <a:prstGeom prst="ellipse">
              <a:avLst/>
            </a:prstGeom>
            <a:solidFill>
              <a:schemeClr val="bg1"/>
            </a:solidFill>
            <a:ln>
              <a:solidFill>
                <a:srgbClr val="00544A"/>
              </a:solidFill>
            </a:ln>
            <a:effectLst>
              <a:outerShdw algn="t" blurRad="101600" dir="5400000" dist="38100" rotWithShape="0">
                <a:prstClr val="black">
                  <a:alpha val="30000"/>
                </a:prstClr>
              </a:outerShdw>
            </a:effectLst>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nvGrpSpPr>
            <p:cNvPr id="44" name="组合 43"/>
            <p:cNvGrpSpPr/>
            <p:nvPr/>
          </p:nvGrpSpPr>
          <p:grpSpPr>
            <a:xfrm>
              <a:off x="3053741" y="2079693"/>
              <a:ext cx="359053" cy="337528"/>
              <a:chOff x="-2553911" y="3559322"/>
              <a:chExt cx="1826946" cy="1717745"/>
            </a:xfrm>
            <a:solidFill>
              <a:schemeClr val="tx1">
                <a:lumMod val="75000"/>
                <a:lumOff val="25000"/>
              </a:schemeClr>
            </a:solidFill>
            <a:effectLst>
              <a:outerShdw algn="ctr" blurRad="88900" rotWithShape="0" sx="102000" sy="102000">
                <a:schemeClr val="bg1">
                  <a:lumMod val="65000"/>
                  <a:alpha val="40000"/>
                </a:schemeClr>
              </a:outerShdw>
            </a:effectLst>
          </p:grpSpPr>
          <p:sp>
            <p:nvSpPr>
              <p:cNvPr id="45" name="Freeform 92"/>
              <p:cNvSpPr/>
              <p:nvPr/>
            </p:nvSpPr>
            <p:spPr bwMode="auto">
              <a:xfrm>
                <a:off x="-1233304" y="4883352"/>
                <a:ext cx="160314" cy="168281"/>
              </a:xfrm>
              <a:custGeom>
                <a:gdLst>
                  <a:gd fmla="*/ 5 w 43" name="T0"/>
                  <a:gd fmla="*/ 4 h 45" name="T1"/>
                  <a:gd fmla="*/ 20 w 43" name="T2"/>
                  <a:gd fmla="*/ 5 h 45" name="T3"/>
                  <a:gd fmla="*/ 20 w 43" name="T4"/>
                  <a:gd fmla="*/ 5 h 45" name="T5"/>
                  <a:gd fmla="*/ 39 w 43" name="T6"/>
                  <a:gd fmla="*/ 25 h 45" name="T7"/>
                  <a:gd fmla="*/ 38 w 43" name="T8"/>
                  <a:gd fmla="*/ 41 h 45" name="T9"/>
                  <a:gd fmla="*/ 38 w 43" name="T10"/>
                  <a:gd fmla="*/ 41 h 45" name="T11"/>
                  <a:gd fmla="*/ 23 w 43" name="T12"/>
                  <a:gd fmla="*/ 40 h 45" name="T13"/>
                  <a:gd fmla="*/ 23 w 43" name="T14"/>
                  <a:gd fmla="*/ 40 h 45" name="T15"/>
                  <a:gd fmla="*/ 4 w 43" name="T16"/>
                  <a:gd fmla="*/ 20 h 45" name="T17"/>
                  <a:gd fmla="*/ 2 w 43" name="T18"/>
                  <a:gd fmla="*/ 18 h 45" name="T19"/>
                  <a:gd fmla="*/ 2 w 43" name="T20"/>
                  <a:gd fmla="*/ 18 h 45" name="T21"/>
                  <a:gd fmla="*/ 5 w 43" name="T22"/>
                  <a:gd fmla="*/ 4 h 45" name="T2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b="b" l="0" r="r" t="0"/>
                <a:pathLst>
                  <a:path h="45" w="43">
                    <a:moveTo>
                      <a:pt x="5" y="4"/>
                    </a:moveTo>
                    <a:cubicBezTo>
                      <a:pt x="9" y="0"/>
                      <a:pt x="16" y="0"/>
                      <a:pt x="20" y="5"/>
                    </a:cubicBezTo>
                    <a:cubicBezTo>
                      <a:pt x="20" y="5"/>
                      <a:pt x="20" y="5"/>
                      <a:pt x="20" y="5"/>
                    </a:cubicBezTo>
                    <a:cubicBezTo>
                      <a:pt x="39" y="25"/>
                      <a:pt x="39" y="25"/>
                      <a:pt x="39" y="25"/>
                    </a:cubicBezTo>
                    <a:cubicBezTo>
                      <a:pt x="43" y="30"/>
                      <a:pt x="43" y="37"/>
                      <a:pt x="38" y="41"/>
                    </a:cubicBezTo>
                    <a:cubicBezTo>
                      <a:pt x="38" y="41"/>
                      <a:pt x="38" y="41"/>
                      <a:pt x="38" y="41"/>
                    </a:cubicBezTo>
                    <a:cubicBezTo>
                      <a:pt x="34" y="45"/>
                      <a:pt x="27" y="45"/>
                      <a:pt x="23" y="40"/>
                    </a:cubicBezTo>
                    <a:cubicBezTo>
                      <a:pt x="23" y="40"/>
                      <a:pt x="23" y="40"/>
                      <a:pt x="23" y="40"/>
                    </a:cubicBezTo>
                    <a:cubicBezTo>
                      <a:pt x="4" y="20"/>
                      <a:pt x="4" y="20"/>
                      <a:pt x="4" y="20"/>
                    </a:cubicBezTo>
                    <a:cubicBezTo>
                      <a:pt x="3" y="19"/>
                      <a:pt x="3" y="18"/>
                      <a:pt x="2" y="18"/>
                    </a:cubicBezTo>
                    <a:cubicBezTo>
                      <a:pt x="2" y="18"/>
                      <a:pt x="2" y="18"/>
                      <a:pt x="2" y="18"/>
                    </a:cubicBezTo>
                    <a:cubicBezTo>
                      <a:pt x="0" y="13"/>
                      <a:pt x="1" y="8"/>
                      <a:pt x="5" y="4"/>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6" name="Freeform 93"/>
              <p:cNvSpPr/>
              <p:nvPr/>
            </p:nvSpPr>
            <p:spPr bwMode="auto">
              <a:xfrm>
                <a:off x="-1211083" y="4718246"/>
                <a:ext cx="190471" cy="131768"/>
              </a:xfrm>
              <a:custGeom>
                <a:gdLst>
                  <a:gd fmla="*/ 2 w 51" name="T0"/>
                  <a:gd fmla="*/ 27 h 35" name="T1"/>
                  <a:gd fmla="*/ 17 w 51" name="T2"/>
                  <a:gd fmla="*/ 33 h 35" name="T3"/>
                  <a:gd fmla="*/ 17 w 51" name="T4"/>
                  <a:gd fmla="*/ 33 h 35" name="T5"/>
                  <a:gd fmla="*/ 42 w 51" name="T6"/>
                  <a:gd fmla="*/ 23 h 35" name="T7"/>
                  <a:gd fmla="*/ 49 w 51" name="T8"/>
                  <a:gd fmla="*/ 9 h 35" name="T9"/>
                  <a:gd fmla="*/ 49 w 51" name="T10"/>
                  <a:gd fmla="*/ 9 h 35" name="T11"/>
                  <a:gd fmla="*/ 34 w 51" name="T12"/>
                  <a:gd fmla="*/ 2 h 35" name="T13"/>
                  <a:gd fmla="*/ 34 w 51" name="T14"/>
                  <a:gd fmla="*/ 2 h 35" name="T15"/>
                  <a:gd fmla="*/ 9 w 51" name="T16"/>
                  <a:gd fmla="*/ 12 h 35" name="T17"/>
                  <a:gd fmla="*/ 6 w 51" name="T18"/>
                  <a:gd fmla="*/ 14 h 35" name="T19"/>
                  <a:gd fmla="*/ 6 w 51" name="T20"/>
                  <a:gd fmla="*/ 14 h 35" name="T21"/>
                  <a:gd fmla="*/ 2 w 51" name="T22"/>
                  <a:gd fmla="*/ 27 h 35" name="T2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b="b" l="0" r="r" t="0"/>
                <a:pathLst>
                  <a:path h="35" w="51">
                    <a:moveTo>
                      <a:pt x="2" y="27"/>
                    </a:moveTo>
                    <a:cubicBezTo>
                      <a:pt x="4" y="33"/>
                      <a:pt x="11" y="35"/>
                      <a:pt x="17" y="33"/>
                    </a:cubicBezTo>
                    <a:cubicBezTo>
                      <a:pt x="17" y="33"/>
                      <a:pt x="17" y="33"/>
                      <a:pt x="17" y="33"/>
                    </a:cubicBezTo>
                    <a:cubicBezTo>
                      <a:pt x="42" y="23"/>
                      <a:pt x="42" y="23"/>
                      <a:pt x="42" y="23"/>
                    </a:cubicBezTo>
                    <a:cubicBezTo>
                      <a:pt x="48" y="21"/>
                      <a:pt x="51" y="14"/>
                      <a:pt x="49" y="9"/>
                    </a:cubicBezTo>
                    <a:cubicBezTo>
                      <a:pt x="49" y="9"/>
                      <a:pt x="49" y="9"/>
                      <a:pt x="49" y="9"/>
                    </a:cubicBezTo>
                    <a:cubicBezTo>
                      <a:pt x="47" y="3"/>
                      <a:pt x="40" y="0"/>
                      <a:pt x="34" y="2"/>
                    </a:cubicBezTo>
                    <a:cubicBezTo>
                      <a:pt x="34" y="2"/>
                      <a:pt x="34" y="2"/>
                      <a:pt x="34" y="2"/>
                    </a:cubicBezTo>
                    <a:cubicBezTo>
                      <a:pt x="9" y="12"/>
                      <a:pt x="9" y="12"/>
                      <a:pt x="9" y="12"/>
                    </a:cubicBezTo>
                    <a:cubicBezTo>
                      <a:pt x="8" y="13"/>
                      <a:pt x="7" y="13"/>
                      <a:pt x="6" y="14"/>
                    </a:cubicBezTo>
                    <a:cubicBezTo>
                      <a:pt x="6" y="14"/>
                      <a:pt x="6" y="14"/>
                      <a:pt x="6" y="14"/>
                    </a:cubicBezTo>
                    <a:cubicBezTo>
                      <a:pt x="2" y="17"/>
                      <a:pt x="0" y="22"/>
                      <a:pt x="2" y="27"/>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7" name="Freeform 94"/>
              <p:cNvSpPr>
                <a:spLocks noEditPoints="1"/>
              </p:cNvSpPr>
              <p:nvPr/>
            </p:nvSpPr>
            <p:spPr bwMode="auto">
              <a:xfrm>
                <a:off x="-2249157" y="4167358"/>
                <a:ext cx="801572" cy="806484"/>
              </a:xfrm>
              <a:custGeom>
                <a:gdLst>
                  <a:gd fmla="*/ 0 w 214" name="T0"/>
                  <a:gd fmla="*/ 108 h 215" name="T1"/>
                  <a:gd fmla="*/ 107 w 214" name="T2"/>
                  <a:gd fmla="*/ 0 h 215" name="T3"/>
                  <a:gd fmla="*/ 107 w 214" name="T4"/>
                  <a:gd fmla="*/ 0 h 215" name="T5"/>
                  <a:gd fmla="*/ 214 w 214" name="T6"/>
                  <a:gd fmla="*/ 108 h 215" name="T7"/>
                  <a:gd fmla="*/ 214 w 214" name="T8"/>
                  <a:gd fmla="*/ 108 h 215" name="T9"/>
                  <a:gd fmla="*/ 107 w 214" name="T10"/>
                  <a:gd fmla="*/ 215 h 215" name="T11"/>
                  <a:gd fmla="*/ 107 w 214" name="T12"/>
                  <a:gd fmla="*/ 215 h 215" name="T13"/>
                  <a:gd fmla="*/ 0 w 214" name="T14"/>
                  <a:gd fmla="*/ 108 h 215" name="T15"/>
                  <a:gd fmla="*/ 10 w 214" name="T16"/>
                  <a:gd fmla="*/ 108 h 215" name="T17"/>
                  <a:gd fmla="*/ 107 w 214" name="T18"/>
                  <a:gd fmla="*/ 205 h 215" name="T19"/>
                  <a:gd fmla="*/ 107 w 214" name="T20"/>
                  <a:gd fmla="*/ 205 h 215" name="T21"/>
                  <a:gd fmla="*/ 204 w 214" name="T22"/>
                  <a:gd fmla="*/ 108 h 215" name="T23"/>
                  <a:gd fmla="*/ 204 w 214" name="T24"/>
                  <a:gd fmla="*/ 108 h 215" name="T25"/>
                  <a:gd fmla="*/ 107 w 214" name="T26"/>
                  <a:gd fmla="*/ 11 h 215" name="T27"/>
                  <a:gd fmla="*/ 107 w 214" name="T28"/>
                  <a:gd fmla="*/ 11 h 215" name="T29"/>
                  <a:gd fmla="*/ 10 w 214" name="T30"/>
                  <a:gd fmla="*/ 108 h 215" name="T31"/>
                  <a:gd fmla="*/ 10 w 214" name="T32"/>
                  <a:gd fmla="*/ 108 h 215" name="T3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b="b" l="0" r="r" t="0"/>
                <a:pathLst>
                  <a:path h="215" w="214">
                    <a:moveTo>
                      <a:pt x="0" y="108"/>
                    </a:moveTo>
                    <a:cubicBezTo>
                      <a:pt x="0" y="48"/>
                      <a:pt x="48" y="0"/>
                      <a:pt x="107" y="0"/>
                    </a:cubicBezTo>
                    <a:cubicBezTo>
                      <a:pt x="107" y="0"/>
                      <a:pt x="107" y="0"/>
                      <a:pt x="107" y="0"/>
                    </a:cubicBezTo>
                    <a:cubicBezTo>
                      <a:pt x="166" y="0"/>
                      <a:pt x="214" y="48"/>
                      <a:pt x="214" y="108"/>
                    </a:cubicBezTo>
                    <a:cubicBezTo>
                      <a:pt x="214" y="108"/>
                      <a:pt x="214" y="108"/>
                      <a:pt x="214" y="108"/>
                    </a:cubicBezTo>
                    <a:cubicBezTo>
                      <a:pt x="214" y="167"/>
                      <a:pt x="166" y="215"/>
                      <a:pt x="107" y="215"/>
                    </a:cubicBezTo>
                    <a:cubicBezTo>
                      <a:pt x="107" y="215"/>
                      <a:pt x="107" y="215"/>
                      <a:pt x="107" y="215"/>
                    </a:cubicBezTo>
                    <a:cubicBezTo>
                      <a:pt x="48" y="215"/>
                      <a:pt x="0" y="167"/>
                      <a:pt x="0" y="108"/>
                    </a:cubicBezTo>
                    <a:close/>
                    <a:moveTo>
                      <a:pt x="10" y="108"/>
                    </a:moveTo>
                    <a:cubicBezTo>
                      <a:pt x="10" y="161"/>
                      <a:pt x="54" y="204"/>
                      <a:pt x="107" y="205"/>
                    </a:cubicBezTo>
                    <a:cubicBezTo>
                      <a:pt x="107" y="205"/>
                      <a:pt x="107" y="205"/>
                      <a:pt x="107" y="205"/>
                    </a:cubicBezTo>
                    <a:cubicBezTo>
                      <a:pt x="161" y="204"/>
                      <a:pt x="204" y="161"/>
                      <a:pt x="204" y="108"/>
                    </a:cubicBezTo>
                    <a:cubicBezTo>
                      <a:pt x="204" y="108"/>
                      <a:pt x="204" y="108"/>
                      <a:pt x="204" y="108"/>
                    </a:cubicBezTo>
                    <a:cubicBezTo>
                      <a:pt x="204" y="54"/>
                      <a:pt x="161" y="11"/>
                      <a:pt x="107" y="11"/>
                    </a:cubicBezTo>
                    <a:cubicBezTo>
                      <a:pt x="107" y="11"/>
                      <a:pt x="107" y="11"/>
                      <a:pt x="107" y="11"/>
                    </a:cubicBezTo>
                    <a:cubicBezTo>
                      <a:pt x="54" y="11"/>
                      <a:pt x="10" y="54"/>
                      <a:pt x="10" y="108"/>
                    </a:cubicBezTo>
                    <a:cubicBezTo>
                      <a:pt x="10" y="108"/>
                      <a:pt x="10" y="108"/>
                      <a:pt x="10" y="108"/>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8" name="Freeform 95"/>
              <p:cNvSpPr>
                <a:spLocks noEditPoints="1"/>
              </p:cNvSpPr>
              <p:nvPr/>
            </p:nvSpPr>
            <p:spPr bwMode="auto">
              <a:xfrm>
                <a:off x="-2553911" y="3864133"/>
                <a:ext cx="1414255" cy="1412934"/>
              </a:xfrm>
              <a:custGeom>
                <a:gdLst>
                  <a:gd fmla="*/ 377 w 377" name="T0"/>
                  <a:gd fmla="*/ 182 h 377" name="T1"/>
                  <a:gd fmla="*/ 341 w 377" name="T2"/>
                  <a:gd fmla="*/ 149 h 377" name="T3"/>
                  <a:gd fmla="*/ 325 w 377" name="T4"/>
                  <a:gd fmla="*/ 110 h 377" name="T5"/>
                  <a:gd fmla="*/ 327 w 377" name="T6"/>
                  <a:gd fmla="*/ 61 h 377" name="T7"/>
                  <a:gd fmla="*/ 324 w 377" name="T8"/>
                  <a:gd fmla="*/ 58 h 377" name="T9"/>
                  <a:gd fmla="*/ 319 w 377" name="T10"/>
                  <a:gd fmla="*/ 53 h 377" name="T11"/>
                  <a:gd fmla="*/ 317 w 377" name="T12"/>
                  <a:gd fmla="*/ 51 h 377" name="T13"/>
                  <a:gd fmla="*/ 268 w 377" name="T14"/>
                  <a:gd fmla="*/ 53 h 377" name="T15"/>
                  <a:gd fmla="*/ 229 w 377" name="T16"/>
                  <a:gd fmla="*/ 36 h 377" name="T17"/>
                  <a:gd fmla="*/ 196 w 377" name="T18"/>
                  <a:gd fmla="*/ 0 h 377" name="T19"/>
                  <a:gd fmla="*/ 192 w 377" name="T20"/>
                  <a:gd fmla="*/ 0 h 377" name="T21"/>
                  <a:gd fmla="*/ 185 w 377" name="T22"/>
                  <a:gd fmla="*/ 0 h 377" name="T23"/>
                  <a:gd fmla="*/ 182 w 377" name="T24"/>
                  <a:gd fmla="*/ 0 h 377" name="T25"/>
                  <a:gd fmla="*/ 149 w 377" name="T26"/>
                  <a:gd fmla="*/ 36 h 377" name="T27"/>
                  <a:gd fmla="*/ 109 w 377" name="T28"/>
                  <a:gd fmla="*/ 52 h 377" name="T29"/>
                  <a:gd fmla="*/ 60 w 377" name="T30"/>
                  <a:gd fmla="*/ 50 h 377" name="T31"/>
                  <a:gd fmla="*/ 58 w 377" name="T32"/>
                  <a:gd fmla="*/ 52 h 377" name="T33"/>
                  <a:gd fmla="*/ 53 w 377" name="T34"/>
                  <a:gd fmla="*/ 57 h 377" name="T35"/>
                  <a:gd fmla="*/ 50 w 377" name="T36"/>
                  <a:gd fmla="*/ 60 h 377" name="T37"/>
                  <a:gd fmla="*/ 52 w 377" name="T38"/>
                  <a:gd fmla="*/ 108 h 377" name="T39"/>
                  <a:gd fmla="*/ 36 w 377" name="T40"/>
                  <a:gd fmla="*/ 148 h 377" name="T41"/>
                  <a:gd fmla="*/ 0 w 377" name="T42"/>
                  <a:gd fmla="*/ 181 h 377" name="T43"/>
                  <a:gd fmla="*/ 0 w 377" name="T44"/>
                  <a:gd fmla="*/ 184 h 377" name="T45"/>
                  <a:gd fmla="*/ 0 w 377" name="T46"/>
                  <a:gd fmla="*/ 191 h 377" name="T47"/>
                  <a:gd fmla="*/ 0 w 377" name="T48"/>
                  <a:gd fmla="*/ 195 h 377" name="T49"/>
                  <a:gd fmla="*/ 35 w 377" name="T50"/>
                  <a:gd fmla="*/ 228 h 377" name="T51"/>
                  <a:gd fmla="*/ 51 w 377" name="T52"/>
                  <a:gd fmla="*/ 267 h 377" name="T53"/>
                  <a:gd fmla="*/ 49 w 377" name="T54"/>
                  <a:gd fmla="*/ 316 h 377" name="T55"/>
                  <a:gd fmla="*/ 52 w 377" name="T56"/>
                  <a:gd fmla="*/ 319 h 377" name="T57"/>
                  <a:gd fmla="*/ 57 w 377" name="T58"/>
                  <a:gd fmla="*/ 324 h 377" name="T59"/>
                  <a:gd fmla="*/ 59 w 377" name="T60"/>
                  <a:gd fmla="*/ 326 h 377" name="T61"/>
                  <a:gd fmla="*/ 108 w 377" name="T62"/>
                  <a:gd fmla="*/ 324 h 377" name="T63"/>
                  <a:gd fmla="*/ 147 w 377" name="T64"/>
                  <a:gd fmla="*/ 341 h 377" name="T65"/>
                  <a:gd fmla="*/ 180 w 377" name="T66"/>
                  <a:gd fmla="*/ 377 h 377" name="T67"/>
                  <a:gd fmla="*/ 184 w 377" name="T68"/>
                  <a:gd fmla="*/ 377 h 377" name="T69"/>
                  <a:gd fmla="*/ 191 w 377" name="T70"/>
                  <a:gd fmla="*/ 377 h 377" name="T71"/>
                  <a:gd fmla="*/ 194 w 377" name="T72"/>
                  <a:gd fmla="*/ 377 h 377" name="T73"/>
                  <a:gd fmla="*/ 227 w 377" name="T74"/>
                  <a:gd fmla="*/ 341 h 377" name="T75"/>
                  <a:gd fmla="*/ 267 w 377" name="T76"/>
                  <a:gd fmla="*/ 325 h 377" name="T77"/>
                  <a:gd fmla="*/ 316 w 377" name="T78"/>
                  <a:gd fmla="*/ 327 h 377" name="T79"/>
                  <a:gd fmla="*/ 318 w 377" name="T80"/>
                  <a:gd fmla="*/ 325 h 377" name="T81"/>
                  <a:gd fmla="*/ 323 w 377" name="T82"/>
                  <a:gd fmla="*/ 320 h 377" name="T83"/>
                  <a:gd fmla="*/ 326 w 377" name="T84"/>
                  <a:gd fmla="*/ 317 h 377" name="T85"/>
                  <a:gd fmla="*/ 324 w 377" name="T86"/>
                  <a:gd fmla="*/ 269 h 377" name="T87"/>
                  <a:gd fmla="*/ 341 w 377" name="T88"/>
                  <a:gd fmla="*/ 229 h 377" name="T89"/>
                  <a:gd fmla="*/ 377 w 377" name="T90"/>
                  <a:gd fmla="*/ 196 h 377" name="T91"/>
                  <a:gd fmla="*/ 377 w 377" name="T92"/>
                  <a:gd fmla="*/ 193 h 377" name="T93"/>
                  <a:gd fmla="*/ 377 w 377" name="T94"/>
                  <a:gd fmla="*/ 186 h 377" name="T95"/>
                  <a:gd fmla="*/ 377 w 377" name="T96"/>
                  <a:gd fmla="*/ 182 h 377" name="T97"/>
                  <a:gd fmla="*/ 188 w 377" name="T98"/>
                  <a:gd fmla="*/ 303 h 377" name="T99"/>
                  <a:gd fmla="*/ 73 w 377" name="T100"/>
                  <a:gd fmla="*/ 189 h 377" name="T101"/>
                  <a:gd fmla="*/ 188 w 377" name="T102"/>
                  <a:gd fmla="*/ 74 h 377" name="T103"/>
                  <a:gd fmla="*/ 303 w 377" name="T104"/>
                  <a:gd fmla="*/ 189 h 377" name="T105"/>
                  <a:gd fmla="*/ 188 w 377" name="T106"/>
                  <a:gd fmla="*/ 303 h 377" name="T107"/>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b="b" l="0" r="r" t="0"/>
                <a:pathLst>
                  <a:path h="377" w="377">
                    <a:moveTo>
                      <a:pt x="377" y="182"/>
                    </a:moveTo>
                    <a:cubicBezTo>
                      <a:pt x="377" y="160"/>
                      <a:pt x="354" y="152"/>
                      <a:pt x="341" y="149"/>
                    </a:cubicBezTo>
                    <a:cubicBezTo>
                      <a:pt x="337" y="135"/>
                      <a:pt x="332" y="122"/>
                      <a:pt x="325" y="110"/>
                    </a:cubicBezTo>
                    <a:cubicBezTo>
                      <a:pt x="332" y="99"/>
                      <a:pt x="343" y="77"/>
                      <a:pt x="327" y="61"/>
                    </a:cubicBezTo>
                    <a:cubicBezTo>
                      <a:pt x="324" y="58"/>
                      <a:pt x="324" y="58"/>
                      <a:pt x="324" y="58"/>
                    </a:cubicBezTo>
                    <a:cubicBezTo>
                      <a:pt x="319" y="53"/>
                      <a:pt x="319" y="53"/>
                      <a:pt x="319" y="53"/>
                    </a:cubicBezTo>
                    <a:cubicBezTo>
                      <a:pt x="317" y="51"/>
                      <a:pt x="317" y="51"/>
                      <a:pt x="317" y="51"/>
                    </a:cubicBezTo>
                    <a:cubicBezTo>
                      <a:pt x="301" y="35"/>
                      <a:pt x="280" y="45"/>
                      <a:pt x="268" y="53"/>
                    </a:cubicBezTo>
                    <a:cubicBezTo>
                      <a:pt x="256" y="45"/>
                      <a:pt x="243" y="40"/>
                      <a:pt x="229" y="36"/>
                    </a:cubicBezTo>
                    <a:cubicBezTo>
                      <a:pt x="226" y="23"/>
                      <a:pt x="218" y="0"/>
                      <a:pt x="196" y="0"/>
                    </a:cubicBezTo>
                    <a:cubicBezTo>
                      <a:pt x="192" y="0"/>
                      <a:pt x="192" y="0"/>
                      <a:pt x="192" y="0"/>
                    </a:cubicBezTo>
                    <a:cubicBezTo>
                      <a:pt x="185" y="0"/>
                      <a:pt x="185" y="0"/>
                      <a:pt x="185" y="0"/>
                    </a:cubicBezTo>
                    <a:cubicBezTo>
                      <a:pt x="182" y="0"/>
                      <a:pt x="182" y="0"/>
                      <a:pt x="182" y="0"/>
                    </a:cubicBezTo>
                    <a:cubicBezTo>
                      <a:pt x="160" y="0"/>
                      <a:pt x="152" y="23"/>
                      <a:pt x="149" y="36"/>
                    </a:cubicBezTo>
                    <a:cubicBezTo>
                      <a:pt x="135" y="39"/>
                      <a:pt x="121" y="45"/>
                      <a:pt x="109" y="52"/>
                    </a:cubicBezTo>
                    <a:cubicBezTo>
                      <a:pt x="98" y="44"/>
                      <a:pt x="76" y="34"/>
                      <a:pt x="60" y="50"/>
                    </a:cubicBezTo>
                    <a:cubicBezTo>
                      <a:pt x="58" y="52"/>
                      <a:pt x="58" y="52"/>
                      <a:pt x="58" y="52"/>
                    </a:cubicBezTo>
                    <a:cubicBezTo>
                      <a:pt x="53" y="57"/>
                      <a:pt x="53" y="57"/>
                      <a:pt x="53" y="57"/>
                    </a:cubicBezTo>
                    <a:cubicBezTo>
                      <a:pt x="50" y="60"/>
                      <a:pt x="50" y="60"/>
                      <a:pt x="50" y="60"/>
                    </a:cubicBezTo>
                    <a:cubicBezTo>
                      <a:pt x="35" y="75"/>
                      <a:pt x="45" y="97"/>
                      <a:pt x="52" y="108"/>
                    </a:cubicBezTo>
                    <a:cubicBezTo>
                      <a:pt x="45" y="120"/>
                      <a:pt x="39" y="134"/>
                      <a:pt x="36" y="148"/>
                    </a:cubicBezTo>
                    <a:cubicBezTo>
                      <a:pt x="23" y="150"/>
                      <a:pt x="0" y="158"/>
                      <a:pt x="0" y="181"/>
                    </a:cubicBezTo>
                    <a:cubicBezTo>
                      <a:pt x="0" y="184"/>
                      <a:pt x="0" y="184"/>
                      <a:pt x="0" y="184"/>
                    </a:cubicBezTo>
                    <a:cubicBezTo>
                      <a:pt x="0" y="191"/>
                      <a:pt x="0" y="191"/>
                      <a:pt x="0" y="191"/>
                    </a:cubicBezTo>
                    <a:cubicBezTo>
                      <a:pt x="0" y="195"/>
                      <a:pt x="0" y="195"/>
                      <a:pt x="0" y="195"/>
                    </a:cubicBezTo>
                    <a:cubicBezTo>
                      <a:pt x="0" y="217"/>
                      <a:pt x="22" y="225"/>
                      <a:pt x="35" y="228"/>
                    </a:cubicBezTo>
                    <a:cubicBezTo>
                      <a:pt x="39" y="242"/>
                      <a:pt x="44" y="255"/>
                      <a:pt x="51" y="267"/>
                    </a:cubicBezTo>
                    <a:cubicBezTo>
                      <a:pt x="44" y="279"/>
                      <a:pt x="33" y="300"/>
                      <a:pt x="49" y="316"/>
                    </a:cubicBezTo>
                    <a:cubicBezTo>
                      <a:pt x="52" y="319"/>
                      <a:pt x="52" y="319"/>
                      <a:pt x="52" y="319"/>
                    </a:cubicBezTo>
                    <a:cubicBezTo>
                      <a:pt x="57" y="324"/>
                      <a:pt x="57" y="324"/>
                      <a:pt x="57" y="324"/>
                    </a:cubicBezTo>
                    <a:cubicBezTo>
                      <a:pt x="59" y="326"/>
                      <a:pt x="59" y="326"/>
                      <a:pt x="59" y="326"/>
                    </a:cubicBezTo>
                    <a:cubicBezTo>
                      <a:pt x="75" y="342"/>
                      <a:pt x="97" y="332"/>
                      <a:pt x="108" y="324"/>
                    </a:cubicBezTo>
                    <a:cubicBezTo>
                      <a:pt x="120" y="332"/>
                      <a:pt x="133" y="337"/>
                      <a:pt x="147" y="341"/>
                    </a:cubicBezTo>
                    <a:cubicBezTo>
                      <a:pt x="150" y="354"/>
                      <a:pt x="158" y="377"/>
                      <a:pt x="180" y="377"/>
                    </a:cubicBezTo>
                    <a:cubicBezTo>
                      <a:pt x="184" y="377"/>
                      <a:pt x="184" y="377"/>
                      <a:pt x="184" y="377"/>
                    </a:cubicBezTo>
                    <a:cubicBezTo>
                      <a:pt x="191" y="377"/>
                      <a:pt x="191" y="377"/>
                      <a:pt x="191" y="377"/>
                    </a:cubicBezTo>
                    <a:cubicBezTo>
                      <a:pt x="194" y="377"/>
                      <a:pt x="194" y="377"/>
                      <a:pt x="194" y="377"/>
                    </a:cubicBezTo>
                    <a:cubicBezTo>
                      <a:pt x="217" y="377"/>
                      <a:pt x="225" y="355"/>
                      <a:pt x="227" y="341"/>
                    </a:cubicBezTo>
                    <a:cubicBezTo>
                      <a:pt x="241" y="338"/>
                      <a:pt x="255" y="332"/>
                      <a:pt x="267" y="325"/>
                    </a:cubicBezTo>
                    <a:cubicBezTo>
                      <a:pt x="278" y="333"/>
                      <a:pt x="300" y="343"/>
                      <a:pt x="316" y="327"/>
                    </a:cubicBezTo>
                    <a:cubicBezTo>
                      <a:pt x="318" y="325"/>
                      <a:pt x="318" y="325"/>
                      <a:pt x="318" y="325"/>
                    </a:cubicBezTo>
                    <a:cubicBezTo>
                      <a:pt x="323" y="320"/>
                      <a:pt x="323" y="320"/>
                      <a:pt x="323" y="320"/>
                    </a:cubicBezTo>
                    <a:cubicBezTo>
                      <a:pt x="326" y="317"/>
                      <a:pt x="326" y="317"/>
                      <a:pt x="326" y="317"/>
                    </a:cubicBezTo>
                    <a:cubicBezTo>
                      <a:pt x="342" y="302"/>
                      <a:pt x="331" y="280"/>
                      <a:pt x="324" y="269"/>
                    </a:cubicBezTo>
                    <a:cubicBezTo>
                      <a:pt x="331" y="257"/>
                      <a:pt x="337" y="243"/>
                      <a:pt x="341" y="229"/>
                    </a:cubicBezTo>
                    <a:cubicBezTo>
                      <a:pt x="354" y="227"/>
                      <a:pt x="377" y="219"/>
                      <a:pt x="377" y="196"/>
                    </a:cubicBezTo>
                    <a:cubicBezTo>
                      <a:pt x="377" y="193"/>
                      <a:pt x="377" y="193"/>
                      <a:pt x="377" y="193"/>
                    </a:cubicBezTo>
                    <a:cubicBezTo>
                      <a:pt x="377" y="186"/>
                      <a:pt x="377" y="186"/>
                      <a:pt x="377" y="186"/>
                    </a:cubicBezTo>
                    <a:lnTo>
                      <a:pt x="377" y="182"/>
                    </a:lnTo>
                    <a:close/>
                    <a:moveTo>
                      <a:pt x="188" y="303"/>
                    </a:moveTo>
                    <a:cubicBezTo>
                      <a:pt x="125" y="303"/>
                      <a:pt x="73" y="252"/>
                      <a:pt x="73" y="189"/>
                    </a:cubicBezTo>
                    <a:cubicBezTo>
                      <a:pt x="73" y="125"/>
                      <a:pt x="125" y="74"/>
                      <a:pt x="188" y="74"/>
                    </a:cubicBezTo>
                    <a:cubicBezTo>
                      <a:pt x="252" y="74"/>
                      <a:pt x="303" y="125"/>
                      <a:pt x="303" y="189"/>
                    </a:cubicBezTo>
                    <a:cubicBezTo>
                      <a:pt x="303" y="252"/>
                      <a:pt x="252" y="303"/>
                      <a:pt x="188" y="303"/>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9" name="Freeform 96"/>
              <p:cNvSpPr/>
              <p:nvPr/>
            </p:nvSpPr>
            <p:spPr bwMode="auto">
              <a:xfrm>
                <a:off x="-1574564" y="3559322"/>
                <a:ext cx="847599" cy="847758"/>
              </a:xfrm>
              <a:custGeom>
                <a:gdLst>
                  <a:gd fmla="*/ 204 w 226" name="T0"/>
                  <a:gd fmla="*/ 90 h 226" name="T1"/>
                  <a:gd fmla="*/ 195 w 226" name="T2"/>
                  <a:gd fmla="*/ 66 h 226" name="T3"/>
                  <a:gd fmla="*/ 196 w 226" name="T4"/>
                  <a:gd fmla="*/ 37 h 226" name="T5"/>
                  <a:gd fmla="*/ 195 w 226" name="T6"/>
                  <a:gd fmla="*/ 35 h 226" name="T7"/>
                  <a:gd fmla="*/ 192 w 226" name="T8"/>
                  <a:gd fmla="*/ 32 h 226" name="T9"/>
                  <a:gd fmla="*/ 190 w 226" name="T10"/>
                  <a:gd fmla="*/ 31 h 226" name="T11"/>
                  <a:gd fmla="*/ 161 w 226" name="T12"/>
                  <a:gd fmla="*/ 32 h 226" name="T13"/>
                  <a:gd fmla="*/ 137 w 226" name="T14"/>
                  <a:gd fmla="*/ 22 h 226" name="T15"/>
                  <a:gd fmla="*/ 117 w 226" name="T16"/>
                  <a:gd fmla="*/ 0 h 226" name="T17"/>
                  <a:gd fmla="*/ 115 w 226" name="T18"/>
                  <a:gd fmla="*/ 0 h 226" name="T19"/>
                  <a:gd fmla="*/ 111 w 226" name="T20"/>
                  <a:gd fmla="*/ 0 h 226" name="T21"/>
                  <a:gd fmla="*/ 109 w 226" name="T22"/>
                  <a:gd fmla="*/ 0 h 226" name="T23"/>
                  <a:gd fmla="*/ 89 w 226" name="T24"/>
                  <a:gd fmla="*/ 22 h 226" name="T25"/>
                  <a:gd fmla="*/ 66 w 226" name="T26"/>
                  <a:gd fmla="*/ 31 h 226" name="T27"/>
                  <a:gd fmla="*/ 36 w 226" name="T28"/>
                  <a:gd fmla="*/ 30 h 226" name="T29"/>
                  <a:gd fmla="*/ 35 w 226" name="T30"/>
                  <a:gd fmla="*/ 32 h 226" name="T31"/>
                  <a:gd fmla="*/ 32 w 226" name="T32"/>
                  <a:gd fmla="*/ 35 h 226" name="T33"/>
                  <a:gd fmla="*/ 30 w 226" name="T34"/>
                  <a:gd fmla="*/ 36 h 226" name="T35"/>
                  <a:gd fmla="*/ 31 w 226" name="T36"/>
                  <a:gd fmla="*/ 65 h 226" name="T37"/>
                  <a:gd fmla="*/ 21 w 226" name="T38"/>
                  <a:gd fmla="*/ 89 h 226" name="T39"/>
                  <a:gd fmla="*/ 0 w 226" name="T40"/>
                  <a:gd fmla="*/ 109 h 226" name="T41"/>
                  <a:gd fmla="*/ 0 w 226" name="T42"/>
                  <a:gd fmla="*/ 111 h 226" name="T43"/>
                  <a:gd fmla="*/ 0 w 226" name="T44"/>
                  <a:gd fmla="*/ 115 h 226" name="T45"/>
                  <a:gd fmla="*/ 0 w 226" name="T46"/>
                  <a:gd fmla="*/ 117 h 226" name="T47"/>
                  <a:gd fmla="*/ 0 w 226" name="T48"/>
                  <a:gd fmla="*/ 119 h 226" name="T49"/>
                  <a:gd fmla="*/ 7 w 226" name="T50"/>
                  <a:gd fmla="*/ 122 h 226" name="T51"/>
                  <a:gd fmla="*/ 36 w 226" name="T52"/>
                  <a:gd fmla="*/ 114 h 226" name="T53"/>
                  <a:gd fmla="*/ 44 w 226" name="T54"/>
                  <a:gd fmla="*/ 115 h 226" name="T55"/>
                  <a:gd fmla="*/ 44 w 226" name="T56"/>
                  <a:gd fmla="*/ 113 h 226" name="T57"/>
                  <a:gd fmla="*/ 113 w 226" name="T58"/>
                  <a:gd fmla="*/ 44 h 226" name="T59"/>
                  <a:gd fmla="*/ 182 w 226" name="T60"/>
                  <a:gd fmla="*/ 113 h 226" name="T61"/>
                  <a:gd fmla="*/ 113 w 226" name="T62"/>
                  <a:gd fmla="*/ 182 h 226" name="T63"/>
                  <a:gd fmla="*/ 82 w 226" name="T64"/>
                  <a:gd fmla="*/ 175 h 226" name="T65"/>
                  <a:gd fmla="*/ 75 w 226" name="T66"/>
                  <a:gd fmla="*/ 191 h 226" name="T67"/>
                  <a:gd fmla="*/ 80 w 226" name="T68"/>
                  <a:gd fmla="*/ 202 h 226" name="T69"/>
                  <a:gd fmla="*/ 88 w 226" name="T70"/>
                  <a:gd fmla="*/ 205 h 226" name="T71"/>
                  <a:gd fmla="*/ 108 w 226" name="T72"/>
                  <a:gd fmla="*/ 226 h 226" name="T73"/>
                  <a:gd fmla="*/ 110 w 226" name="T74"/>
                  <a:gd fmla="*/ 226 h 226" name="T75"/>
                  <a:gd fmla="*/ 114 w 226" name="T76"/>
                  <a:gd fmla="*/ 226 h 226" name="T77"/>
                  <a:gd fmla="*/ 117 w 226" name="T78"/>
                  <a:gd fmla="*/ 226 h 226" name="T79"/>
                  <a:gd fmla="*/ 136 w 226" name="T80"/>
                  <a:gd fmla="*/ 205 h 226" name="T81"/>
                  <a:gd fmla="*/ 160 w 226" name="T82"/>
                  <a:gd fmla="*/ 195 h 226" name="T83"/>
                  <a:gd fmla="*/ 189 w 226" name="T84"/>
                  <a:gd fmla="*/ 196 h 226" name="T85"/>
                  <a:gd fmla="*/ 191 w 226" name="T86"/>
                  <a:gd fmla="*/ 195 h 226" name="T87"/>
                  <a:gd fmla="*/ 194 w 226" name="T88"/>
                  <a:gd fmla="*/ 192 h 226" name="T89"/>
                  <a:gd fmla="*/ 195 w 226" name="T90"/>
                  <a:gd fmla="*/ 191 h 226" name="T91"/>
                  <a:gd fmla="*/ 194 w 226" name="T92"/>
                  <a:gd fmla="*/ 161 h 226" name="T93"/>
                  <a:gd fmla="*/ 204 w 226" name="T94"/>
                  <a:gd fmla="*/ 138 h 226" name="T95"/>
                  <a:gd fmla="*/ 226 w 226" name="T96"/>
                  <a:gd fmla="*/ 118 h 226" name="T97"/>
                  <a:gd fmla="*/ 226 w 226" name="T98"/>
                  <a:gd fmla="*/ 116 h 226" name="T99"/>
                  <a:gd fmla="*/ 226 w 226" name="T100"/>
                  <a:gd fmla="*/ 112 h 226" name="T101"/>
                  <a:gd fmla="*/ 226 w 226" name="T102"/>
                  <a:gd fmla="*/ 110 h 226" name="T103"/>
                  <a:gd fmla="*/ 204 w 226" name="T104"/>
                  <a:gd fmla="*/ 90 h 226" name="T10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b="b" l="0" r="r" t="0"/>
                <a:pathLst>
                  <a:path h="226" w="226">
                    <a:moveTo>
                      <a:pt x="204" y="90"/>
                    </a:moveTo>
                    <a:cubicBezTo>
                      <a:pt x="202" y="81"/>
                      <a:pt x="199" y="73"/>
                      <a:pt x="195" y="66"/>
                    </a:cubicBezTo>
                    <a:cubicBezTo>
                      <a:pt x="199" y="59"/>
                      <a:pt x="206" y="46"/>
                      <a:pt x="196" y="37"/>
                    </a:cubicBezTo>
                    <a:cubicBezTo>
                      <a:pt x="195" y="35"/>
                      <a:pt x="195" y="35"/>
                      <a:pt x="195" y="35"/>
                    </a:cubicBezTo>
                    <a:cubicBezTo>
                      <a:pt x="192" y="32"/>
                      <a:pt x="192" y="32"/>
                      <a:pt x="192" y="32"/>
                    </a:cubicBezTo>
                    <a:cubicBezTo>
                      <a:pt x="190" y="31"/>
                      <a:pt x="190" y="31"/>
                      <a:pt x="190" y="31"/>
                    </a:cubicBezTo>
                    <a:cubicBezTo>
                      <a:pt x="181" y="21"/>
                      <a:pt x="168" y="27"/>
                      <a:pt x="161" y="32"/>
                    </a:cubicBezTo>
                    <a:cubicBezTo>
                      <a:pt x="154" y="28"/>
                      <a:pt x="146" y="24"/>
                      <a:pt x="137" y="22"/>
                    </a:cubicBezTo>
                    <a:cubicBezTo>
                      <a:pt x="136" y="14"/>
                      <a:pt x="131" y="0"/>
                      <a:pt x="117" y="0"/>
                    </a:cubicBezTo>
                    <a:cubicBezTo>
                      <a:pt x="115" y="0"/>
                      <a:pt x="115" y="0"/>
                      <a:pt x="115" y="0"/>
                    </a:cubicBezTo>
                    <a:cubicBezTo>
                      <a:pt x="111" y="0"/>
                      <a:pt x="111" y="0"/>
                      <a:pt x="111" y="0"/>
                    </a:cubicBezTo>
                    <a:cubicBezTo>
                      <a:pt x="109" y="0"/>
                      <a:pt x="109" y="0"/>
                      <a:pt x="109" y="0"/>
                    </a:cubicBezTo>
                    <a:cubicBezTo>
                      <a:pt x="96" y="0"/>
                      <a:pt x="91" y="14"/>
                      <a:pt x="89" y="22"/>
                    </a:cubicBezTo>
                    <a:cubicBezTo>
                      <a:pt x="81" y="24"/>
                      <a:pt x="73" y="27"/>
                      <a:pt x="66" y="31"/>
                    </a:cubicBezTo>
                    <a:cubicBezTo>
                      <a:pt x="59" y="27"/>
                      <a:pt x="46" y="21"/>
                      <a:pt x="36" y="30"/>
                    </a:cubicBezTo>
                    <a:cubicBezTo>
                      <a:pt x="35" y="32"/>
                      <a:pt x="35" y="32"/>
                      <a:pt x="35" y="32"/>
                    </a:cubicBezTo>
                    <a:cubicBezTo>
                      <a:pt x="32" y="35"/>
                      <a:pt x="32" y="35"/>
                      <a:pt x="32" y="35"/>
                    </a:cubicBezTo>
                    <a:cubicBezTo>
                      <a:pt x="30" y="36"/>
                      <a:pt x="30" y="36"/>
                      <a:pt x="30" y="36"/>
                    </a:cubicBezTo>
                    <a:cubicBezTo>
                      <a:pt x="21" y="45"/>
                      <a:pt x="27" y="58"/>
                      <a:pt x="31" y="65"/>
                    </a:cubicBezTo>
                    <a:cubicBezTo>
                      <a:pt x="27" y="72"/>
                      <a:pt x="24" y="80"/>
                      <a:pt x="21" y="89"/>
                    </a:cubicBezTo>
                    <a:cubicBezTo>
                      <a:pt x="14" y="90"/>
                      <a:pt x="0" y="95"/>
                      <a:pt x="0" y="109"/>
                    </a:cubicBezTo>
                    <a:cubicBezTo>
                      <a:pt x="0" y="111"/>
                      <a:pt x="0" y="111"/>
                      <a:pt x="0" y="111"/>
                    </a:cubicBezTo>
                    <a:cubicBezTo>
                      <a:pt x="0" y="115"/>
                      <a:pt x="0" y="115"/>
                      <a:pt x="0" y="115"/>
                    </a:cubicBezTo>
                    <a:cubicBezTo>
                      <a:pt x="0" y="117"/>
                      <a:pt x="0" y="117"/>
                      <a:pt x="0" y="117"/>
                    </a:cubicBezTo>
                    <a:cubicBezTo>
                      <a:pt x="0" y="118"/>
                      <a:pt x="0" y="118"/>
                      <a:pt x="0" y="119"/>
                    </a:cubicBezTo>
                    <a:cubicBezTo>
                      <a:pt x="2" y="120"/>
                      <a:pt x="5" y="121"/>
                      <a:pt x="7" y="122"/>
                    </a:cubicBezTo>
                    <a:cubicBezTo>
                      <a:pt x="15" y="118"/>
                      <a:pt x="25" y="114"/>
                      <a:pt x="36" y="114"/>
                    </a:cubicBezTo>
                    <a:cubicBezTo>
                      <a:pt x="39" y="114"/>
                      <a:pt x="41" y="114"/>
                      <a:pt x="44" y="115"/>
                    </a:cubicBezTo>
                    <a:cubicBezTo>
                      <a:pt x="44" y="114"/>
                      <a:pt x="44" y="114"/>
                      <a:pt x="44" y="113"/>
                    </a:cubicBezTo>
                    <a:cubicBezTo>
                      <a:pt x="44" y="75"/>
                      <a:pt x="75" y="44"/>
                      <a:pt x="113" y="44"/>
                    </a:cubicBezTo>
                    <a:cubicBezTo>
                      <a:pt x="151" y="44"/>
                      <a:pt x="182" y="75"/>
                      <a:pt x="182" y="113"/>
                    </a:cubicBezTo>
                    <a:cubicBezTo>
                      <a:pt x="182" y="151"/>
                      <a:pt x="151" y="182"/>
                      <a:pt x="113" y="182"/>
                    </a:cubicBezTo>
                    <a:cubicBezTo>
                      <a:pt x="102" y="182"/>
                      <a:pt x="91" y="179"/>
                      <a:pt x="82" y="175"/>
                    </a:cubicBezTo>
                    <a:cubicBezTo>
                      <a:pt x="80" y="181"/>
                      <a:pt x="78" y="186"/>
                      <a:pt x="75" y="191"/>
                    </a:cubicBezTo>
                    <a:cubicBezTo>
                      <a:pt x="77" y="195"/>
                      <a:pt x="79" y="198"/>
                      <a:pt x="80" y="202"/>
                    </a:cubicBezTo>
                    <a:cubicBezTo>
                      <a:pt x="83" y="203"/>
                      <a:pt x="86" y="204"/>
                      <a:pt x="88" y="205"/>
                    </a:cubicBezTo>
                    <a:cubicBezTo>
                      <a:pt x="90" y="212"/>
                      <a:pt x="95" y="226"/>
                      <a:pt x="108" y="226"/>
                    </a:cubicBezTo>
                    <a:cubicBezTo>
                      <a:pt x="110" y="226"/>
                      <a:pt x="110" y="226"/>
                      <a:pt x="110" y="226"/>
                    </a:cubicBezTo>
                    <a:cubicBezTo>
                      <a:pt x="114" y="226"/>
                      <a:pt x="114" y="226"/>
                      <a:pt x="114" y="226"/>
                    </a:cubicBezTo>
                    <a:cubicBezTo>
                      <a:pt x="117" y="226"/>
                      <a:pt x="117" y="226"/>
                      <a:pt x="117" y="226"/>
                    </a:cubicBezTo>
                    <a:cubicBezTo>
                      <a:pt x="130" y="226"/>
                      <a:pt x="135" y="213"/>
                      <a:pt x="136" y="205"/>
                    </a:cubicBezTo>
                    <a:cubicBezTo>
                      <a:pt x="145" y="203"/>
                      <a:pt x="153" y="199"/>
                      <a:pt x="160" y="195"/>
                    </a:cubicBezTo>
                    <a:cubicBezTo>
                      <a:pt x="167" y="200"/>
                      <a:pt x="180" y="206"/>
                      <a:pt x="189" y="196"/>
                    </a:cubicBezTo>
                    <a:cubicBezTo>
                      <a:pt x="191" y="195"/>
                      <a:pt x="191" y="195"/>
                      <a:pt x="191" y="195"/>
                    </a:cubicBezTo>
                    <a:cubicBezTo>
                      <a:pt x="194" y="192"/>
                      <a:pt x="194" y="192"/>
                      <a:pt x="194" y="192"/>
                    </a:cubicBezTo>
                    <a:cubicBezTo>
                      <a:pt x="195" y="191"/>
                      <a:pt x="195" y="191"/>
                      <a:pt x="195" y="191"/>
                    </a:cubicBezTo>
                    <a:cubicBezTo>
                      <a:pt x="205" y="181"/>
                      <a:pt x="199" y="168"/>
                      <a:pt x="194" y="161"/>
                    </a:cubicBezTo>
                    <a:cubicBezTo>
                      <a:pt x="199" y="154"/>
                      <a:pt x="202" y="146"/>
                      <a:pt x="204" y="138"/>
                    </a:cubicBezTo>
                    <a:cubicBezTo>
                      <a:pt x="212" y="136"/>
                      <a:pt x="226" y="131"/>
                      <a:pt x="226" y="118"/>
                    </a:cubicBezTo>
                    <a:cubicBezTo>
                      <a:pt x="226" y="116"/>
                      <a:pt x="226" y="116"/>
                      <a:pt x="226" y="116"/>
                    </a:cubicBezTo>
                    <a:cubicBezTo>
                      <a:pt x="226" y="112"/>
                      <a:pt x="226" y="112"/>
                      <a:pt x="226" y="112"/>
                    </a:cubicBezTo>
                    <a:cubicBezTo>
                      <a:pt x="226" y="110"/>
                      <a:pt x="226" y="110"/>
                      <a:pt x="226" y="110"/>
                    </a:cubicBezTo>
                    <a:cubicBezTo>
                      <a:pt x="226" y="96"/>
                      <a:pt x="212" y="91"/>
                      <a:pt x="204" y="90"/>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0" name="Freeform 97"/>
              <p:cNvSpPr/>
              <p:nvPr/>
            </p:nvSpPr>
            <p:spPr bwMode="auto">
              <a:xfrm>
                <a:off x="-1395204" y="3743477"/>
                <a:ext cx="484118" cy="484209"/>
              </a:xfrm>
              <a:custGeom>
                <a:gdLst>
                  <a:gd fmla="*/ 129 w 129" name="T0"/>
                  <a:gd fmla="*/ 64 h 129" name="T1"/>
                  <a:gd fmla="*/ 65 w 129" name="T2"/>
                  <a:gd fmla="*/ 0 h 129" name="T3"/>
                  <a:gd fmla="*/ 0 w 129" name="T4"/>
                  <a:gd fmla="*/ 64 h 129" name="T5"/>
                  <a:gd fmla="*/ 1 w 129" name="T6"/>
                  <a:gd fmla="*/ 67 h 129" name="T7"/>
                  <a:gd fmla="*/ 7 w 129" name="T8"/>
                  <a:gd fmla="*/ 70 h 129" name="T9"/>
                  <a:gd fmla="*/ 7 w 129" name="T10"/>
                  <a:gd fmla="*/ 64 h 129" name="T11"/>
                  <a:gd fmla="*/ 65 w 129" name="T12"/>
                  <a:gd fmla="*/ 6 h 129" name="T13"/>
                  <a:gd fmla="*/ 123 w 129" name="T14"/>
                  <a:gd fmla="*/ 64 h 129" name="T15"/>
                  <a:gd fmla="*/ 65 w 129" name="T16"/>
                  <a:gd fmla="*/ 122 h 129" name="T17"/>
                  <a:gd fmla="*/ 36 w 129" name="T18"/>
                  <a:gd fmla="*/ 115 h 129" name="T19"/>
                  <a:gd fmla="*/ 35 w 129" name="T20"/>
                  <a:gd fmla="*/ 121 h 129" name="T21"/>
                  <a:gd fmla="*/ 65 w 129" name="T22"/>
                  <a:gd fmla="*/ 129 h 129" name="T23"/>
                  <a:gd fmla="*/ 129 w 129" name="T24"/>
                  <a:gd fmla="*/ 64 h 129" name="T2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b="b" l="0" r="r" t="0"/>
                <a:pathLst>
                  <a:path h="129" w="129">
                    <a:moveTo>
                      <a:pt x="129" y="64"/>
                    </a:moveTo>
                    <a:cubicBezTo>
                      <a:pt x="129" y="29"/>
                      <a:pt x="100" y="0"/>
                      <a:pt x="65" y="0"/>
                    </a:cubicBezTo>
                    <a:cubicBezTo>
                      <a:pt x="29" y="0"/>
                      <a:pt x="0" y="29"/>
                      <a:pt x="0" y="64"/>
                    </a:cubicBezTo>
                    <a:cubicBezTo>
                      <a:pt x="0" y="65"/>
                      <a:pt x="1" y="66"/>
                      <a:pt x="1" y="67"/>
                    </a:cubicBezTo>
                    <a:cubicBezTo>
                      <a:pt x="3" y="68"/>
                      <a:pt x="5" y="69"/>
                      <a:pt x="7" y="70"/>
                    </a:cubicBezTo>
                    <a:cubicBezTo>
                      <a:pt x="7" y="68"/>
                      <a:pt x="7" y="66"/>
                      <a:pt x="7" y="64"/>
                    </a:cubicBezTo>
                    <a:cubicBezTo>
                      <a:pt x="7" y="32"/>
                      <a:pt x="33" y="6"/>
                      <a:pt x="65" y="6"/>
                    </a:cubicBezTo>
                    <a:cubicBezTo>
                      <a:pt x="97" y="6"/>
                      <a:pt x="123" y="32"/>
                      <a:pt x="123" y="64"/>
                    </a:cubicBezTo>
                    <a:cubicBezTo>
                      <a:pt x="123" y="96"/>
                      <a:pt x="97" y="122"/>
                      <a:pt x="65" y="122"/>
                    </a:cubicBezTo>
                    <a:cubicBezTo>
                      <a:pt x="54" y="122"/>
                      <a:pt x="44" y="120"/>
                      <a:pt x="36" y="115"/>
                    </a:cubicBezTo>
                    <a:cubicBezTo>
                      <a:pt x="36" y="117"/>
                      <a:pt x="35" y="119"/>
                      <a:pt x="35" y="121"/>
                    </a:cubicBezTo>
                    <a:cubicBezTo>
                      <a:pt x="44" y="126"/>
                      <a:pt x="54" y="129"/>
                      <a:pt x="65" y="129"/>
                    </a:cubicBezTo>
                    <a:cubicBezTo>
                      <a:pt x="100" y="129"/>
                      <a:pt x="129" y="100"/>
                      <a:pt x="129" y="64"/>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1" name="Freeform 98"/>
              <p:cNvSpPr/>
              <p:nvPr/>
            </p:nvSpPr>
            <p:spPr bwMode="auto">
              <a:xfrm>
                <a:off x="-2531686" y="4586328"/>
                <a:ext cx="7935" cy="7937"/>
              </a:xfrm>
              <a:custGeom>
                <a:gdLst>
                  <a:gd fmla="*/ 0 w 2" name="T0"/>
                  <a:gd fmla="*/ 2 h 2" name="T1"/>
                  <a:gd fmla="*/ 2 w 2" name="T2"/>
                  <a:gd fmla="*/ 0 h 2" name="T3"/>
                  <a:gd fmla="*/ 2 w 2" name="T4"/>
                  <a:gd fmla="*/ 0 h 2" name="T5"/>
                  <a:gd fmla="*/ 0 w 2" name="T6"/>
                  <a:gd fmla="*/ 2 h 2" name="T7"/>
                  <a:gd fmla="*/ 0 w 2" name="T8"/>
                  <a:gd fmla="*/ 2 h 2" name="T9"/>
                  <a:gd fmla="*/ 0 w 2" name="T10"/>
                  <a:gd fmla="*/ 2 h 2" name="T11"/>
                </a:gdLst>
                <a:cxnLst>
                  <a:cxn ang="0">
                    <a:pos x="T0" y="T1"/>
                  </a:cxn>
                  <a:cxn ang="0">
                    <a:pos x="T2" y="T3"/>
                  </a:cxn>
                  <a:cxn ang="0">
                    <a:pos x="T4" y="T5"/>
                  </a:cxn>
                  <a:cxn ang="0">
                    <a:pos x="T6" y="T7"/>
                  </a:cxn>
                  <a:cxn ang="0">
                    <a:pos x="T8" y="T9"/>
                  </a:cxn>
                  <a:cxn ang="0">
                    <a:pos x="T10" y="T11"/>
                  </a:cxn>
                </a:cxnLst>
                <a:rect b="b" l="0" r="r" t="0"/>
                <a:pathLst>
                  <a:path h="2" w="2">
                    <a:moveTo>
                      <a:pt x="0" y="2"/>
                    </a:moveTo>
                    <a:cubicBezTo>
                      <a:pt x="1" y="2"/>
                      <a:pt x="1" y="1"/>
                      <a:pt x="2" y="0"/>
                    </a:cubicBezTo>
                    <a:cubicBezTo>
                      <a:pt x="2" y="0"/>
                      <a:pt x="2" y="0"/>
                      <a:pt x="2" y="0"/>
                    </a:cubicBezTo>
                    <a:cubicBezTo>
                      <a:pt x="1" y="1"/>
                      <a:pt x="1" y="2"/>
                      <a:pt x="0" y="2"/>
                    </a:cubicBezTo>
                    <a:cubicBezTo>
                      <a:pt x="0" y="2"/>
                      <a:pt x="0" y="2"/>
                      <a:pt x="0" y="2"/>
                    </a:cubicBezTo>
                    <a:cubicBezTo>
                      <a:pt x="0" y="2"/>
                      <a:pt x="0" y="2"/>
                      <a:pt x="0" y="2"/>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52" name="Freeform 99"/>
              <p:cNvSpPr/>
              <p:nvPr/>
            </p:nvSpPr>
            <p:spPr bwMode="auto">
              <a:xfrm>
                <a:off x="-2516187" y="4568826"/>
                <a:ext cx="3175" cy="6351"/>
              </a:xfrm>
              <a:custGeom>
                <a:gdLst>
                  <a:gd fmla="*/ 0 w 1" name="T0"/>
                  <a:gd fmla="*/ 2 h 2" name="T1"/>
                  <a:gd fmla="*/ 1 w 1" name="T2"/>
                  <a:gd fmla="*/ 0 h 2" name="T3"/>
                  <a:gd fmla="*/ 1 w 1" name="T4"/>
                  <a:gd fmla="*/ 0 h 2" name="T5"/>
                  <a:gd fmla="*/ 1 w 1" name="T6"/>
                  <a:gd fmla="*/ 0 h 2" name="T7"/>
                  <a:gd fmla="*/ 1 w 1" name="T8"/>
                  <a:gd fmla="*/ 0 h 2" name="T9"/>
                  <a:gd fmla="*/ 0 w 1" name="T10"/>
                  <a:gd fmla="*/ 2 h 2" name="T11"/>
                </a:gdLst>
                <a:cxnLst>
                  <a:cxn ang="0">
                    <a:pos x="T0" y="T1"/>
                  </a:cxn>
                  <a:cxn ang="0">
                    <a:pos x="T2" y="T3"/>
                  </a:cxn>
                  <a:cxn ang="0">
                    <a:pos x="T4" y="T5"/>
                  </a:cxn>
                  <a:cxn ang="0">
                    <a:pos x="T6" y="T7"/>
                  </a:cxn>
                  <a:cxn ang="0">
                    <a:pos x="T8" y="T9"/>
                  </a:cxn>
                  <a:cxn ang="0">
                    <a:pos x="T10" y="T11"/>
                  </a:cxn>
                </a:cxnLst>
                <a:rect b="b" l="0" r="r" t="0"/>
                <a:pathLst>
                  <a:path h="2" w="1">
                    <a:moveTo>
                      <a:pt x="0" y="2"/>
                    </a:moveTo>
                    <a:cubicBezTo>
                      <a:pt x="1" y="2"/>
                      <a:pt x="1" y="1"/>
                      <a:pt x="1" y="0"/>
                    </a:cubicBezTo>
                    <a:cubicBezTo>
                      <a:pt x="1" y="0"/>
                      <a:pt x="1" y="0"/>
                      <a:pt x="1" y="0"/>
                    </a:cubicBezTo>
                    <a:cubicBezTo>
                      <a:pt x="1" y="0"/>
                      <a:pt x="1" y="0"/>
                      <a:pt x="1" y="0"/>
                    </a:cubicBezTo>
                    <a:cubicBezTo>
                      <a:pt x="1" y="0"/>
                      <a:pt x="1" y="0"/>
                      <a:pt x="1" y="0"/>
                    </a:cubicBezTo>
                    <a:cubicBezTo>
                      <a:pt x="1" y="1"/>
                      <a:pt x="1" y="2"/>
                      <a:pt x="0" y="2"/>
                    </a:cubicBezTo>
                    <a:close/>
                  </a:path>
                </a:pathLst>
              </a:custGeom>
              <a:grp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grpSp>
        <p:nvGrpSpPr>
          <p:cNvPr id="53" name="组合 52"/>
          <p:cNvGrpSpPr/>
          <p:nvPr/>
        </p:nvGrpSpPr>
        <p:grpSpPr>
          <a:xfrm>
            <a:off x="4435385" y="2901116"/>
            <a:ext cx="1422602" cy="366546"/>
            <a:chOff x="5159490" y="1086894"/>
            <a:chExt cx="1873021" cy="482600"/>
          </a:xfrm>
        </p:grpSpPr>
        <p:cxnSp>
          <p:nvCxnSpPr>
            <p:cNvPr id="54" name="直接连接符 53"/>
            <p:cNvCxnSpPr/>
            <p:nvPr/>
          </p:nvCxnSpPr>
          <p:spPr>
            <a:xfrm>
              <a:off x="5159490" y="1569494"/>
              <a:ext cx="1873021" cy="0"/>
            </a:xfrm>
            <a:prstGeom prst="line">
              <a:avLst/>
            </a:prstGeom>
            <a:ln w="19050">
              <a:gradFill flip="none" rotWithShape="1">
                <a:gsLst>
                  <a:gs pos="48000">
                    <a:schemeClr val="bg1"/>
                  </a:gs>
                  <a:gs pos="0">
                    <a:schemeClr val="bg1">
                      <a:lumMod val="75000"/>
                    </a:schemeClr>
                  </a:gs>
                  <a:gs pos="100000">
                    <a:schemeClr val="bg1"/>
                  </a:gs>
                </a:gsLst>
                <a:lin ang="5400000" scaled="1"/>
              </a:gradFill>
            </a:ln>
            <a:effectLst>
              <a:innerShdw blurRad="63500" dir="5400000" dist="50800">
                <a:prstClr val="black">
                  <a:alpha val="50000"/>
                </a:prstClr>
              </a:innerShdw>
            </a:effectLst>
          </p:spPr>
          <p:style>
            <a:lnRef idx="1">
              <a:schemeClr val="accent1"/>
            </a:lnRef>
            <a:fillRef idx="0">
              <a:schemeClr val="accent1"/>
            </a:fillRef>
            <a:effectRef idx="0">
              <a:schemeClr val="accent1"/>
            </a:effectRef>
            <a:fontRef idx="minor">
              <a:schemeClr val="tx1"/>
            </a:fontRef>
          </p:style>
        </p:cxnSp>
        <p:cxnSp>
          <p:nvCxnSpPr>
            <p:cNvPr id="55" name="直接连接符 54"/>
            <p:cNvCxnSpPr/>
            <p:nvPr/>
          </p:nvCxnSpPr>
          <p:spPr>
            <a:xfrm>
              <a:off x="5159490" y="1086894"/>
              <a:ext cx="1873021" cy="0"/>
            </a:xfrm>
            <a:prstGeom prst="line">
              <a:avLst/>
            </a:prstGeom>
            <a:ln w="19050">
              <a:gradFill flip="none" rotWithShape="1">
                <a:gsLst>
                  <a:gs pos="48000">
                    <a:schemeClr val="bg1"/>
                  </a:gs>
                  <a:gs pos="0">
                    <a:schemeClr val="bg1">
                      <a:lumMod val="75000"/>
                    </a:schemeClr>
                  </a:gs>
                  <a:gs pos="100000">
                    <a:schemeClr val="bg1"/>
                  </a:gs>
                </a:gsLst>
                <a:lin ang="5400000" scaled="1"/>
              </a:gradFill>
            </a:ln>
            <a:effectLst>
              <a:innerShdw blurRad="63500" dir="5400000" dist="50800">
                <a:prstClr val="black">
                  <a:alpha val="50000"/>
                </a:prstClr>
              </a:innerShdw>
            </a:effectLst>
          </p:spPr>
          <p:style>
            <a:lnRef idx="1">
              <a:schemeClr val="accent1"/>
            </a:lnRef>
            <a:fillRef idx="0">
              <a:schemeClr val="accent1"/>
            </a:fillRef>
            <a:effectRef idx="0">
              <a:schemeClr val="accent1"/>
            </a:effectRef>
            <a:fontRef idx="minor">
              <a:schemeClr val="tx1"/>
            </a:fontRef>
          </p:style>
        </p:cxnSp>
        <p:sp>
          <p:nvSpPr>
            <p:cNvPr id="56" name="文本框 86"/>
            <p:cNvSpPr txBox="1"/>
            <p:nvPr/>
          </p:nvSpPr>
          <p:spPr>
            <a:xfrm>
              <a:off x="5420437" y="1143528"/>
              <a:ext cx="1351127" cy="361174"/>
            </a:xfrm>
            <a:prstGeom prst="rect">
              <a:avLst/>
            </a:prstGeom>
            <a:noFill/>
          </p:spPr>
          <p:txBody>
            <a:bodyPr rtlCol="0" wrap="square">
              <a:spAutoFit/>
            </a:bodyPr>
            <a:lstStyle/>
            <a:p>
              <a:pPr algn="dist"/>
              <a:r>
                <a:rPr altLang="en-US" b="1" lang="zh-CN" sz="1200">
                  <a:latin charset="-122" panose="020b0503020204020204" pitchFamily="34" typeface="微软雅黑"/>
                  <a:ea charset="-122" panose="020b0503020204020204" pitchFamily="34" typeface="微软雅黑"/>
                </a:rPr>
                <a:t>请输入标题</a:t>
              </a:r>
            </a:p>
          </p:txBody>
        </p:sp>
      </p:grpSp>
      <p:sp>
        <p:nvSpPr>
          <p:cNvPr id="57" name="文本框 19"/>
          <p:cNvSpPr txBox="1"/>
          <p:nvPr/>
        </p:nvSpPr>
        <p:spPr>
          <a:xfrm>
            <a:off x="5558661" y="913284"/>
            <a:ext cx="1679921" cy="493776"/>
          </a:xfrm>
          <a:prstGeom prst="rect">
            <a:avLst/>
          </a:prstGeom>
          <a:noFill/>
        </p:spPr>
        <p:txBody>
          <a:bodyPr rtlCol="0" wrap="square">
            <a:spAutoFit/>
          </a:bodyPr>
          <a:lstStyle/>
          <a:p>
            <a:pPr>
              <a:lnSpc>
                <a:spcPct val="120000"/>
              </a:lnSpc>
            </a:pPr>
            <a:r>
              <a:rPr altLang="en-US" lang="zh-CN" sz="1100">
                <a:latin charset="-122" panose="020b0503020204020204" pitchFamily="34" typeface="微软雅黑"/>
                <a:ea charset="-122" panose="020b0503020204020204" pitchFamily="34" typeface="微软雅黑"/>
              </a:rPr>
              <a:t>请输入文本请输入文本请输入文本请输入文本</a:t>
            </a:r>
          </a:p>
        </p:txBody>
      </p:sp>
      <p:sp>
        <p:nvSpPr>
          <p:cNvPr id="58" name="文本框 66"/>
          <p:cNvSpPr txBox="1"/>
          <p:nvPr/>
        </p:nvSpPr>
        <p:spPr>
          <a:xfrm>
            <a:off x="6879311" y="2007363"/>
            <a:ext cx="1657075" cy="493776"/>
          </a:xfrm>
          <a:prstGeom prst="rect">
            <a:avLst/>
          </a:prstGeom>
          <a:noFill/>
        </p:spPr>
        <p:txBody>
          <a:bodyPr rtlCol="0" wrap="square">
            <a:spAutoFit/>
          </a:bodyPr>
          <a:lstStyle/>
          <a:p>
            <a:pPr>
              <a:lnSpc>
                <a:spcPct val="120000"/>
              </a:lnSpc>
            </a:pPr>
            <a:r>
              <a:rPr altLang="en-US" lang="zh-CN" sz="1100">
                <a:latin charset="-122" panose="020b0503020204020204" pitchFamily="34" typeface="微软雅黑"/>
                <a:ea charset="-122" panose="020b0503020204020204" pitchFamily="34" typeface="微软雅黑"/>
              </a:rPr>
              <a:t>请输入文本请输入文本请输入文本请输入文本</a:t>
            </a:r>
          </a:p>
        </p:txBody>
      </p:sp>
      <p:sp>
        <p:nvSpPr>
          <p:cNvPr id="59" name="文本框 67"/>
          <p:cNvSpPr txBox="1"/>
          <p:nvPr/>
        </p:nvSpPr>
        <p:spPr>
          <a:xfrm>
            <a:off x="6891729" y="3638769"/>
            <a:ext cx="1613268" cy="493776"/>
          </a:xfrm>
          <a:prstGeom prst="rect">
            <a:avLst/>
          </a:prstGeom>
          <a:noFill/>
        </p:spPr>
        <p:txBody>
          <a:bodyPr rtlCol="0" wrap="square">
            <a:spAutoFit/>
          </a:bodyPr>
          <a:lstStyle/>
          <a:p>
            <a:pPr>
              <a:lnSpc>
                <a:spcPct val="120000"/>
              </a:lnSpc>
            </a:pPr>
            <a:r>
              <a:rPr altLang="en-US" lang="zh-CN" sz="1100">
                <a:latin charset="-122" panose="020b0503020204020204" pitchFamily="34" typeface="微软雅黑"/>
                <a:ea charset="-122" panose="020b0503020204020204" pitchFamily="34" typeface="微软雅黑"/>
              </a:rPr>
              <a:t>请输入文本请输入文本请输入文本请输入文本</a:t>
            </a:r>
          </a:p>
        </p:txBody>
      </p:sp>
      <p:sp>
        <p:nvSpPr>
          <p:cNvPr id="60" name="文本框 69"/>
          <p:cNvSpPr txBox="1"/>
          <p:nvPr/>
        </p:nvSpPr>
        <p:spPr>
          <a:xfrm>
            <a:off x="1839640" y="3713871"/>
            <a:ext cx="1613268" cy="493776"/>
          </a:xfrm>
          <a:prstGeom prst="rect">
            <a:avLst/>
          </a:prstGeom>
          <a:noFill/>
        </p:spPr>
        <p:txBody>
          <a:bodyPr rtlCol="0" wrap="square">
            <a:spAutoFit/>
          </a:bodyPr>
          <a:lstStyle/>
          <a:p>
            <a:pPr>
              <a:lnSpc>
                <a:spcPct val="120000"/>
              </a:lnSpc>
            </a:pPr>
            <a:r>
              <a:rPr altLang="en-US" lang="zh-CN" sz="1100">
                <a:latin charset="-122" panose="020b0503020204020204" pitchFamily="34" typeface="微软雅黑"/>
                <a:ea charset="-122" panose="020b0503020204020204" pitchFamily="34" typeface="微软雅黑"/>
              </a:rPr>
              <a:t>请输入文本请输入文本请输入文本请输入文本</a:t>
            </a:r>
          </a:p>
        </p:txBody>
      </p:sp>
      <p:sp>
        <p:nvSpPr>
          <p:cNvPr id="61" name="文本框 70"/>
          <p:cNvSpPr txBox="1"/>
          <p:nvPr/>
        </p:nvSpPr>
        <p:spPr>
          <a:xfrm>
            <a:off x="2972754" y="4678257"/>
            <a:ext cx="1825745" cy="493776"/>
          </a:xfrm>
          <a:prstGeom prst="rect">
            <a:avLst/>
          </a:prstGeom>
          <a:noFill/>
        </p:spPr>
        <p:txBody>
          <a:bodyPr rtlCol="0" wrap="square">
            <a:spAutoFit/>
          </a:bodyPr>
          <a:lstStyle/>
          <a:p>
            <a:pPr>
              <a:lnSpc>
                <a:spcPct val="120000"/>
              </a:lnSpc>
            </a:pPr>
            <a:r>
              <a:rPr altLang="en-US" lang="zh-CN" sz="1100">
                <a:latin charset="-122" panose="020b0503020204020204" pitchFamily="34" typeface="微软雅黑"/>
                <a:ea charset="-122" panose="020b0503020204020204" pitchFamily="34" typeface="微软雅黑"/>
              </a:rPr>
              <a:t>请输入文本请输入文本请输入文本请输入文本</a:t>
            </a:r>
          </a:p>
        </p:txBody>
      </p:sp>
      <p:sp>
        <p:nvSpPr>
          <p:cNvPr id="62" name="文本框 71"/>
          <p:cNvSpPr txBox="1"/>
          <p:nvPr/>
        </p:nvSpPr>
        <p:spPr>
          <a:xfrm>
            <a:off x="1839640" y="2068965"/>
            <a:ext cx="1613268" cy="493776"/>
          </a:xfrm>
          <a:prstGeom prst="rect">
            <a:avLst/>
          </a:prstGeom>
          <a:noFill/>
        </p:spPr>
        <p:txBody>
          <a:bodyPr rtlCol="0" wrap="square">
            <a:spAutoFit/>
          </a:bodyPr>
          <a:lstStyle/>
          <a:p>
            <a:pPr>
              <a:lnSpc>
                <a:spcPct val="120000"/>
              </a:lnSpc>
            </a:pPr>
            <a:r>
              <a:rPr altLang="en-US" lang="zh-CN" sz="1100">
                <a:latin charset="-122" panose="020b0503020204020204" pitchFamily="34" typeface="微软雅黑"/>
                <a:ea charset="-122" panose="020b0503020204020204" pitchFamily="34" typeface="微软雅黑"/>
              </a:rPr>
              <a:t>请输入文本请输入文本请输入文本请输入文本</a:t>
            </a:r>
          </a:p>
        </p:txBody>
      </p:sp>
    </p:spTree>
    <p:extLst>
      <p:ext uri="{BB962C8B-B14F-4D97-AF65-F5344CB8AC3E}">
        <p14:creationId val="4011978324"/>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35" presetSubtype="0">
                                  <p:stCondLst>
                                    <p:cond delay="0"/>
                                  </p:stCondLst>
                                  <p:childTnLst>
                                    <p:set>
                                      <p:cBhvr>
                                        <p:cTn dur="1" fill="hold" id="6">
                                          <p:stCondLst>
                                            <p:cond delay="0"/>
                                          </p:stCondLst>
                                        </p:cTn>
                                        <p:tgtEl>
                                          <p:spTgt spid="66"/>
                                        </p:tgtEl>
                                        <p:attrNameLst>
                                          <p:attrName>style.visibility</p:attrName>
                                        </p:attrNameLst>
                                      </p:cBhvr>
                                      <p:to>
                                        <p:strVal val="visible"/>
                                      </p:to>
                                    </p:set>
                                    <p:animEffect filter="fade" transition="in">
                                      <p:cBhvr>
                                        <p:cTn dur="2000" id="7"/>
                                        <p:tgtEl>
                                          <p:spTgt spid="66"/>
                                        </p:tgtEl>
                                      </p:cBhvr>
                                    </p:animEffect>
                                    <p:anim calcmode="lin" valueType="num">
                                      <p:cBhvr>
                                        <p:cTn dur="2000" fill="hold" id="8"/>
                                        <p:tgtEl>
                                          <p:spTgt spid="66"/>
                                        </p:tgtEl>
                                        <p:attrNameLst>
                                          <p:attrName>style.rotation</p:attrName>
                                        </p:attrNameLst>
                                      </p:cBhvr>
                                      <p:tavLst>
                                        <p:tav tm="0">
                                          <p:val>
                                            <p:fltVal val="720"/>
                                          </p:val>
                                        </p:tav>
                                        <p:tav tm="100000">
                                          <p:val>
                                            <p:fltVal val="0"/>
                                          </p:val>
                                        </p:tav>
                                      </p:tavLst>
                                    </p:anim>
                                    <p:anim calcmode="lin" valueType="num">
                                      <p:cBhvr>
                                        <p:cTn dur="2000" fill="hold" id="9"/>
                                        <p:tgtEl>
                                          <p:spTgt spid="66"/>
                                        </p:tgtEl>
                                        <p:attrNameLst>
                                          <p:attrName>ppt_h</p:attrName>
                                        </p:attrNameLst>
                                      </p:cBhvr>
                                      <p:tavLst>
                                        <p:tav tm="0">
                                          <p:val>
                                            <p:fltVal val="0"/>
                                          </p:val>
                                        </p:tav>
                                        <p:tav tm="100000">
                                          <p:val>
                                            <p:strVal val="#ppt_h"/>
                                          </p:val>
                                        </p:tav>
                                      </p:tavLst>
                                    </p:anim>
                                    <p:anim calcmode="lin" valueType="num">
                                      <p:cBhvr>
                                        <p:cTn dur="2000" fill="hold" id="10"/>
                                        <p:tgtEl>
                                          <p:spTgt spid="66"/>
                                        </p:tgtEl>
                                        <p:attrNameLst>
                                          <p:attrName>ppt_w</p:attrName>
                                        </p:attrNameLst>
                                      </p:cBhvr>
                                      <p:tavLst>
                                        <p:tav tm="0">
                                          <p:val>
                                            <p:fltVal val="0"/>
                                          </p:val>
                                        </p:tav>
                                        <p:tav tm="100000">
                                          <p:val>
                                            <p:strVal val="#ppt_w"/>
                                          </p:val>
                                        </p:tav>
                                      </p:tavLst>
                                    </p:anim>
                                  </p:childTnLst>
                                </p:cTn>
                              </p:par>
                            </p:childTnLst>
                          </p:cTn>
                        </p:par>
                        <p:par>
                          <p:cTn fill="hold" id="11" nodeType="afterGroup">
                            <p:stCondLst>
                              <p:cond delay="2000"/>
                            </p:stCondLst>
                            <p:childTnLst>
                              <p:par>
                                <p:cTn fill="hold" id="12" nodeType="afterEffect" presetClass="entr" presetID="53" presetSubtype="0">
                                  <p:stCondLst>
                                    <p:cond delay="0"/>
                                  </p:stCondLst>
                                  <p:childTnLst>
                                    <p:set>
                                      <p:cBhvr>
                                        <p:cTn dur="1" fill="hold" id="13">
                                          <p:stCondLst>
                                            <p:cond delay="0"/>
                                          </p:stCondLst>
                                        </p:cTn>
                                        <p:tgtEl>
                                          <p:spTgt spid="53"/>
                                        </p:tgtEl>
                                        <p:attrNameLst>
                                          <p:attrName>style.visibility</p:attrName>
                                        </p:attrNameLst>
                                      </p:cBhvr>
                                      <p:to>
                                        <p:strVal val="visible"/>
                                      </p:to>
                                    </p:set>
                                    <p:anim calcmode="lin" valueType="num">
                                      <p:cBhvr>
                                        <p:cTn dur="500" fill="hold" id="14"/>
                                        <p:tgtEl>
                                          <p:spTgt spid="53"/>
                                        </p:tgtEl>
                                        <p:attrNameLst>
                                          <p:attrName>ppt_w</p:attrName>
                                        </p:attrNameLst>
                                      </p:cBhvr>
                                      <p:tavLst>
                                        <p:tav tm="0">
                                          <p:val>
                                            <p:fltVal val="0"/>
                                          </p:val>
                                        </p:tav>
                                        <p:tav tm="100000">
                                          <p:val>
                                            <p:strVal val="#ppt_w"/>
                                          </p:val>
                                        </p:tav>
                                      </p:tavLst>
                                    </p:anim>
                                    <p:anim calcmode="lin" valueType="num">
                                      <p:cBhvr>
                                        <p:cTn dur="500" fill="hold" id="15"/>
                                        <p:tgtEl>
                                          <p:spTgt spid="53"/>
                                        </p:tgtEl>
                                        <p:attrNameLst>
                                          <p:attrName>ppt_h</p:attrName>
                                        </p:attrNameLst>
                                      </p:cBhvr>
                                      <p:tavLst>
                                        <p:tav tm="0">
                                          <p:val>
                                            <p:fltVal val="0"/>
                                          </p:val>
                                        </p:tav>
                                        <p:tav tm="100000">
                                          <p:val>
                                            <p:strVal val="#ppt_h"/>
                                          </p:val>
                                        </p:tav>
                                      </p:tavLst>
                                    </p:anim>
                                    <p:animEffect filter="fade" transition="in">
                                      <p:cBhvr>
                                        <p:cTn dur="500" id="16"/>
                                        <p:tgtEl>
                                          <p:spTgt spid="53"/>
                                        </p:tgtEl>
                                      </p:cBhvr>
                                    </p:animEffect>
                                  </p:childTnLst>
                                </p:cTn>
                              </p:par>
                            </p:childTnLst>
                          </p:cTn>
                        </p:par>
                        <p:par>
                          <p:cTn fill="hold" id="17" nodeType="afterGroup">
                            <p:stCondLst>
                              <p:cond delay="2500"/>
                            </p:stCondLst>
                            <p:childTnLst>
                              <p:par>
                                <p:cTn fill="hold" id="18" nodeType="afterEffect" presetClass="entr" presetID="10" presetSubtype="0">
                                  <p:stCondLst>
                                    <p:cond delay="0"/>
                                  </p:stCondLst>
                                  <p:childTnLst>
                                    <p:set>
                                      <p:cBhvr>
                                        <p:cTn dur="1" fill="hold" id="19">
                                          <p:stCondLst>
                                            <p:cond delay="0"/>
                                          </p:stCondLst>
                                        </p:cTn>
                                        <p:tgtEl>
                                          <p:spTgt spid="67"/>
                                        </p:tgtEl>
                                        <p:attrNameLst>
                                          <p:attrName>style.visibility</p:attrName>
                                        </p:attrNameLst>
                                      </p:cBhvr>
                                      <p:to>
                                        <p:strVal val="visible"/>
                                      </p:to>
                                    </p:set>
                                    <p:animEffect filter="fade" transition="in">
                                      <p:cBhvr>
                                        <p:cTn dur="500" id="20"/>
                                        <p:tgtEl>
                                          <p:spTgt spid="67"/>
                                        </p:tgtEl>
                                      </p:cBhvr>
                                    </p:animEffect>
                                  </p:childTnLst>
                                </p:cTn>
                              </p:par>
                            </p:childTnLst>
                          </p:cTn>
                        </p:par>
                        <p:par>
                          <p:cTn fill="hold" id="21" nodeType="afterGroup">
                            <p:stCondLst>
                              <p:cond delay="3000"/>
                            </p:stCondLst>
                            <p:childTnLst>
                              <p:par>
                                <p:cTn fill="hold" grpId="0" id="22" nodeType="afterEffect" presetClass="entr" presetID="22" presetSubtype="8">
                                  <p:stCondLst>
                                    <p:cond delay="0"/>
                                  </p:stCondLst>
                                  <p:childTnLst>
                                    <p:set>
                                      <p:cBhvr>
                                        <p:cTn dur="1" fill="hold" id="23">
                                          <p:stCondLst>
                                            <p:cond delay="0"/>
                                          </p:stCondLst>
                                        </p:cTn>
                                        <p:tgtEl>
                                          <p:spTgt spid="57"/>
                                        </p:tgtEl>
                                        <p:attrNameLst>
                                          <p:attrName>style.visibility</p:attrName>
                                        </p:attrNameLst>
                                      </p:cBhvr>
                                      <p:to>
                                        <p:strVal val="visible"/>
                                      </p:to>
                                    </p:set>
                                    <p:animEffect filter="wipe(left)" transition="in">
                                      <p:cBhvr>
                                        <p:cTn dur="500" id="24"/>
                                        <p:tgtEl>
                                          <p:spTgt spid="57"/>
                                        </p:tgtEl>
                                      </p:cBhvr>
                                    </p:animEffect>
                                  </p:childTnLst>
                                </p:cTn>
                              </p:par>
                            </p:childTnLst>
                          </p:cTn>
                        </p:par>
                        <p:par>
                          <p:cTn fill="hold" id="25" nodeType="afterGroup">
                            <p:stCondLst>
                              <p:cond delay="3500"/>
                            </p:stCondLst>
                            <p:childTnLst>
                              <p:par>
                                <p:cTn fill="hold" id="26" nodeType="afterEffect" presetClass="entr" presetID="10" presetSubtype="0">
                                  <p:stCondLst>
                                    <p:cond delay="0"/>
                                  </p:stCondLst>
                                  <p:childTnLst>
                                    <p:set>
                                      <p:cBhvr>
                                        <p:cTn dur="1" fill="hold" id="27">
                                          <p:stCondLst>
                                            <p:cond delay="0"/>
                                          </p:stCondLst>
                                        </p:cTn>
                                        <p:tgtEl>
                                          <p:spTgt spid="68"/>
                                        </p:tgtEl>
                                        <p:attrNameLst>
                                          <p:attrName>style.visibility</p:attrName>
                                        </p:attrNameLst>
                                      </p:cBhvr>
                                      <p:to>
                                        <p:strVal val="visible"/>
                                      </p:to>
                                    </p:set>
                                    <p:animEffect filter="fade" transition="in">
                                      <p:cBhvr>
                                        <p:cTn dur="500" id="28"/>
                                        <p:tgtEl>
                                          <p:spTgt spid="68"/>
                                        </p:tgtEl>
                                      </p:cBhvr>
                                    </p:animEffect>
                                  </p:childTnLst>
                                </p:cTn>
                              </p:par>
                            </p:childTnLst>
                          </p:cTn>
                        </p:par>
                        <p:par>
                          <p:cTn fill="hold" id="29" nodeType="afterGroup">
                            <p:stCondLst>
                              <p:cond delay="4000"/>
                            </p:stCondLst>
                            <p:childTnLst>
                              <p:par>
                                <p:cTn fill="hold" grpId="0" id="30" nodeType="afterEffect" presetClass="entr" presetID="22" presetSubtype="8">
                                  <p:stCondLst>
                                    <p:cond delay="0"/>
                                  </p:stCondLst>
                                  <p:childTnLst>
                                    <p:set>
                                      <p:cBhvr>
                                        <p:cTn dur="1" fill="hold" id="31">
                                          <p:stCondLst>
                                            <p:cond delay="0"/>
                                          </p:stCondLst>
                                        </p:cTn>
                                        <p:tgtEl>
                                          <p:spTgt spid="58"/>
                                        </p:tgtEl>
                                        <p:attrNameLst>
                                          <p:attrName>style.visibility</p:attrName>
                                        </p:attrNameLst>
                                      </p:cBhvr>
                                      <p:to>
                                        <p:strVal val="visible"/>
                                      </p:to>
                                    </p:set>
                                    <p:animEffect filter="wipe(left)" transition="in">
                                      <p:cBhvr>
                                        <p:cTn dur="500" id="32"/>
                                        <p:tgtEl>
                                          <p:spTgt spid="58"/>
                                        </p:tgtEl>
                                      </p:cBhvr>
                                    </p:animEffect>
                                  </p:childTnLst>
                                </p:cTn>
                              </p:par>
                            </p:childTnLst>
                          </p:cTn>
                        </p:par>
                        <p:par>
                          <p:cTn fill="hold" id="33" nodeType="afterGroup">
                            <p:stCondLst>
                              <p:cond delay="4500"/>
                            </p:stCondLst>
                            <p:childTnLst>
                              <p:par>
                                <p:cTn fill="hold" id="34" nodeType="afterEffect" presetClass="entr" presetID="10" presetSubtype="0">
                                  <p:stCondLst>
                                    <p:cond delay="0"/>
                                  </p:stCondLst>
                                  <p:childTnLst>
                                    <p:set>
                                      <p:cBhvr>
                                        <p:cTn dur="1" fill="hold" id="35">
                                          <p:stCondLst>
                                            <p:cond delay="0"/>
                                          </p:stCondLst>
                                        </p:cTn>
                                        <p:tgtEl>
                                          <p:spTgt spid="69"/>
                                        </p:tgtEl>
                                        <p:attrNameLst>
                                          <p:attrName>style.visibility</p:attrName>
                                        </p:attrNameLst>
                                      </p:cBhvr>
                                      <p:to>
                                        <p:strVal val="visible"/>
                                      </p:to>
                                    </p:set>
                                    <p:animEffect filter="fade" transition="in">
                                      <p:cBhvr>
                                        <p:cTn dur="500" id="36"/>
                                        <p:tgtEl>
                                          <p:spTgt spid="69"/>
                                        </p:tgtEl>
                                      </p:cBhvr>
                                    </p:animEffect>
                                  </p:childTnLst>
                                </p:cTn>
                              </p:par>
                            </p:childTnLst>
                          </p:cTn>
                        </p:par>
                        <p:par>
                          <p:cTn fill="hold" id="37" nodeType="afterGroup">
                            <p:stCondLst>
                              <p:cond delay="5000"/>
                            </p:stCondLst>
                            <p:childTnLst>
                              <p:par>
                                <p:cTn fill="hold" grpId="0" id="38" nodeType="afterEffect" presetClass="entr" presetID="22" presetSubtype="8">
                                  <p:stCondLst>
                                    <p:cond delay="0"/>
                                  </p:stCondLst>
                                  <p:childTnLst>
                                    <p:set>
                                      <p:cBhvr>
                                        <p:cTn dur="1" fill="hold" id="39">
                                          <p:stCondLst>
                                            <p:cond delay="0"/>
                                          </p:stCondLst>
                                        </p:cTn>
                                        <p:tgtEl>
                                          <p:spTgt spid="59"/>
                                        </p:tgtEl>
                                        <p:attrNameLst>
                                          <p:attrName>style.visibility</p:attrName>
                                        </p:attrNameLst>
                                      </p:cBhvr>
                                      <p:to>
                                        <p:strVal val="visible"/>
                                      </p:to>
                                    </p:set>
                                    <p:animEffect filter="wipe(left)" transition="in">
                                      <p:cBhvr>
                                        <p:cTn dur="500" id="40"/>
                                        <p:tgtEl>
                                          <p:spTgt spid="59"/>
                                        </p:tgtEl>
                                      </p:cBhvr>
                                    </p:animEffect>
                                  </p:childTnLst>
                                </p:cTn>
                              </p:par>
                            </p:childTnLst>
                          </p:cTn>
                        </p:par>
                        <p:par>
                          <p:cTn fill="hold" id="41" nodeType="afterGroup">
                            <p:stCondLst>
                              <p:cond delay="5500"/>
                            </p:stCondLst>
                            <p:childTnLst>
                              <p:par>
                                <p:cTn fill="hold" id="42" nodeType="afterEffect" presetClass="entr" presetID="10" presetSubtype="0">
                                  <p:stCondLst>
                                    <p:cond delay="0"/>
                                  </p:stCondLst>
                                  <p:childTnLst>
                                    <p:set>
                                      <p:cBhvr>
                                        <p:cTn dur="1" fill="hold" id="43">
                                          <p:stCondLst>
                                            <p:cond delay="0"/>
                                          </p:stCondLst>
                                        </p:cTn>
                                        <p:tgtEl>
                                          <p:spTgt spid="70"/>
                                        </p:tgtEl>
                                        <p:attrNameLst>
                                          <p:attrName>style.visibility</p:attrName>
                                        </p:attrNameLst>
                                      </p:cBhvr>
                                      <p:to>
                                        <p:strVal val="visible"/>
                                      </p:to>
                                    </p:set>
                                    <p:animEffect filter="fade" transition="in">
                                      <p:cBhvr>
                                        <p:cTn dur="500" id="44"/>
                                        <p:tgtEl>
                                          <p:spTgt spid="70"/>
                                        </p:tgtEl>
                                      </p:cBhvr>
                                    </p:animEffect>
                                  </p:childTnLst>
                                </p:cTn>
                              </p:par>
                            </p:childTnLst>
                          </p:cTn>
                        </p:par>
                        <p:par>
                          <p:cTn fill="hold" id="45" nodeType="afterGroup">
                            <p:stCondLst>
                              <p:cond delay="6000"/>
                            </p:stCondLst>
                            <p:childTnLst>
                              <p:par>
                                <p:cTn fill="hold" grpId="0" id="46" nodeType="afterEffect" presetClass="entr" presetID="22" presetSubtype="2">
                                  <p:stCondLst>
                                    <p:cond delay="0"/>
                                  </p:stCondLst>
                                  <p:childTnLst>
                                    <p:set>
                                      <p:cBhvr>
                                        <p:cTn dur="1" fill="hold" id="47">
                                          <p:stCondLst>
                                            <p:cond delay="0"/>
                                          </p:stCondLst>
                                        </p:cTn>
                                        <p:tgtEl>
                                          <p:spTgt spid="61"/>
                                        </p:tgtEl>
                                        <p:attrNameLst>
                                          <p:attrName>style.visibility</p:attrName>
                                        </p:attrNameLst>
                                      </p:cBhvr>
                                      <p:to>
                                        <p:strVal val="visible"/>
                                      </p:to>
                                    </p:set>
                                    <p:animEffect filter="wipe(right)" transition="in">
                                      <p:cBhvr>
                                        <p:cTn dur="500" id="48"/>
                                        <p:tgtEl>
                                          <p:spTgt spid="61"/>
                                        </p:tgtEl>
                                      </p:cBhvr>
                                    </p:animEffect>
                                  </p:childTnLst>
                                </p:cTn>
                              </p:par>
                            </p:childTnLst>
                          </p:cTn>
                        </p:par>
                        <p:par>
                          <p:cTn fill="hold" id="49" nodeType="afterGroup">
                            <p:stCondLst>
                              <p:cond delay="6500"/>
                            </p:stCondLst>
                            <p:childTnLst>
                              <p:par>
                                <p:cTn fill="hold" id="50" nodeType="afterEffect" presetClass="entr" presetID="10" presetSubtype="0">
                                  <p:stCondLst>
                                    <p:cond delay="0"/>
                                  </p:stCondLst>
                                  <p:childTnLst>
                                    <p:set>
                                      <p:cBhvr>
                                        <p:cTn dur="1" fill="hold" id="51">
                                          <p:stCondLst>
                                            <p:cond delay="0"/>
                                          </p:stCondLst>
                                        </p:cTn>
                                        <p:tgtEl>
                                          <p:spTgt spid="71"/>
                                        </p:tgtEl>
                                        <p:attrNameLst>
                                          <p:attrName>style.visibility</p:attrName>
                                        </p:attrNameLst>
                                      </p:cBhvr>
                                      <p:to>
                                        <p:strVal val="visible"/>
                                      </p:to>
                                    </p:set>
                                    <p:animEffect filter="fade" transition="in">
                                      <p:cBhvr>
                                        <p:cTn dur="500" id="52"/>
                                        <p:tgtEl>
                                          <p:spTgt spid="71"/>
                                        </p:tgtEl>
                                      </p:cBhvr>
                                    </p:animEffect>
                                  </p:childTnLst>
                                </p:cTn>
                              </p:par>
                            </p:childTnLst>
                          </p:cTn>
                        </p:par>
                        <p:par>
                          <p:cTn fill="hold" id="53" nodeType="afterGroup">
                            <p:stCondLst>
                              <p:cond delay="7000"/>
                            </p:stCondLst>
                            <p:childTnLst>
                              <p:par>
                                <p:cTn fill="hold" grpId="0" id="54" nodeType="afterEffect" presetClass="entr" presetID="22" presetSubtype="2">
                                  <p:stCondLst>
                                    <p:cond delay="0"/>
                                  </p:stCondLst>
                                  <p:childTnLst>
                                    <p:set>
                                      <p:cBhvr>
                                        <p:cTn dur="1" fill="hold" id="55">
                                          <p:stCondLst>
                                            <p:cond delay="0"/>
                                          </p:stCondLst>
                                        </p:cTn>
                                        <p:tgtEl>
                                          <p:spTgt spid="60"/>
                                        </p:tgtEl>
                                        <p:attrNameLst>
                                          <p:attrName>style.visibility</p:attrName>
                                        </p:attrNameLst>
                                      </p:cBhvr>
                                      <p:to>
                                        <p:strVal val="visible"/>
                                      </p:to>
                                    </p:set>
                                    <p:animEffect filter="wipe(right)" transition="in">
                                      <p:cBhvr>
                                        <p:cTn dur="500" id="56"/>
                                        <p:tgtEl>
                                          <p:spTgt spid="60"/>
                                        </p:tgtEl>
                                      </p:cBhvr>
                                    </p:animEffect>
                                  </p:childTnLst>
                                </p:cTn>
                              </p:par>
                            </p:childTnLst>
                          </p:cTn>
                        </p:par>
                        <p:par>
                          <p:cTn fill="hold" id="57" nodeType="afterGroup">
                            <p:stCondLst>
                              <p:cond delay="7500"/>
                            </p:stCondLst>
                            <p:childTnLst>
                              <p:par>
                                <p:cTn fill="hold" id="58" nodeType="afterEffect" presetClass="entr" presetID="10" presetSubtype="0">
                                  <p:stCondLst>
                                    <p:cond delay="0"/>
                                  </p:stCondLst>
                                  <p:childTnLst>
                                    <p:set>
                                      <p:cBhvr>
                                        <p:cTn dur="1" fill="hold" id="59">
                                          <p:stCondLst>
                                            <p:cond delay="0"/>
                                          </p:stCondLst>
                                        </p:cTn>
                                        <p:tgtEl>
                                          <p:spTgt spid="72"/>
                                        </p:tgtEl>
                                        <p:attrNameLst>
                                          <p:attrName>style.visibility</p:attrName>
                                        </p:attrNameLst>
                                      </p:cBhvr>
                                      <p:to>
                                        <p:strVal val="visible"/>
                                      </p:to>
                                    </p:set>
                                    <p:animEffect filter="fade" transition="in">
                                      <p:cBhvr>
                                        <p:cTn dur="500" id="60"/>
                                        <p:tgtEl>
                                          <p:spTgt spid="72"/>
                                        </p:tgtEl>
                                      </p:cBhvr>
                                    </p:animEffect>
                                  </p:childTnLst>
                                </p:cTn>
                              </p:par>
                            </p:childTnLst>
                          </p:cTn>
                        </p:par>
                        <p:par>
                          <p:cTn fill="hold" id="61" nodeType="afterGroup">
                            <p:stCondLst>
                              <p:cond delay="8000"/>
                            </p:stCondLst>
                            <p:childTnLst>
                              <p:par>
                                <p:cTn fill="hold" grpId="0" id="62" nodeType="afterEffect" presetClass="entr" presetID="22" presetSubtype="2">
                                  <p:stCondLst>
                                    <p:cond delay="0"/>
                                  </p:stCondLst>
                                  <p:childTnLst>
                                    <p:set>
                                      <p:cBhvr>
                                        <p:cTn dur="1" fill="hold" id="63">
                                          <p:stCondLst>
                                            <p:cond delay="0"/>
                                          </p:stCondLst>
                                        </p:cTn>
                                        <p:tgtEl>
                                          <p:spTgt spid="62"/>
                                        </p:tgtEl>
                                        <p:attrNameLst>
                                          <p:attrName>style.visibility</p:attrName>
                                        </p:attrNameLst>
                                      </p:cBhvr>
                                      <p:to>
                                        <p:strVal val="visible"/>
                                      </p:to>
                                    </p:set>
                                    <p:animEffect filter="wipe(right)" transition="in">
                                      <p:cBhvr>
                                        <p:cTn dur="500" id="64"/>
                                        <p:tgtEl>
                                          <p:spTgt spid="62"/>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57"/>
      <p:bldP grpId="0" spid="58"/>
      <p:bldP grpId="0" spid="59"/>
      <p:bldP grpId="0" spid="60"/>
      <p:bldP grpId="0" spid="61"/>
      <p:bldP grpId="0" spid="62"/>
    </p:bldLst>
  </p:timing>
</p:sld>
</file>

<file path=ppt/slides/slide22.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32" name="组合 31"/>
          <p:cNvGrpSpPr/>
          <p:nvPr/>
        </p:nvGrpSpPr>
        <p:grpSpPr>
          <a:xfrm>
            <a:off x="1177540" y="2255929"/>
            <a:ext cx="4446354" cy="627181"/>
            <a:chOff x="669540" y="2255926"/>
            <a:chExt cx="4446354" cy="627181"/>
          </a:xfrm>
        </p:grpSpPr>
        <p:sp>
          <p:nvSpPr>
            <p:cNvPr id="5" name="矩形 4"/>
            <p:cNvSpPr/>
            <p:nvPr/>
          </p:nvSpPr>
          <p:spPr>
            <a:xfrm>
              <a:off x="720388" y="2636578"/>
              <a:ext cx="3496656" cy="246529"/>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6" name="矩形 5"/>
            <p:cNvSpPr/>
            <p:nvPr/>
          </p:nvSpPr>
          <p:spPr>
            <a:xfrm>
              <a:off x="4217044" y="2636577"/>
              <a:ext cx="898850" cy="24652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3" name="文本框 12"/>
            <p:cNvSpPr txBox="1"/>
            <p:nvPr/>
          </p:nvSpPr>
          <p:spPr>
            <a:xfrm>
              <a:off x="669540" y="2255925"/>
              <a:ext cx="1452703" cy="365760"/>
            </a:xfrm>
            <a:prstGeom prst="rect">
              <a:avLst/>
            </a:prstGeom>
            <a:noFill/>
          </p:spPr>
          <p:txBody>
            <a:bodyPr rtlCol="0" wrap="square">
              <a:spAutoFit/>
            </a:bodyPr>
            <a:lstStyle/>
            <a:p>
              <a:r>
                <a:rPr altLang="en-US" lang="zh-CN">
                  <a:latin charset="-122" panose="020b0503020204020204" pitchFamily="34" typeface="微软雅黑"/>
                  <a:ea charset="-122" panose="020b0503020204020204" pitchFamily="34" typeface="微软雅黑"/>
                </a:rPr>
                <a:t>第二季度</a:t>
              </a:r>
            </a:p>
          </p:txBody>
        </p:sp>
      </p:grpSp>
      <p:grpSp>
        <p:nvGrpSpPr>
          <p:cNvPr id="45" name="组合 44"/>
          <p:cNvGrpSpPr/>
          <p:nvPr/>
        </p:nvGrpSpPr>
        <p:grpSpPr>
          <a:xfrm>
            <a:off x="1177540" y="3085716"/>
            <a:ext cx="4446354" cy="617769"/>
            <a:chOff x="669540" y="3085713"/>
            <a:chExt cx="4446354" cy="617769"/>
          </a:xfrm>
        </p:grpSpPr>
        <p:sp>
          <p:nvSpPr>
            <p:cNvPr id="8" name="矩形 7"/>
            <p:cNvSpPr/>
            <p:nvPr/>
          </p:nvSpPr>
          <p:spPr>
            <a:xfrm>
              <a:off x="2371016" y="3456952"/>
              <a:ext cx="2744878" cy="24653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4" name="文本框 13"/>
            <p:cNvSpPr txBox="1"/>
            <p:nvPr/>
          </p:nvSpPr>
          <p:spPr>
            <a:xfrm>
              <a:off x="669540" y="3085713"/>
              <a:ext cx="1452703" cy="365760"/>
            </a:xfrm>
            <a:prstGeom prst="rect">
              <a:avLst/>
            </a:prstGeom>
            <a:noFill/>
          </p:spPr>
          <p:txBody>
            <a:bodyPr rtlCol="0" wrap="square">
              <a:spAutoFit/>
            </a:bodyPr>
            <a:lstStyle/>
            <a:p>
              <a:r>
                <a:rPr altLang="en-US" lang="zh-CN">
                  <a:latin charset="-122" panose="020b0503020204020204" pitchFamily="34" typeface="微软雅黑"/>
                  <a:ea charset="-122" panose="020b0503020204020204" pitchFamily="34" typeface="微软雅黑"/>
                </a:rPr>
                <a:t>第三季度</a:t>
              </a:r>
            </a:p>
          </p:txBody>
        </p:sp>
        <p:sp>
          <p:nvSpPr>
            <p:cNvPr id="7" name="矩形 6"/>
            <p:cNvSpPr/>
            <p:nvPr/>
          </p:nvSpPr>
          <p:spPr>
            <a:xfrm>
              <a:off x="720388" y="3456952"/>
              <a:ext cx="2346513" cy="246530"/>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grpSp>
        <p:nvGrpSpPr>
          <p:cNvPr id="60" name="组合 59"/>
          <p:cNvGrpSpPr/>
          <p:nvPr/>
        </p:nvGrpSpPr>
        <p:grpSpPr>
          <a:xfrm>
            <a:off x="1177540" y="3915501"/>
            <a:ext cx="4446354" cy="612759"/>
            <a:chOff x="669540" y="3915498"/>
            <a:chExt cx="4446354" cy="612759"/>
          </a:xfrm>
        </p:grpSpPr>
        <p:sp>
          <p:nvSpPr>
            <p:cNvPr id="15" name="文本框 14"/>
            <p:cNvSpPr txBox="1"/>
            <p:nvPr/>
          </p:nvSpPr>
          <p:spPr>
            <a:xfrm>
              <a:off x="669540" y="3915498"/>
              <a:ext cx="1452703" cy="365760"/>
            </a:xfrm>
            <a:prstGeom prst="rect">
              <a:avLst/>
            </a:prstGeom>
            <a:noFill/>
          </p:spPr>
          <p:txBody>
            <a:bodyPr rtlCol="0" wrap="square">
              <a:spAutoFit/>
            </a:bodyPr>
            <a:lstStyle/>
            <a:p>
              <a:r>
                <a:rPr altLang="en-US" lang="zh-CN">
                  <a:latin charset="-122" panose="020b0503020204020204" pitchFamily="34" typeface="微软雅黑"/>
                  <a:ea charset="-122" panose="020b0503020204020204" pitchFamily="34" typeface="微软雅黑"/>
                </a:rPr>
                <a:t>第四季度</a:t>
              </a:r>
            </a:p>
          </p:txBody>
        </p:sp>
        <p:sp>
          <p:nvSpPr>
            <p:cNvPr id="16" name="矩形 15"/>
            <p:cNvSpPr/>
            <p:nvPr/>
          </p:nvSpPr>
          <p:spPr>
            <a:xfrm>
              <a:off x="720387" y="4281728"/>
              <a:ext cx="3938308" cy="246529"/>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7" name="矩形 16"/>
            <p:cNvSpPr/>
            <p:nvPr/>
          </p:nvSpPr>
          <p:spPr>
            <a:xfrm>
              <a:off x="4658695" y="4281728"/>
              <a:ext cx="457199" cy="24652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grpSp>
        <p:nvGrpSpPr>
          <p:cNvPr id="21" name="组合 20"/>
          <p:cNvGrpSpPr/>
          <p:nvPr/>
        </p:nvGrpSpPr>
        <p:grpSpPr>
          <a:xfrm>
            <a:off x="6356581" y="1838110"/>
            <a:ext cx="2157307" cy="1097853"/>
            <a:chOff x="7798103" y="2205728"/>
            <a:chExt cx="2876409" cy="1317423"/>
          </a:xfrm>
        </p:grpSpPr>
        <p:sp>
          <p:nvSpPr>
            <p:cNvPr id="19" name="矩形 18"/>
            <p:cNvSpPr/>
            <p:nvPr/>
          </p:nvSpPr>
          <p:spPr>
            <a:xfrm>
              <a:off x="7798103" y="2205728"/>
              <a:ext cx="2876409" cy="1317423"/>
            </a:xfrm>
            <a:prstGeom prst="rect">
              <a:avLst/>
            </a:prstGeom>
            <a:noFill/>
            <a:ln w="190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6" name="文本框 25"/>
            <p:cNvSpPr txBox="1"/>
            <p:nvPr/>
          </p:nvSpPr>
          <p:spPr>
            <a:xfrm>
              <a:off x="7974720" y="2633606"/>
              <a:ext cx="1237003" cy="457200"/>
            </a:xfrm>
            <a:prstGeom prst="rect">
              <a:avLst/>
            </a:prstGeom>
            <a:noFill/>
          </p:spPr>
          <p:txBody>
            <a:bodyPr rtlCol="0" wrap="square">
              <a:spAutoFit/>
            </a:bodyPr>
            <a:lstStyle/>
            <a:p>
              <a:r>
                <a:rPr altLang="en-US" lang="zh-CN" sz="1900">
                  <a:latin charset="-122" panose="020b0503020204020204" pitchFamily="34" typeface="微软雅黑"/>
                  <a:ea charset="-122" panose="020b0503020204020204" pitchFamily="34" typeface="微软雅黑"/>
                </a:rPr>
                <a:t>共完成</a:t>
              </a:r>
            </a:p>
          </p:txBody>
        </p:sp>
        <p:sp>
          <p:nvSpPr>
            <p:cNvPr id="27" name="圆角矩形 26"/>
            <p:cNvSpPr/>
            <p:nvPr/>
          </p:nvSpPr>
          <p:spPr>
            <a:xfrm>
              <a:off x="9228224" y="2463032"/>
              <a:ext cx="1255370" cy="752046"/>
            </a:xfrm>
            <a:prstGeom prst="roundRect">
              <a:avLst>
                <a:gd fmla="val 9515" name="adj"/>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2800">
                  <a:solidFill>
                    <a:schemeClr val="bg1"/>
                  </a:solidFill>
                  <a:latin charset="-122" panose="020b0503020204020204" pitchFamily="34" typeface="微软雅黑"/>
                  <a:ea charset="-122" panose="020b0503020204020204" pitchFamily="34" typeface="微软雅黑"/>
                </a:rPr>
                <a:t>315</a:t>
              </a:r>
            </a:p>
          </p:txBody>
        </p:sp>
      </p:grpSp>
      <p:grpSp>
        <p:nvGrpSpPr>
          <p:cNvPr id="22" name="组合 21"/>
          <p:cNvGrpSpPr/>
          <p:nvPr/>
        </p:nvGrpSpPr>
        <p:grpSpPr>
          <a:xfrm>
            <a:off x="6356578" y="3624745"/>
            <a:ext cx="2198456" cy="929845"/>
            <a:chOff x="7798103" y="4349690"/>
            <a:chExt cx="2931275" cy="1115814"/>
          </a:xfrm>
        </p:grpSpPr>
        <p:sp>
          <p:nvSpPr>
            <p:cNvPr id="34" name="矩形 33"/>
            <p:cNvSpPr/>
            <p:nvPr/>
          </p:nvSpPr>
          <p:spPr>
            <a:xfrm>
              <a:off x="7798103" y="4349690"/>
              <a:ext cx="2876409" cy="1115814"/>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33" name="心形 32"/>
            <p:cNvSpPr/>
            <p:nvPr/>
          </p:nvSpPr>
          <p:spPr>
            <a:xfrm>
              <a:off x="8090143" y="4671971"/>
              <a:ext cx="671722" cy="577522"/>
            </a:xfrm>
            <a:prstGeom prst="hear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sz="2800">
                <a:solidFill>
                  <a:schemeClr val="bg1"/>
                </a:solidFill>
                <a:latin charset="-122" panose="020b0503020204020204" pitchFamily="34" typeface="微软雅黑"/>
                <a:ea charset="-122" panose="020b0503020204020204" pitchFamily="34" typeface="微软雅黑"/>
              </a:endParaRPr>
            </a:p>
          </p:txBody>
        </p:sp>
        <p:sp>
          <p:nvSpPr>
            <p:cNvPr id="36" name="乘号 35"/>
            <p:cNvSpPr/>
            <p:nvPr/>
          </p:nvSpPr>
          <p:spPr>
            <a:xfrm>
              <a:off x="8834486" y="4682856"/>
              <a:ext cx="520869" cy="520869"/>
            </a:xfrm>
            <a:prstGeom prst="mathMultiply">
              <a:avLst>
                <a:gd fmla="val 9751" name="adj1"/>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37" name="文本框 36"/>
            <p:cNvSpPr txBox="1"/>
            <p:nvPr/>
          </p:nvSpPr>
          <p:spPr>
            <a:xfrm>
              <a:off x="9264977" y="4576912"/>
              <a:ext cx="1464400" cy="676656"/>
            </a:xfrm>
            <a:prstGeom prst="rect">
              <a:avLst/>
            </a:prstGeom>
            <a:noFill/>
          </p:spPr>
          <p:txBody>
            <a:bodyPr rtlCol="0" wrap="square">
              <a:spAutoFit/>
            </a:bodyPr>
            <a:lstStyle/>
            <a:p>
              <a:r>
                <a:rPr altLang="zh-CN" lang="en-US" sz="3100">
                  <a:solidFill>
                    <a:schemeClr val="bg1"/>
                  </a:solidFill>
                </a:rPr>
                <a:t>1081</a:t>
              </a:r>
            </a:p>
          </p:txBody>
        </p:sp>
      </p:grpSp>
      <p:grpSp>
        <p:nvGrpSpPr>
          <p:cNvPr id="38" name="组合 37"/>
          <p:cNvGrpSpPr/>
          <p:nvPr/>
        </p:nvGrpSpPr>
        <p:grpSpPr>
          <a:xfrm>
            <a:off x="4955982" y="3810644"/>
            <a:ext cx="445662" cy="458799"/>
            <a:chOff x="5939521" y="4572770"/>
            <a:chExt cx="594216" cy="550559"/>
          </a:xfrm>
        </p:grpSpPr>
        <p:grpSp>
          <p:nvGrpSpPr>
            <p:cNvPr id="30" name="组合 29"/>
            <p:cNvGrpSpPr/>
            <p:nvPr/>
          </p:nvGrpSpPr>
          <p:grpSpPr>
            <a:xfrm>
              <a:off x="5942984" y="4572770"/>
              <a:ext cx="541778" cy="550559"/>
              <a:chOff x="6511364" y="4028283"/>
              <a:chExt cx="830997" cy="844465"/>
            </a:xfrm>
          </p:grpSpPr>
          <p:sp>
            <p:nvSpPr>
              <p:cNvPr id="28" name="椭圆 27"/>
              <p:cNvSpPr/>
              <p:nvPr/>
            </p:nvSpPr>
            <p:spPr>
              <a:xfrm>
                <a:off x="6511364" y="4028283"/>
                <a:ext cx="830997" cy="760871"/>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9" name="等腰三角形 28"/>
              <p:cNvSpPr/>
              <p:nvPr/>
            </p:nvSpPr>
            <p:spPr>
              <a:xfrm rot="10800000">
                <a:off x="6746646" y="4562030"/>
                <a:ext cx="360433" cy="310718"/>
              </a:xfrm>
              <a:prstGeom prst="triangl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sp>
          <p:nvSpPr>
            <p:cNvPr id="18" name="文本框 17"/>
            <p:cNvSpPr txBox="1"/>
            <p:nvPr/>
          </p:nvSpPr>
          <p:spPr>
            <a:xfrm>
              <a:off x="5939521" y="4603250"/>
              <a:ext cx="594216" cy="402336"/>
            </a:xfrm>
            <a:prstGeom prst="rect">
              <a:avLst/>
            </a:prstGeom>
            <a:noFill/>
          </p:spPr>
          <p:txBody>
            <a:bodyPr rtlCol="0" wrap="square">
              <a:spAutoFit/>
            </a:bodyPr>
            <a:lstStyle/>
            <a:p>
              <a:r>
                <a:rPr altLang="zh-CN" lang="en-US" sz="1600">
                  <a:solidFill>
                    <a:schemeClr val="bg1"/>
                  </a:solidFill>
                  <a:latin charset="-122" panose="020b0503020204020204" pitchFamily="34" typeface="微软雅黑"/>
                  <a:ea charset="-122" panose="020b0503020204020204" pitchFamily="34" typeface="微软雅黑"/>
                </a:rPr>
                <a:t>95</a:t>
              </a:r>
            </a:p>
          </p:txBody>
        </p:sp>
      </p:grpSp>
      <p:grpSp>
        <p:nvGrpSpPr>
          <p:cNvPr id="49" name="组合 48"/>
          <p:cNvGrpSpPr/>
          <p:nvPr/>
        </p:nvGrpSpPr>
        <p:grpSpPr>
          <a:xfrm>
            <a:off x="4563293" y="2271429"/>
            <a:ext cx="381581" cy="355148"/>
            <a:chOff x="5564037" y="3542535"/>
            <a:chExt cx="508775" cy="426178"/>
          </a:xfrm>
        </p:grpSpPr>
        <p:grpSp>
          <p:nvGrpSpPr>
            <p:cNvPr id="50" name="组合 49"/>
            <p:cNvGrpSpPr/>
            <p:nvPr/>
          </p:nvGrpSpPr>
          <p:grpSpPr>
            <a:xfrm>
              <a:off x="5570386" y="3542535"/>
              <a:ext cx="414733" cy="426178"/>
              <a:chOff x="6511364" y="4018820"/>
              <a:chExt cx="830997" cy="853928"/>
            </a:xfrm>
            <a:solidFill>
              <a:srgbClr val="E74C2E"/>
            </a:solidFill>
          </p:grpSpPr>
          <p:sp>
            <p:nvSpPr>
              <p:cNvPr id="52" name="椭圆 51"/>
              <p:cNvSpPr/>
              <p:nvPr/>
            </p:nvSpPr>
            <p:spPr>
              <a:xfrm>
                <a:off x="6511364" y="4018820"/>
                <a:ext cx="830997" cy="770333"/>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53" name="等腰三角形 52"/>
              <p:cNvSpPr/>
              <p:nvPr/>
            </p:nvSpPr>
            <p:spPr>
              <a:xfrm rot="10800000">
                <a:off x="6746646" y="4562030"/>
                <a:ext cx="360433" cy="310718"/>
              </a:xfrm>
              <a:prstGeom prst="triangl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sp>
          <p:nvSpPr>
            <p:cNvPr id="51" name="文本框 50"/>
            <p:cNvSpPr txBox="1"/>
            <p:nvPr/>
          </p:nvSpPr>
          <p:spPr>
            <a:xfrm>
              <a:off x="5564037" y="3595874"/>
              <a:ext cx="508775" cy="292608"/>
            </a:xfrm>
            <a:prstGeom prst="rect">
              <a:avLst/>
            </a:prstGeom>
            <a:noFill/>
          </p:spPr>
          <p:txBody>
            <a:bodyPr rtlCol="0" wrap="square">
              <a:spAutoFit/>
            </a:bodyPr>
            <a:lstStyle/>
            <a:p>
              <a:r>
                <a:rPr altLang="zh-CN" lang="en-US" sz="1000">
                  <a:solidFill>
                    <a:schemeClr val="bg1"/>
                  </a:solidFill>
                  <a:latin charset="-122" panose="020b0503020204020204" pitchFamily="34" typeface="微软雅黑"/>
                  <a:ea charset="-122" panose="020b0503020204020204" pitchFamily="34" typeface="微软雅黑"/>
                </a:rPr>
                <a:t>85</a:t>
              </a:r>
            </a:p>
          </p:txBody>
        </p:sp>
      </p:grpSp>
      <p:grpSp>
        <p:nvGrpSpPr>
          <p:cNvPr id="54" name="组合 53"/>
          <p:cNvGrpSpPr/>
          <p:nvPr/>
        </p:nvGrpSpPr>
        <p:grpSpPr>
          <a:xfrm>
            <a:off x="3405123" y="3085716"/>
            <a:ext cx="333440" cy="362119"/>
            <a:chOff x="5551382" y="3534170"/>
            <a:chExt cx="444586" cy="434542"/>
          </a:xfrm>
        </p:grpSpPr>
        <p:grpSp>
          <p:nvGrpSpPr>
            <p:cNvPr id="55" name="组合 54"/>
            <p:cNvGrpSpPr/>
            <p:nvPr/>
          </p:nvGrpSpPr>
          <p:grpSpPr>
            <a:xfrm>
              <a:off x="5570386" y="3534170"/>
              <a:ext cx="414733" cy="434542"/>
              <a:chOff x="6511364" y="4002061"/>
              <a:chExt cx="830997" cy="870687"/>
            </a:xfrm>
            <a:solidFill>
              <a:srgbClr val="E74C2E"/>
            </a:solidFill>
          </p:grpSpPr>
          <p:sp>
            <p:nvSpPr>
              <p:cNvPr id="57" name="椭圆 56"/>
              <p:cNvSpPr/>
              <p:nvPr/>
            </p:nvSpPr>
            <p:spPr>
              <a:xfrm>
                <a:off x="6511364" y="4002061"/>
                <a:ext cx="830997" cy="787090"/>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58" name="等腰三角形 57"/>
              <p:cNvSpPr/>
              <p:nvPr/>
            </p:nvSpPr>
            <p:spPr>
              <a:xfrm rot="10800000">
                <a:off x="6746646" y="4562030"/>
                <a:ext cx="360433" cy="310718"/>
              </a:xfrm>
              <a:prstGeom prst="triangl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sp>
          <p:nvSpPr>
            <p:cNvPr id="56" name="文本框 55"/>
            <p:cNvSpPr txBox="1"/>
            <p:nvPr/>
          </p:nvSpPr>
          <p:spPr>
            <a:xfrm>
              <a:off x="5551382" y="3585482"/>
              <a:ext cx="444586" cy="292607"/>
            </a:xfrm>
            <a:prstGeom prst="rect">
              <a:avLst/>
            </a:prstGeom>
            <a:noFill/>
          </p:spPr>
          <p:txBody>
            <a:bodyPr rtlCol="0" wrap="square">
              <a:spAutoFit/>
            </a:bodyPr>
            <a:lstStyle/>
            <a:p>
              <a:pPr algn="ctr"/>
              <a:r>
                <a:rPr altLang="zh-CN" lang="en-US" sz="1000">
                  <a:solidFill>
                    <a:schemeClr val="bg1"/>
                  </a:solidFill>
                  <a:latin charset="-122" panose="020b0503020204020204" pitchFamily="34" typeface="微软雅黑"/>
                  <a:ea charset="-122" panose="020b0503020204020204" pitchFamily="34" typeface="微软雅黑"/>
                </a:rPr>
                <a:t>65</a:t>
              </a:r>
            </a:p>
          </p:txBody>
        </p:sp>
      </p:grpSp>
      <p:sp>
        <p:nvSpPr>
          <p:cNvPr id="35" name="下箭头 34"/>
          <p:cNvSpPr/>
          <p:nvPr/>
        </p:nvSpPr>
        <p:spPr>
          <a:xfrm>
            <a:off x="7209303" y="3008877"/>
            <a:ext cx="451854" cy="572943"/>
          </a:xfrm>
          <a:prstGeom prst="downArrow">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bIns="35662" lIns="71323" rIns="71323" rtlCol="0" tIns="35662"/>
          <a:lstStyle/>
          <a:p>
            <a:pPr algn="ctr"/>
            <a:endParaRPr altLang="en-US" lang="zh-CN"/>
          </a:p>
        </p:txBody>
      </p:sp>
      <p:grpSp>
        <p:nvGrpSpPr>
          <p:cNvPr id="31" name="组合 30"/>
          <p:cNvGrpSpPr/>
          <p:nvPr/>
        </p:nvGrpSpPr>
        <p:grpSpPr>
          <a:xfrm>
            <a:off x="3855494" y="1438078"/>
            <a:ext cx="389617" cy="353345"/>
            <a:chOff x="5551177" y="3544696"/>
            <a:chExt cx="519489" cy="424014"/>
          </a:xfrm>
        </p:grpSpPr>
        <p:grpSp>
          <p:nvGrpSpPr>
            <p:cNvPr id="46" name="组合 45"/>
            <p:cNvGrpSpPr/>
            <p:nvPr/>
          </p:nvGrpSpPr>
          <p:grpSpPr>
            <a:xfrm>
              <a:off x="5570386" y="3544696"/>
              <a:ext cx="414733" cy="424014"/>
              <a:chOff x="6511364" y="4023155"/>
              <a:chExt cx="830997" cy="849593"/>
            </a:xfrm>
            <a:solidFill>
              <a:srgbClr val="E74C2E"/>
            </a:solidFill>
          </p:grpSpPr>
          <p:sp>
            <p:nvSpPr>
              <p:cNvPr id="47" name="椭圆 46"/>
              <p:cNvSpPr/>
              <p:nvPr/>
            </p:nvSpPr>
            <p:spPr>
              <a:xfrm>
                <a:off x="6511364" y="4023155"/>
                <a:ext cx="830997" cy="765998"/>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48" name="等腰三角形 47"/>
              <p:cNvSpPr/>
              <p:nvPr/>
            </p:nvSpPr>
            <p:spPr>
              <a:xfrm rot="10800000">
                <a:off x="6746646" y="4562030"/>
                <a:ext cx="360433" cy="310718"/>
              </a:xfrm>
              <a:prstGeom prst="triangl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sp>
          <p:nvSpPr>
            <p:cNvPr id="11" name="文本框 10"/>
            <p:cNvSpPr txBox="1"/>
            <p:nvPr/>
          </p:nvSpPr>
          <p:spPr>
            <a:xfrm>
              <a:off x="5551177" y="3598038"/>
              <a:ext cx="519489" cy="292608"/>
            </a:xfrm>
            <a:prstGeom prst="rect">
              <a:avLst/>
            </a:prstGeom>
            <a:noFill/>
          </p:spPr>
          <p:txBody>
            <a:bodyPr rtlCol="0" wrap="square">
              <a:spAutoFit/>
            </a:bodyPr>
            <a:lstStyle/>
            <a:p>
              <a:r>
                <a:rPr altLang="zh-CN" lang="en-US" sz="1000">
                  <a:solidFill>
                    <a:schemeClr val="bg1"/>
                  </a:solidFill>
                  <a:latin charset="-122" panose="020b0503020204020204" pitchFamily="34" typeface="微软雅黑"/>
                  <a:ea charset="-122" panose="020b0503020204020204" pitchFamily="34" typeface="微软雅黑"/>
                </a:rPr>
                <a:t>70</a:t>
              </a:r>
            </a:p>
          </p:txBody>
        </p:sp>
      </p:grpSp>
      <p:grpSp>
        <p:nvGrpSpPr>
          <p:cNvPr id="2" name="组合 1"/>
          <p:cNvGrpSpPr/>
          <p:nvPr/>
        </p:nvGrpSpPr>
        <p:grpSpPr>
          <a:xfrm>
            <a:off x="1177540" y="1381287"/>
            <a:ext cx="4446354" cy="675479"/>
            <a:chOff x="669540" y="1381284"/>
            <a:chExt cx="4446354" cy="675479"/>
          </a:xfrm>
        </p:grpSpPr>
        <p:sp>
          <p:nvSpPr>
            <p:cNvPr id="3" name="矩形 2"/>
            <p:cNvSpPr/>
            <p:nvPr/>
          </p:nvSpPr>
          <p:spPr>
            <a:xfrm>
              <a:off x="720388" y="1810234"/>
              <a:ext cx="2803712" cy="246529"/>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2" name="文本框 11"/>
            <p:cNvSpPr txBox="1"/>
            <p:nvPr/>
          </p:nvSpPr>
          <p:spPr>
            <a:xfrm>
              <a:off x="669540" y="1381284"/>
              <a:ext cx="1452703" cy="365760"/>
            </a:xfrm>
            <a:prstGeom prst="rect">
              <a:avLst/>
            </a:prstGeom>
            <a:noFill/>
          </p:spPr>
          <p:txBody>
            <a:bodyPr rtlCol="0" wrap="square">
              <a:spAutoFit/>
            </a:bodyPr>
            <a:lstStyle/>
            <a:p>
              <a:r>
                <a:rPr altLang="en-US" lang="zh-CN">
                  <a:latin charset="-122" panose="020b0503020204020204" pitchFamily="34" typeface="微软雅黑"/>
                  <a:ea charset="-122" panose="020b0503020204020204" pitchFamily="34" typeface="微软雅黑"/>
                </a:rPr>
                <a:t>第一季度</a:t>
              </a:r>
            </a:p>
          </p:txBody>
        </p:sp>
        <p:sp>
          <p:nvSpPr>
            <p:cNvPr id="4" name="矩形 3"/>
            <p:cNvSpPr/>
            <p:nvPr/>
          </p:nvSpPr>
          <p:spPr>
            <a:xfrm>
              <a:off x="3517378" y="1810234"/>
              <a:ext cx="1598516" cy="24652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spTree>
    <p:extLst>
      <p:ext uri="{BB962C8B-B14F-4D97-AF65-F5344CB8AC3E}">
        <p14:creationId val="3699098847"/>
      </p:ext>
    </p:extLst>
  </p:cSld>
  <p:clrMapOvr>
    <a:masterClrMapping/>
  </p:clrMapOvr>
  <p:transition advClick="0" advTm="4000" spd="slow">
    <p:push/>
  </p:transition>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 presetSubtype="8">
                                  <p:stCondLst>
                                    <p:cond delay="0"/>
                                  </p:stCondLst>
                                  <p:childTnLst>
                                    <p:set>
                                      <p:cBhvr>
                                        <p:cTn dur="1" fill="hold" id="6">
                                          <p:stCondLst>
                                            <p:cond delay="0"/>
                                          </p:stCondLst>
                                        </p:cTn>
                                        <p:tgtEl>
                                          <p:spTgt spid="2"/>
                                        </p:tgtEl>
                                        <p:attrNameLst>
                                          <p:attrName>style.visibility</p:attrName>
                                        </p:attrNameLst>
                                      </p:cBhvr>
                                      <p:to>
                                        <p:strVal val="visible"/>
                                      </p:to>
                                    </p:set>
                                    <p:anim calcmode="lin" valueType="num">
                                      <p:cBhvr additive="base">
                                        <p:cTn dur="500" fill="hold" id="7"/>
                                        <p:tgtEl>
                                          <p:spTgt spid="2"/>
                                        </p:tgtEl>
                                        <p:attrNameLst>
                                          <p:attrName>ppt_x</p:attrName>
                                        </p:attrNameLst>
                                      </p:cBhvr>
                                      <p:tavLst>
                                        <p:tav tm="0">
                                          <p:val>
                                            <p:strVal val="0-#ppt_w/2"/>
                                          </p:val>
                                        </p:tav>
                                        <p:tav tm="100000">
                                          <p:val>
                                            <p:strVal val="#ppt_x"/>
                                          </p:val>
                                        </p:tav>
                                      </p:tavLst>
                                    </p:anim>
                                    <p:anim calcmode="lin" valueType="num">
                                      <p:cBhvr additive="base">
                                        <p:cTn dur="500" fill="hold" id="8"/>
                                        <p:tgtEl>
                                          <p:spTgt spid="2"/>
                                        </p:tgtEl>
                                        <p:attrNameLst>
                                          <p:attrName>ppt_y</p:attrName>
                                        </p:attrNameLst>
                                      </p:cBhvr>
                                      <p:tavLst>
                                        <p:tav tm="0">
                                          <p:val>
                                            <p:strVal val="#ppt_y"/>
                                          </p:val>
                                        </p:tav>
                                        <p:tav tm="100000">
                                          <p:val>
                                            <p:strVal val="#ppt_y"/>
                                          </p:val>
                                        </p:tav>
                                      </p:tavLst>
                                    </p:anim>
                                  </p:childTnLst>
                                </p:cTn>
                              </p:par>
                            </p:childTnLst>
                          </p:cTn>
                        </p:par>
                        <p:par>
                          <p:cTn fill="hold" id="9" nodeType="afterGroup">
                            <p:stCondLst>
                              <p:cond delay="500"/>
                            </p:stCondLst>
                            <p:childTnLst>
                              <p:par>
                                <p:cTn fill="hold" id="10" nodeType="afterEffect" presetClass="entr" presetID="42" presetSubtype="0">
                                  <p:stCondLst>
                                    <p:cond delay="0"/>
                                  </p:stCondLst>
                                  <p:childTnLst>
                                    <p:set>
                                      <p:cBhvr>
                                        <p:cTn dur="1" fill="hold" id="11">
                                          <p:stCondLst>
                                            <p:cond delay="0"/>
                                          </p:stCondLst>
                                        </p:cTn>
                                        <p:tgtEl>
                                          <p:spTgt spid="31"/>
                                        </p:tgtEl>
                                        <p:attrNameLst>
                                          <p:attrName>style.visibility</p:attrName>
                                        </p:attrNameLst>
                                      </p:cBhvr>
                                      <p:to>
                                        <p:strVal val="visible"/>
                                      </p:to>
                                    </p:set>
                                    <p:animEffect filter="fade" transition="in">
                                      <p:cBhvr>
                                        <p:cTn dur="500" id="12"/>
                                        <p:tgtEl>
                                          <p:spTgt spid="31"/>
                                        </p:tgtEl>
                                      </p:cBhvr>
                                    </p:animEffect>
                                    <p:anim calcmode="lin" valueType="num">
                                      <p:cBhvr>
                                        <p:cTn dur="500" fill="hold" id="13"/>
                                        <p:tgtEl>
                                          <p:spTgt spid="31"/>
                                        </p:tgtEl>
                                        <p:attrNameLst>
                                          <p:attrName>ppt_x</p:attrName>
                                        </p:attrNameLst>
                                      </p:cBhvr>
                                      <p:tavLst>
                                        <p:tav tm="0">
                                          <p:val>
                                            <p:strVal val="#ppt_x"/>
                                          </p:val>
                                        </p:tav>
                                        <p:tav tm="100000">
                                          <p:val>
                                            <p:strVal val="#ppt_x"/>
                                          </p:val>
                                        </p:tav>
                                      </p:tavLst>
                                    </p:anim>
                                    <p:anim calcmode="lin" valueType="num">
                                      <p:cBhvr>
                                        <p:cTn dur="500" fill="hold" id="14"/>
                                        <p:tgtEl>
                                          <p:spTgt spid="31"/>
                                        </p:tgtEl>
                                        <p:attrNameLst>
                                          <p:attrName>ppt_y</p:attrName>
                                        </p:attrNameLst>
                                      </p:cBhvr>
                                      <p:tavLst>
                                        <p:tav tm="0">
                                          <p:val>
                                            <p:strVal val="#ppt_y+.1"/>
                                          </p:val>
                                        </p:tav>
                                        <p:tav tm="100000">
                                          <p:val>
                                            <p:strVal val="#ppt_y"/>
                                          </p:val>
                                        </p:tav>
                                      </p:tavLst>
                                    </p:anim>
                                  </p:childTnLst>
                                </p:cTn>
                              </p:par>
                            </p:childTnLst>
                          </p:cTn>
                        </p:par>
                        <p:par>
                          <p:cTn fill="hold" id="15" nodeType="afterGroup">
                            <p:stCondLst>
                              <p:cond delay="1000"/>
                            </p:stCondLst>
                            <p:childTnLst>
                              <p:par>
                                <p:cTn fill="hold" id="16" nodeType="afterEffect" presetClass="entr" presetID="2" presetSubtype="8">
                                  <p:stCondLst>
                                    <p:cond delay="0"/>
                                  </p:stCondLst>
                                  <p:childTnLst>
                                    <p:set>
                                      <p:cBhvr>
                                        <p:cTn dur="1" fill="hold" id="17">
                                          <p:stCondLst>
                                            <p:cond delay="0"/>
                                          </p:stCondLst>
                                        </p:cTn>
                                        <p:tgtEl>
                                          <p:spTgt spid="32"/>
                                        </p:tgtEl>
                                        <p:attrNameLst>
                                          <p:attrName>style.visibility</p:attrName>
                                        </p:attrNameLst>
                                      </p:cBhvr>
                                      <p:to>
                                        <p:strVal val="visible"/>
                                      </p:to>
                                    </p:set>
                                    <p:anim calcmode="lin" valueType="num">
                                      <p:cBhvr additive="base">
                                        <p:cTn dur="500" fill="hold" id="18"/>
                                        <p:tgtEl>
                                          <p:spTgt spid="32"/>
                                        </p:tgtEl>
                                        <p:attrNameLst>
                                          <p:attrName>ppt_x</p:attrName>
                                        </p:attrNameLst>
                                      </p:cBhvr>
                                      <p:tavLst>
                                        <p:tav tm="0">
                                          <p:val>
                                            <p:strVal val="0-#ppt_w/2"/>
                                          </p:val>
                                        </p:tav>
                                        <p:tav tm="100000">
                                          <p:val>
                                            <p:strVal val="#ppt_x"/>
                                          </p:val>
                                        </p:tav>
                                      </p:tavLst>
                                    </p:anim>
                                    <p:anim calcmode="lin" valueType="num">
                                      <p:cBhvr additive="base">
                                        <p:cTn dur="500" fill="hold" id="19"/>
                                        <p:tgtEl>
                                          <p:spTgt spid="32"/>
                                        </p:tgtEl>
                                        <p:attrNameLst>
                                          <p:attrName>ppt_y</p:attrName>
                                        </p:attrNameLst>
                                      </p:cBhvr>
                                      <p:tavLst>
                                        <p:tav tm="0">
                                          <p:val>
                                            <p:strVal val="#ppt_y"/>
                                          </p:val>
                                        </p:tav>
                                        <p:tav tm="100000">
                                          <p:val>
                                            <p:strVal val="#ppt_y"/>
                                          </p:val>
                                        </p:tav>
                                      </p:tavLst>
                                    </p:anim>
                                  </p:childTnLst>
                                </p:cTn>
                              </p:par>
                            </p:childTnLst>
                          </p:cTn>
                        </p:par>
                        <p:par>
                          <p:cTn fill="hold" id="20" nodeType="afterGroup">
                            <p:stCondLst>
                              <p:cond delay="1500"/>
                            </p:stCondLst>
                            <p:childTnLst>
                              <p:par>
                                <p:cTn fill="hold" id="21" nodeType="afterEffect" presetClass="entr" presetID="42" presetSubtype="0">
                                  <p:stCondLst>
                                    <p:cond delay="0"/>
                                  </p:stCondLst>
                                  <p:childTnLst>
                                    <p:set>
                                      <p:cBhvr>
                                        <p:cTn dur="1" fill="hold" id="22">
                                          <p:stCondLst>
                                            <p:cond delay="0"/>
                                          </p:stCondLst>
                                        </p:cTn>
                                        <p:tgtEl>
                                          <p:spTgt spid="49"/>
                                        </p:tgtEl>
                                        <p:attrNameLst>
                                          <p:attrName>style.visibility</p:attrName>
                                        </p:attrNameLst>
                                      </p:cBhvr>
                                      <p:to>
                                        <p:strVal val="visible"/>
                                      </p:to>
                                    </p:set>
                                    <p:animEffect filter="fade" transition="in">
                                      <p:cBhvr>
                                        <p:cTn dur="500" id="23"/>
                                        <p:tgtEl>
                                          <p:spTgt spid="49"/>
                                        </p:tgtEl>
                                      </p:cBhvr>
                                    </p:animEffect>
                                    <p:anim calcmode="lin" valueType="num">
                                      <p:cBhvr>
                                        <p:cTn dur="500" fill="hold" id="24"/>
                                        <p:tgtEl>
                                          <p:spTgt spid="49"/>
                                        </p:tgtEl>
                                        <p:attrNameLst>
                                          <p:attrName>ppt_x</p:attrName>
                                        </p:attrNameLst>
                                      </p:cBhvr>
                                      <p:tavLst>
                                        <p:tav tm="0">
                                          <p:val>
                                            <p:strVal val="#ppt_x"/>
                                          </p:val>
                                        </p:tav>
                                        <p:tav tm="100000">
                                          <p:val>
                                            <p:strVal val="#ppt_x"/>
                                          </p:val>
                                        </p:tav>
                                      </p:tavLst>
                                    </p:anim>
                                    <p:anim calcmode="lin" valueType="num">
                                      <p:cBhvr>
                                        <p:cTn dur="500" fill="hold" id="25"/>
                                        <p:tgtEl>
                                          <p:spTgt spid="49"/>
                                        </p:tgtEl>
                                        <p:attrNameLst>
                                          <p:attrName>ppt_y</p:attrName>
                                        </p:attrNameLst>
                                      </p:cBhvr>
                                      <p:tavLst>
                                        <p:tav tm="0">
                                          <p:val>
                                            <p:strVal val="#ppt_y+.1"/>
                                          </p:val>
                                        </p:tav>
                                        <p:tav tm="100000">
                                          <p:val>
                                            <p:strVal val="#ppt_y"/>
                                          </p:val>
                                        </p:tav>
                                      </p:tavLst>
                                    </p:anim>
                                  </p:childTnLst>
                                </p:cTn>
                              </p:par>
                            </p:childTnLst>
                          </p:cTn>
                        </p:par>
                        <p:par>
                          <p:cTn fill="hold" id="26" nodeType="afterGroup">
                            <p:stCondLst>
                              <p:cond delay="2000"/>
                            </p:stCondLst>
                            <p:childTnLst>
                              <p:par>
                                <p:cTn fill="hold" id="27" nodeType="afterEffect" presetClass="entr" presetID="2" presetSubtype="8">
                                  <p:stCondLst>
                                    <p:cond delay="0"/>
                                  </p:stCondLst>
                                  <p:childTnLst>
                                    <p:set>
                                      <p:cBhvr>
                                        <p:cTn dur="1" fill="hold" id="28">
                                          <p:stCondLst>
                                            <p:cond delay="0"/>
                                          </p:stCondLst>
                                        </p:cTn>
                                        <p:tgtEl>
                                          <p:spTgt spid="45"/>
                                        </p:tgtEl>
                                        <p:attrNameLst>
                                          <p:attrName>style.visibility</p:attrName>
                                        </p:attrNameLst>
                                      </p:cBhvr>
                                      <p:to>
                                        <p:strVal val="visible"/>
                                      </p:to>
                                    </p:set>
                                    <p:anim calcmode="lin" valueType="num">
                                      <p:cBhvr additive="base">
                                        <p:cTn dur="500" fill="hold" id="29"/>
                                        <p:tgtEl>
                                          <p:spTgt spid="45"/>
                                        </p:tgtEl>
                                        <p:attrNameLst>
                                          <p:attrName>ppt_x</p:attrName>
                                        </p:attrNameLst>
                                      </p:cBhvr>
                                      <p:tavLst>
                                        <p:tav tm="0">
                                          <p:val>
                                            <p:strVal val="0-#ppt_w/2"/>
                                          </p:val>
                                        </p:tav>
                                        <p:tav tm="100000">
                                          <p:val>
                                            <p:strVal val="#ppt_x"/>
                                          </p:val>
                                        </p:tav>
                                      </p:tavLst>
                                    </p:anim>
                                    <p:anim calcmode="lin" valueType="num">
                                      <p:cBhvr additive="base">
                                        <p:cTn dur="500" fill="hold" id="30"/>
                                        <p:tgtEl>
                                          <p:spTgt spid="45"/>
                                        </p:tgtEl>
                                        <p:attrNameLst>
                                          <p:attrName>ppt_y</p:attrName>
                                        </p:attrNameLst>
                                      </p:cBhvr>
                                      <p:tavLst>
                                        <p:tav tm="0">
                                          <p:val>
                                            <p:strVal val="#ppt_y"/>
                                          </p:val>
                                        </p:tav>
                                        <p:tav tm="100000">
                                          <p:val>
                                            <p:strVal val="#ppt_y"/>
                                          </p:val>
                                        </p:tav>
                                      </p:tavLst>
                                    </p:anim>
                                  </p:childTnLst>
                                </p:cTn>
                              </p:par>
                            </p:childTnLst>
                          </p:cTn>
                        </p:par>
                        <p:par>
                          <p:cTn fill="hold" id="31" nodeType="afterGroup">
                            <p:stCondLst>
                              <p:cond delay="2500"/>
                            </p:stCondLst>
                            <p:childTnLst>
                              <p:par>
                                <p:cTn fill="hold" id="32" nodeType="afterEffect" presetClass="entr" presetID="42" presetSubtype="0">
                                  <p:stCondLst>
                                    <p:cond delay="0"/>
                                  </p:stCondLst>
                                  <p:childTnLst>
                                    <p:set>
                                      <p:cBhvr>
                                        <p:cTn dur="1" fill="hold" id="33">
                                          <p:stCondLst>
                                            <p:cond delay="0"/>
                                          </p:stCondLst>
                                        </p:cTn>
                                        <p:tgtEl>
                                          <p:spTgt spid="54"/>
                                        </p:tgtEl>
                                        <p:attrNameLst>
                                          <p:attrName>style.visibility</p:attrName>
                                        </p:attrNameLst>
                                      </p:cBhvr>
                                      <p:to>
                                        <p:strVal val="visible"/>
                                      </p:to>
                                    </p:set>
                                    <p:animEffect filter="fade" transition="in">
                                      <p:cBhvr>
                                        <p:cTn dur="500" id="34"/>
                                        <p:tgtEl>
                                          <p:spTgt spid="54"/>
                                        </p:tgtEl>
                                      </p:cBhvr>
                                    </p:animEffect>
                                    <p:anim calcmode="lin" valueType="num">
                                      <p:cBhvr>
                                        <p:cTn dur="500" fill="hold" id="35"/>
                                        <p:tgtEl>
                                          <p:spTgt spid="54"/>
                                        </p:tgtEl>
                                        <p:attrNameLst>
                                          <p:attrName>ppt_x</p:attrName>
                                        </p:attrNameLst>
                                      </p:cBhvr>
                                      <p:tavLst>
                                        <p:tav tm="0">
                                          <p:val>
                                            <p:strVal val="#ppt_x"/>
                                          </p:val>
                                        </p:tav>
                                        <p:tav tm="100000">
                                          <p:val>
                                            <p:strVal val="#ppt_x"/>
                                          </p:val>
                                        </p:tav>
                                      </p:tavLst>
                                    </p:anim>
                                    <p:anim calcmode="lin" valueType="num">
                                      <p:cBhvr>
                                        <p:cTn dur="500" fill="hold" id="36"/>
                                        <p:tgtEl>
                                          <p:spTgt spid="54"/>
                                        </p:tgtEl>
                                        <p:attrNameLst>
                                          <p:attrName>ppt_y</p:attrName>
                                        </p:attrNameLst>
                                      </p:cBhvr>
                                      <p:tavLst>
                                        <p:tav tm="0">
                                          <p:val>
                                            <p:strVal val="#ppt_y+.1"/>
                                          </p:val>
                                        </p:tav>
                                        <p:tav tm="100000">
                                          <p:val>
                                            <p:strVal val="#ppt_y"/>
                                          </p:val>
                                        </p:tav>
                                      </p:tavLst>
                                    </p:anim>
                                  </p:childTnLst>
                                </p:cTn>
                              </p:par>
                            </p:childTnLst>
                          </p:cTn>
                        </p:par>
                        <p:par>
                          <p:cTn fill="hold" id="37" nodeType="afterGroup">
                            <p:stCondLst>
                              <p:cond delay="3000"/>
                            </p:stCondLst>
                            <p:childTnLst>
                              <p:par>
                                <p:cTn fill="hold" id="38" nodeType="afterEffect" presetClass="entr" presetID="2" presetSubtype="8">
                                  <p:stCondLst>
                                    <p:cond delay="0"/>
                                  </p:stCondLst>
                                  <p:childTnLst>
                                    <p:set>
                                      <p:cBhvr>
                                        <p:cTn dur="1" fill="hold" id="39">
                                          <p:stCondLst>
                                            <p:cond delay="0"/>
                                          </p:stCondLst>
                                        </p:cTn>
                                        <p:tgtEl>
                                          <p:spTgt spid="60"/>
                                        </p:tgtEl>
                                        <p:attrNameLst>
                                          <p:attrName>style.visibility</p:attrName>
                                        </p:attrNameLst>
                                      </p:cBhvr>
                                      <p:to>
                                        <p:strVal val="visible"/>
                                      </p:to>
                                    </p:set>
                                    <p:anim calcmode="lin" valueType="num">
                                      <p:cBhvr additive="base">
                                        <p:cTn dur="500" fill="hold" id="40"/>
                                        <p:tgtEl>
                                          <p:spTgt spid="60"/>
                                        </p:tgtEl>
                                        <p:attrNameLst>
                                          <p:attrName>ppt_x</p:attrName>
                                        </p:attrNameLst>
                                      </p:cBhvr>
                                      <p:tavLst>
                                        <p:tav tm="0">
                                          <p:val>
                                            <p:strVal val="0-#ppt_w/2"/>
                                          </p:val>
                                        </p:tav>
                                        <p:tav tm="100000">
                                          <p:val>
                                            <p:strVal val="#ppt_x"/>
                                          </p:val>
                                        </p:tav>
                                      </p:tavLst>
                                    </p:anim>
                                    <p:anim calcmode="lin" valueType="num">
                                      <p:cBhvr additive="base">
                                        <p:cTn dur="500" fill="hold" id="41"/>
                                        <p:tgtEl>
                                          <p:spTgt spid="60"/>
                                        </p:tgtEl>
                                        <p:attrNameLst>
                                          <p:attrName>ppt_y</p:attrName>
                                        </p:attrNameLst>
                                      </p:cBhvr>
                                      <p:tavLst>
                                        <p:tav tm="0">
                                          <p:val>
                                            <p:strVal val="#ppt_y"/>
                                          </p:val>
                                        </p:tav>
                                        <p:tav tm="100000">
                                          <p:val>
                                            <p:strVal val="#ppt_y"/>
                                          </p:val>
                                        </p:tav>
                                      </p:tavLst>
                                    </p:anim>
                                  </p:childTnLst>
                                </p:cTn>
                              </p:par>
                            </p:childTnLst>
                          </p:cTn>
                        </p:par>
                        <p:par>
                          <p:cTn fill="hold" id="42" nodeType="afterGroup">
                            <p:stCondLst>
                              <p:cond delay="3500"/>
                            </p:stCondLst>
                            <p:childTnLst>
                              <p:par>
                                <p:cTn fill="hold" id="43" nodeType="afterEffect" presetClass="entr" presetID="42" presetSubtype="0">
                                  <p:stCondLst>
                                    <p:cond delay="0"/>
                                  </p:stCondLst>
                                  <p:childTnLst>
                                    <p:set>
                                      <p:cBhvr>
                                        <p:cTn dur="1" fill="hold" id="44">
                                          <p:stCondLst>
                                            <p:cond delay="0"/>
                                          </p:stCondLst>
                                        </p:cTn>
                                        <p:tgtEl>
                                          <p:spTgt spid="38"/>
                                        </p:tgtEl>
                                        <p:attrNameLst>
                                          <p:attrName>style.visibility</p:attrName>
                                        </p:attrNameLst>
                                      </p:cBhvr>
                                      <p:to>
                                        <p:strVal val="visible"/>
                                      </p:to>
                                    </p:set>
                                    <p:animEffect filter="fade" transition="in">
                                      <p:cBhvr>
                                        <p:cTn dur="500" id="45"/>
                                        <p:tgtEl>
                                          <p:spTgt spid="38"/>
                                        </p:tgtEl>
                                      </p:cBhvr>
                                    </p:animEffect>
                                    <p:anim calcmode="lin" valueType="num">
                                      <p:cBhvr>
                                        <p:cTn dur="500" fill="hold" id="46"/>
                                        <p:tgtEl>
                                          <p:spTgt spid="38"/>
                                        </p:tgtEl>
                                        <p:attrNameLst>
                                          <p:attrName>ppt_x</p:attrName>
                                        </p:attrNameLst>
                                      </p:cBhvr>
                                      <p:tavLst>
                                        <p:tav tm="0">
                                          <p:val>
                                            <p:strVal val="#ppt_x"/>
                                          </p:val>
                                        </p:tav>
                                        <p:tav tm="100000">
                                          <p:val>
                                            <p:strVal val="#ppt_x"/>
                                          </p:val>
                                        </p:tav>
                                      </p:tavLst>
                                    </p:anim>
                                    <p:anim calcmode="lin" valueType="num">
                                      <p:cBhvr>
                                        <p:cTn dur="500" fill="hold" id="47"/>
                                        <p:tgtEl>
                                          <p:spTgt spid="38"/>
                                        </p:tgtEl>
                                        <p:attrNameLst>
                                          <p:attrName>ppt_y</p:attrName>
                                        </p:attrNameLst>
                                      </p:cBhvr>
                                      <p:tavLst>
                                        <p:tav tm="0">
                                          <p:val>
                                            <p:strVal val="#ppt_y+.1"/>
                                          </p:val>
                                        </p:tav>
                                        <p:tav tm="100000">
                                          <p:val>
                                            <p:strVal val="#ppt_y"/>
                                          </p:val>
                                        </p:tav>
                                      </p:tavLst>
                                    </p:anim>
                                  </p:childTnLst>
                                </p:cTn>
                              </p:par>
                            </p:childTnLst>
                          </p:cTn>
                        </p:par>
                        <p:par>
                          <p:cTn fill="hold" id="48" nodeType="afterGroup">
                            <p:stCondLst>
                              <p:cond delay="4000"/>
                            </p:stCondLst>
                            <p:childTnLst>
                              <p:par>
                                <p:cTn fill="hold" id="49" nodeType="afterEffect" presetClass="entr" presetID="23" presetSubtype="528">
                                  <p:stCondLst>
                                    <p:cond delay="0"/>
                                  </p:stCondLst>
                                  <p:childTnLst>
                                    <p:set>
                                      <p:cBhvr>
                                        <p:cTn dur="1" fill="hold" id="50">
                                          <p:stCondLst>
                                            <p:cond delay="0"/>
                                          </p:stCondLst>
                                        </p:cTn>
                                        <p:tgtEl>
                                          <p:spTgt spid="21"/>
                                        </p:tgtEl>
                                        <p:attrNameLst>
                                          <p:attrName>style.visibility</p:attrName>
                                        </p:attrNameLst>
                                      </p:cBhvr>
                                      <p:to>
                                        <p:strVal val="visible"/>
                                      </p:to>
                                    </p:set>
                                    <p:anim calcmode="lin" valueType="num">
                                      <p:cBhvr>
                                        <p:cTn dur="500" fill="hold" id="51"/>
                                        <p:tgtEl>
                                          <p:spTgt spid="21"/>
                                        </p:tgtEl>
                                        <p:attrNameLst>
                                          <p:attrName>ppt_w</p:attrName>
                                        </p:attrNameLst>
                                      </p:cBhvr>
                                      <p:tavLst>
                                        <p:tav tm="0">
                                          <p:val>
                                            <p:fltVal val="0"/>
                                          </p:val>
                                        </p:tav>
                                        <p:tav tm="100000">
                                          <p:val>
                                            <p:strVal val="#ppt_w"/>
                                          </p:val>
                                        </p:tav>
                                      </p:tavLst>
                                    </p:anim>
                                    <p:anim calcmode="lin" valueType="num">
                                      <p:cBhvr>
                                        <p:cTn dur="500" fill="hold" id="52"/>
                                        <p:tgtEl>
                                          <p:spTgt spid="21"/>
                                        </p:tgtEl>
                                        <p:attrNameLst>
                                          <p:attrName>ppt_h</p:attrName>
                                        </p:attrNameLst>
                                      </p:cBhvr>
                                      <p:tavLst>
                                        <p:tav tm="0">
                                          <p:val>
                                            <p:fltVal val="0"/>
                                          </p:val>
                                        </p:tav>
                                        <p:tav tm="100000">
                                          <p:val>
                                            <p:strVal val="#ppt_h"/>
                                          </p:val>
                                        </p:tav>
                                      </p:tavLst>
                                    </p:anim>
                                    <p:anim calcmode="lin" valueType="num">
                                      <p:cBhvr>
                                        <p:cTn dur="500" fill="hold" id="53"/>
                                        <p:tgtEl>
                                          <p:spTgt spid="21"/>
                                        </p:tgtEl>
                                        <p:attrNameLst>
                                          <p:attrName>ppt_x</p:attrName>
                                        </p:attrNameLst>
                                      </p:cBhvr>
                                      <p:tavLst>
                                        <p:tav tm="0">
                                          <p:val>
                                            <p:fltVal val="0.5"/>
                                          </p:val>
                                        </p:tav>
                                        <p:tav tm="100000">
                                          <p:val>
                                            <p:strVal val="#ppt_x"/>
                                          </p:val>
                                        </p:tav>
                                      </p:tavLst>
                                    </p:anim>
                                    <p:anim calcmode="lin" valueType="num">
                                      <p:cBhvr>
                                        <p:cTn dur="500" fill="hold" id="54"/>
                                        <p:tgtEl>
                                          <p:spTgt spid="21"/>
                                        </p:tgtEl>
                                        <p:attrNameLst>
                                          <p:attrName>ppt_y</p:attrName>
                                        </p:attrNameLst>
                                      </p:cBhvr>
                                      <p:tavLst>
                                        <p:tav tm="0">
                                          <p:val>
                                            <p:fltVal val="0.5"/>
                                          </p:val>
                                        </p:tav>
                                        <p:tav tm="100000">
                                          <p:val>
                                            <p:strVal val="#ppt_y"/>
                                          </p:val>
                                        </p:tav>
                                      </p:tavLst>
                                    </p:anim>
                                  </p:childTnLst>
                                </p:cTn>
                              </p:par>
                            </p:childTnLst>
                          </p:cTn>
                        </p:par>
                        <p:par>
                          <p:cTn fill="hold" id="55" nodeType="afterGroup">
                            <p:stCondLst>
                              <p:cond delay="4500"/>
                            </p:stCondLst>
                            <p:childTnLst>
                              <p:par>
                                <p:cTn fill="hold" grpId="0" id="56" nodeType="afterEffect" presetClass="entr" presetID="22" presetSubtype="1">
                                  <p:stCondLst>
                                    <p:cond delay="0"/>
                                  </p:stCondLst>
                                  <p:childTnLst>
                                    <p:set>
                                      <p:cBhvr>
                                        <p:cTn dur="1" fill="hold" id="57">
                                          <p:stCondLst>
                                            <p:cond delay="0"/>
                                          </p:stCondLst>
                                        </p:cTn>
                                        <p:tgtEl>
                                          <p:spTgt spid="35"/>
                                        </p:tgtEl>
                                        <p:attrNameLst>
                                          <p:attrName>style.visibility</p:attrName>
                                        </p:attrNameLst>
                                      </p:cBhvr>
                                      <p:to>
                                        <p:strVal val="visible"/>
                                      </p:to>
                                    </p:set>
                                    <p:animEffect filter="wipe(up)" transition="in">
                                      <p:cBhvr>
                                        <p:cTn dur="250" id="58"/>
                                        <p:tgtEl>
                                          <p:spTgt spid="35"/>
                                        </p:tgtEl>
                                      </p:cBhvr>
                                    </p:animEffect>
                                  </p:childTnLst>
                                </p:cTn>
                              </p:par>
                            </p:childTnLst>
                          </p:cTn>
                        </p:par>
                        <p:par>
                          <p:cTn fill="hold" id="59" nodeType="afterGroup">
                            <p:stCondLst>
                              <p:cond delay="4750"/>
                            </p:stCondLst>
                            <p:childTnLst>
                              <p:par>
                                <p:cTn fill="hold" id="60" nodeType="afterEffect" presetClass="entr" presetID="23" presetSubtype="528">
                                  <p:stCondLst>
                                    <p:cond delay="0"/>
                                  </p:stCondLst>
                                  <p:childTnLst>
                                    <p:set>
                                      <p:cBhvr>
                                        <p:cTn dur="1" fill="hold" id="61">
                                          <p:stCondLst>
                                            <p:cond delay="0"/>
                                          </p:stCondLst>
                                        </p:cTn>
                                        <p:tgtEl>
                                          <p:spTgt spid="22"/>
                                        </p:tgtEl>
                                        <p:attrNameLst>
                                          <p:attrName>style.visibility</p:attrName>
                                        </p:attrNameLst>
                                      </p:cBhvr>
                                      <p:to>
                                        <p:strVal val="visible"/>
                                      </p:to>
                                    </p:set>
                                    <p:anim calcmode="lin" valueType="num">
                                      <p:cBhvr>
                                        <p:cTn dur="500" fill="hold" id="62"/>
                                        <p:tgtEl>
                                          <p:spTgt spid="22"/>
                                        </p:tgtEl>
                                        <p:attrNameLst>
                                          <p:attrName>ppt_w</p:attrName>
                                        </p:attrNameLst>
                                      </p:cBhvr>
                                      <p:tavLst>
                                        <p:tav tm="0">
                                          <p:val>
                                            <p:fltVal val="0"/>
                                          </p:val>
                                        </p:tav>
                                        <p:tav tm="100000">
                                          <p:val>
                                            <p:strVal val="#ppt_w"/>
                                          </p:val>
                                        </p:tav>
                                      </p:tavLst>
                                    </p:anim>
                                    <p:anim calcmode="lin" valueType="num">
                                      <p:cBhvr>
                                        <p:cTn dur="500" fill="hold" id="63"/>
                                        <p:tgtEl>
                                          <p:spTgt spid="22"/>
                                        </p:tgtEl>
                                        <p:attrNameLst>
                                          <p:attrName>ppt_h</p:attrName>
                                        </p:attrNameLst>
                                      </p:cBhvr>
                                      <p:tavLst>
                                        <p:tav tm="0">
                                          <p:val>
                                            <p:fltVal val="0"/>
                                          </p:val>
                                        </p:tav>
                                        <p:tav tm="100000">
                                          <p:val>
                                            <p:strVal val="#ppt_h"/>
                                          </p:val>
                                        </p:tav>
                                      </p:tavLst>
                                    </p:anim>
                                    <p:anim calcmode="lin" valueType="num">
                                      <p:cBhvr>
                                        <p:cTn dur="500" fill="hold" id="64"/>
                                        <p:tgtEl>
                                          <p:spTgt spid="22"/>
                                        </p:tgtEl>
                                        <p:attrNameLst>
                                          <p:attrName>ppt_x</p:attrName>
                                        </p:attrNameLst>
                                      </p:cBhvr>
                                      <p:tavLst>
                                        <p:tav tm="0">
                                          <p:val>
                                            <p:fltVal val="0.5"/>
                                          </p:val>
                                        </p:tav>
                                        <p:tav tm="100000">
                                          <p:val>
                                            <p:strVal val="#ppt_x"/>
                                          </p:val>
                                        </p:tav>
                                      </p:tavLst>
                                    </p:anim>
                                    <p:anim calcmode="lin" valueType="num">
                                      <p:cBhvr>
                                        <p:cTn dur="500" fill="hold" id="65"/>
                                        <p:tgtEl>
                                          <p:spTgt spid="22"/>
                                        </p:tgtEl>
                                        <p:attrNameLst>
                                          <p:attrName>ppt_y</p:attrName>
                                        </p:attrNameLst>
                                      </p:cBhvr>
                                      <p:tavLst>
                                        <p:tav tm="0">
                                          <p:val>
                                            <p:fltVal val="0.5"/>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35"/>
    </p:bldLst>
  </p:timing>
</p:sld>
</file>

<file path=ppt/slides/slide23.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sp>
        <p:nvSpPr>
          <p:cNvPr id="2" name="AutoShape 10"/>
          <p:cNvSpPr>
            <a:spLocks noChangeArrowheads="1"/>
          </p:cNvSpPr>
          <p:nvPr/>
        </p:nvSpPr>
        <p:spPr bwMode="auto">
          <a:xfrm rot="16200000">
            <a:off x="4402261" y="-941394"/>
            <a:ext cx="1398833" cy="7676197"/>
          </a:xfrm>
          <a:prstGeom prst="downArrow">
            <a:avLst>
              <a:gd fmla="val 49065" name="adj1"/>
              <a:gd fmla="val 44827" name="adj2"/>
            </a:avLst>
          </a:prstGeom>
          <a:solidFill>
            <a:srgbClr val="00544A"/>
          </a:solidFill>
          <a:ln>
            <a:noFill/>
          </a:ln>
        </p:spPr>
        <p:txBody>
          <a:bodyPr vert="eaVert"/>
          <a:lstStyle/>
          <a:p>
            <a:endParaRPr altLang="en-US" lang="zh-CN" sz="2000">
              <a:latin charset="-122" panose="020b0503020204020204" pitchFamily="34" typeface="微软雅黑"/>
              <a:ea charset="-122" panose="020b0503020204020204" pitchFamily="34" typeface="微软雅黑"/>
            </a:endParaRPr>
          </a:p>
        </p:txBody>
      </p:sp>
      <p:grpSp>
        <p:nvGrpSpPr>
          <p:cNvPr id="3" name="组合 41"/>
          <p:cNvGrpSpPr/>
          <p:nvPr/>
        </p:nvGrpSpPr>
        <p:grpSpPr>
          <a:xfrm>
            <a:off x="3097803" y="2162460"/>
            <a:ext cx="1701613" cy="1539687"/>
            <a:chOff x="1214414" y="2786058"/>
            <a:chExt cx="1935848" cy="1751017"/>
          </a:xfrm>
        </p:grpSpPr>
        <p:grpSp>
          <p:nvGrpSpPr>
            <p:cNvPr id="4" name="Group 6"/>
            <p:cNvGrpSpPr/>
            <p:nvPr/>
          </p:nvGrpSpPr>
          <p:grpSpPr>
            <a:xfrm>
              <a:off x="1295400" y="2786058"/>
              <a:ext cx="1753450" cy="1751017"/>
              <a:chOff x="1823" y="2371"/>
              <a:chExt cx="1801" cy="1801"/>
            </a:xfrm>
          </p:grpSpPr>
          <p:sp>
            <p:nvSpPr>
              <p:cNvPr id="6" name="Oval 7"/>
              <p:cNvSpPr>
                <a:spLocks noChangeArrowheads="1"/>
              </p:cNvSpPr>
              <p:nvPr/>
            </p:nvSpPr>
            <p:spPr bwMode="auto">
              <a:xfrm>
                <a:off x="1823" y="2371"/>
                <a:ext cx="1801" cy="1801"/>
              </a:xfrm>
              <a:prstGeom prst="ellipse">
                <a:avLst/>
              </a:prstGeom>
              <a:solidFill>
                <a:srgbClr val="D8D8D8">
                  <a:alpha val="48000"/>
                </a:srgbClr>
              </a:solidFill>
              <a:ln>
                <a:noFill/>
              </a:ln>
              <a:extLst>
                <a:ext uri="{91240B29-F687-4F45-9708-019B960494DF}">
                  <a14:hiddenLine w="9525">
                    <a:solidFill>
                      <a:srgbClr val="000000"/>
                    </a:solidFill>
                    <a:round/>
                    <a:headEnd/>
                    <a:tailEnd/>
                  </a14:hiddenLine>
                </a:ext>
              </a:extLst>
            </p:spPr>
            <p:txBody>
              <a:bodyPr/>
              <a:lstStyle/>
              <a:p>
                <a:endParaRPr altLang="en-US" lang="zh-CN" sz="2000">
                  <a:latin charset="-122" panose="020b0503020204020204" pitchFamily="34" typeface="微软雅黑"/>
                  <a:ea charset="-122" panose="020b0503020204020204" pitchFamily="34" typeface="微软雅黑"/>
                </a:endParaRPr>
              </a:p>
            </p:txBody>
          </p:sp>
          <p:sp>
            <p:nvSpPr>
              <p:cNvPr id="7" name="Oval 8"/>
              <p:cNvSpPr>
                <a:spLocks noChangeArrowheads="1"/>
              </p:cNvSpPr>
              <p:nvPr/>
            </p:nvSpPr>
            <p:spPr bwMode="auto">
              <a:xfrm>
                <a:off x="1945" y="2493"/>
                <a:ext cx="1556" cy="1556"/>
              </a:xfrm>
              <a:prstGeom prst="ellipse">
                <a:avLst/>
              </a:prstGeom>
              <a:solidFill>
                <a:schemeClr val="bg1">
                  <a:lumMod val="75000"/>
                </a:schemeClr>
              </a:solidFill>
              <a:ln w="38100">
                <a:solidFill>
                  <a:srgbClr val="FFFFFF"/>
                </a:solidFill>
                <a:round/>
              </a:ln>
            </p:spPr>
            <p:txBody>
              <a:bodyPr/>
              <a:lstStyle/>
              <a:p>
                <a:pPr>
                  <a:defRPr/>
                </a:pPr>
                <a:endParaRPr altLang="en-US" lang="zh-CN" sz="2000">
                  <a:latin charset="-122" panose="020b0503020204020204" pitchFamily="34" typeface="微软雅黑"/>
                  <a:ea charset="-122" panose="020b0503020204020204" pitchFamily="34" typeface="微软雅黑"/>
                </a:endParaRPr>
              </a:p>
            </p:txBody>
          </p:sp>
        </p:grpSp>
        <p:sp>
          <p:nvSpPr>
            <p:cNvPr id="5" name="Text Box 9"/>
            <p:cNvSpPr txBox="1">
              <a:spLocks noChangeArrowheads="1"/>
            </p:cNvSpPr>
            <p:nvPr/>
          </p:nvSpPr>
          <p:spPr bwMode="auto">
            <a:xfrm>
              <a:off x="1214414" y="3413118"/>
              <a:ext cx="1935848" cy="620153"/>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lstStyle>
              <a:lvl1pPr eaLnBrk="0" hangingPunct="0">
                <a:defRPr>
                  <a:solidFill>
                    <a:schemeClr val="tx1"/>
                  </a:solidFill>
                  <a:latin typeface="Arial"/>
                  <a:ea typeface="宋体"/>
                </a:defRPr>
              </a:lvl1pPr>
              <a:lvl2pPr eaLnBrk="0" hangingPunct="0" indent="-285750" marL="742950">
                <a:defRPr>
                  <a:solidFill>
                    <a:schemeClr val="tx1"/>
                  </a:solidFill>
                  <a:latin typeface="Arial"/>
                  <a:ea typeface="宋体"/>
                </a:defRPr>
              </a:lvl2pPr>
              <a:lvl3pPr eaLnBrk="0" hangingPunct="0" indent="-228600" marL="1143000">
                <a:defRPr>
                  <a:solidFill>
                    <a:schemeClr val="tx1"/>
                  </a:solidFill>
                  <a:latin typeface="Arial"/>
                  <a:ea typeface="宋体"/>
                </a:defRPr>
              </a:lvl3pPr>
              <a:lvl4pPr eaLnBrk="0" hangingPunct="0" indent="-228600" marL="1600200">
                <a:defRPr>
                  <a:solidFill>
                    <a:schemeClr val="tx1"/>
                  </a:solidFill>
                  <a:latin typeface="Arial"/>
                  <a:ea typeface="宋体"/>
                </a:defRPr>
              </a:lvl4pPr>
              <a:lvl5pPr eaLnBrk="0" hangingPunct="0" indent="-228600" marL="2057400">
                <a:defRPr>
                  <a:solidFill>
                    <a:schemeClr val="tx1"/>
                  </a:solidFill>
                  <a:latin typeface="Arial"/>
                  <a:ea typeface="宋体"/>
                </a:defRPr>
              </a:lvl5pPr>
              <a:lvl6pPr eaLnBrk="0" fontAlgn="base" hangingPunct="0" indent="-228600" marL="2514600">
                <a:spcBef>
                  <a:spcPct val="0"/>
                </a:spcBef>
                <a:spcAft>
                  <a:spcPct val="0"/>
                </a:spcAft>
                <a:defRPr>
                  <a:solidFill>
                    <a:schemeClr val="tx1"/>
                  </a:solidFill>
                  <a:latin typeface="Arial"/>
                  <a:ea typeface="宋体"/>
                </a:defRPr>
              </a:lvl6pPr>
              <a:lvl7pPr eaLnBrk="0" fontAlgn="base" hangingPunct="0" indent="-228600" marL="2971800">
                <a:spcBef>
                  <a:spcPct val="0"/>
                </a:spcBef>
                <a:spcAft>
                  <a:spcPct val="0"/>
                </a:spcAft>
                <a:defRPr>
                  <a:solidFill>
                    <a:schemeClr val="tx1"/>
                  </a:solidFill>
                  <a:latin typeface="Arial"/>
                  <a:ea typeface="宋体"/>
                </a:defRPr>
              </a:lvl7pPr>
              <a:lvl8pPr eaLnBrk="0" fontAlgn="base" hangingPunct="0" indent="-228600" marL="3429000">
                <a:spcBef>
                  <a:spcPct val="0"/>
                </a:spcBef>
                <a:spcAft>
                  <a:spcPct val="0"/>
                </a:spcAft>
                <a:defRPr>
                  <a:solidFill>
                    <a:schemeClr val="tx1"/>
                  </a:solidFill>
                  <a:latin typeface="Arial"/>
                  <a:ea typeface="宋体"/>
                </a:defRPr>
              </a:lvl8pPr>
              <a:lvl9pPr eaLnBrk="0" fontAlgn="base" hangingPunct="0" indent="-228600" marL="3886200">
                <a:spcBef>
                  <a:spcPct val="0"/>
                </a:spcBef>
                <a:spcAft>
                  <a:spcPct val="0"/>
                </a:spcAft>
                <a:defRPr>
                  <a:solidFill>
                    <a:schemeClr val="tx1"/>
                  </a:solidFill>
                  <a:latin typeface="Arial"/>
                  <a:ea typeface="宋体"/>
                </a:defRPr>
              </a:lvl9pPr>
            </a:lstStyle>
            <a:p>
              <a:pPr algn="ctr" eaLnBrk="1" hangingPunct="1"/>
              <a:r>
                <a:rPr altLang="en-US" b="1" lang="zh-CN" sz="2000">
                  <a:latin charset="-122" panose="020b0503020204020204" pitchFamily="34" typeface="微软雅黑"/>
                  <a:ea charset="-122" panose="020b0503020204020204" pitchFamily="34" typeface="微软雅黑"/>
                </a:rPr>
                <a:t>写入文本</a:t>
              </a:r>
            </a:p>
          </p:txBody>
        </p:sp>
      </p:grpSp>
      <p:grpSp>
        <p:nvGrpSpPr>
          <p:cNvPr id="8" name="组合 46"/>
          <p:cNvGrpSpPr/>
          <p:nvPr/>
        </p:nvGrpSpPr>
        <p:grpSpPr>
          <a:xfrm>
            <a:off x="4799413" y="2162460"/>
            <a:ext cx="1701612" cy="1539687"/>
            <a:chOff x="1214414" y="2786058"/>
            <a:chExt cx="1935848" cy="1751017"/>
          </a:xfrm>
        </p:grpSpPr>
        <p:grpSp>
          <p:nvGrpSpPr>
            <p:cNvPr id="9" name="Group 6"/>
            <p:cNvGrpSpPr/>
            <p:nvPr/>
          </p:nvGrpSpPr>
          <p:grpSpPr>
            <a:xfrm>
              <a:off x="1295400" y="2786058"/>
              <a:ext cx="1753450" cy="1751017"/>
              <a:chOff x="1823" y="2371"/>
              <a:chExt cx="1801" cy="1801"/>
            </a:xfrm>
          </p:grpSpPr>
          <p:sp>
            <p:nvSpPr>
              <p:cNvPr id="11" name="Oval 7"/>
              <p:cNvSpPr>
                <a:spLocks noChangeArrowheads="1"/>
              </p:cNvSpPr>
              <p:nvPr/>
            </p:nvSpPr>
            <p:spPr bwMode="auto">
              <a:xfrm>
                <a:off x="1823" y="2371"/>
                <a:ext cx="1801" cy="1801"/>
              </a:xfrm>
              <a:prstGeom prst="ellipse">
                <a:avLst/>
              </a:prstGeom>
              <a:solidFill>
                <a:srgbClr val="D8D8D8">
                  <a:alpha val="48000"/>
                </a:srgbClr>
              </a:solidFill>
              <a:ln>
                <a:noFill/>
              </a:ln>
              <a:extLst>
                <a:ext uri="{91240B29-F687-4F45-9708-019B960494DF}">
                  <a14:hiddenLine w="9525">
                    <a:solidFill>
                      <a:srgbClr val="000000"/>
                    </a:solidFill>
                    <a:round/>
                    <a:headEnd/>
                    <a:tailEnd/>
                  </a14:hiddenLine>
                </a:ext>
              </a:extLst>
            </p:spPr>
            <p:txBody>
              <a:bodyPr/>
              <a:lstStyle/>
              <a:p>
                <a:endParaRPr altLang="en-US" lang="zh-CN" sz="2000">
                  <a:latin charset="-122" panose="020b0503020204020204" pitchFamily="34" typeface="微软雅黑"/>
                  <a:ea charset="-122" panose="020b0503020204020204" pitchFamily="34" typeface="微软雅黑"/>
                </a:endParaRPr>
              </a:p>
            </p:txBody>
          </p:sp>
          <p:sp>
            <p:nvSpPr>
              <p:cNvPr id="12" name="Oval 8"/>
              <p:cNvSpPr>
                <a:spLocks noChangeArrowheads="1"/>
              </p:cNvSpPr>
              <p:nvPr/>
            </p:nvSpPr>
            <p:spPr bwMode="auto">
              <a:xfrm>
                <a:off x="1945" y="2493"/>
                <a:ext cx="1556" cy="1556"/>
              </a:xfrm>
              <a:prstGeom prst="ellipse">
                <a:avLst/>
              </a:prstGeom>
              <a:solidFill>
                <a:schemeClr val="bg1">
                  <a:lumMod val="75000"/>
                </a:schemeClr>
              </a:solidFill>
              <a:ln w="38100">
                <a:solidFill>
                  <a:srgbClr val="FFFFFF"/>
                </a:solidFill>
                <a:round/>
              </a:ln>
            </p:spPr>
            <p:txBody>
              <a:bodyPr/>
              <a:lstStyle/>
              <a:p>
                <a:pPr>
                  <a:defRPr/>
                </a:pPr>
                <a:endParaRPr altLang="en-US" lang="zh-CN" sz="2000">
                  <a:latin charset="-122" panose="020b0503020204020204" pitchFamily="34" typeface="微软雅黑"/>
                  <a:ea charset="-122" panose="020b0503020204020204" pitchFamily="34" typeface="微软雅黑"/>
                </a:endParaRPr>
              </a:p>
            </p:txBody>
          </p:sp>
        </p:grpSp>
        <p:sp>
          <p:nvSpPr>
            <p:cNvPr id="10" name="Text Box 9"/>
            <p:cNvSpPr txBox="1">
              <a:spLocks noChangeArrowheads="1"/>
            </p:cNvSpPr>
            <p:nvPr/>
          </p:nvSpPr>
          <p:spPr bwMode="auto">
            <a:xfrm>
              <a:off x="1214414" y="3394068"/>
              <a:ext cx="1935848" cy="620153"/>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lstStyle>
              <a:lvl1pPr eaLnBrk="0" hangingPunct="0">
                <a:defRPr>
                  <a:solidFill>
                    <a:schemeClr val="tx1"/>
                  </a:solidFill>
                  <a:latin typeface="Arial"/>
                  <a:ea typeface="宋体"/>
                </a:defRPr>
              </a:lvl1pPr>
              <a:lvl2pPr eaLnBrk="0" hangingPunct="0" indent="-285750" marL="742950">
                <a:defRPr>
                  <a:solidFill>
                    <a:schemeClr val="tx1"/>
                  </a:solidFill>
                  <a:latin typeface="Arial"/>
                  <a:ea typeface="宋体"/>
                </a:defRPr>
              </a:lvl2pPr>
              <a:lvl3pPr eaLnBrk="0" hangingPunct="0" indent="-228600" marL="1143000">
                <a:defRPr>
                  <a:solidFill>
                    <a:schemeClr val="tx1"/>
                  </a:solidFill>
                  <a:latin typeface="Arial"/>
                  <a:ea typeface="宋体"/>
                </a:defRPr>
              </a:lvl3pPr>
              <a:lvl4pPr eaLnBrk="0" hangingPunct="0" indent="-228600" marL="1600200">
                <a:defRPr>
                  <a:solidFill>
                    <a:schemeClr val="tx1"/>
                  </a:solidFill>
                  <a:latin typeface="Arial"/>
                  <a:ea typeface="宋体"/>
                </a:defRPr>
              </a:lvl4pPr>
              <a:lvl5pPr eaLnBrk="0" hangingPunct="0" indent="-228600" marL="2057400">
                <a:defRPr>
                  <a:solidFill>
                    <a:schemeClr val="tx1"/>
                  </a:solidFill>
                  <a:latin typeface="Arial"/>
                  <a:ea typeface="宋体"/>
                </a:defRPr>
              </a:lvl5pPr>
              <a:lvl6pPr eaLnBrk="0" fontAlgn="base" hangingPunct="0" indent="-228600" marL="2514600">
                <a:spcBef>
                  <a:spcPct val="0"/>
                </a:spcBef>
                <a:spcAft>
                  <a:spcPct val="0"/>
                </a:spcAft>
                <a:defRPr>
                  <a:solidFill>
                    <a:schemeClr val="tx1"/>
                  </a:solidFill>
                  <a:latin typeface="Arial"/>
                  <a:ea typeface="宋体"/>
                </a:defRPr>
              </a:lvl6pPr>
              <a:lvl7pPr eaLnBrk="0" fontAlgn="base" hangingPunct="0" indent="-228600" marL="2971800">
                <a:spcBef>
                  <a:spcPct val="0"/>
                </a:spcBef>
                <a:spcAft>
                  <a:spcPct val="0"/>
                </a:spcAft>
                <a:defRPr>
                  <a:solidFill>
                    <a:schemeClr val="tx1"/>
                  </a:solidFill>
                  <a:latin typeface="Arial"/>
                  <a:ea typeface="宋体"/>
                </a:defRPr>
              </a:lvl7pPr>
              <a:lvl8pPr eaLnBrk="0" fontAlgn="base" hangingPunct="0" indent="-228600" marL="3429000">
                <a:spcBef>
                  <a:spcPct val="0"/>
                </a:spcBef>
                <a:spcAft>
                  <a:spcPct val="0"/>
                </a:spcAft>
                <a:defRPr>
                  <a:solidFill>
                    <a:schemeClr val="tx1"/>
                  </a:solidFill>
                  <a:latin typeface="Arial"/>
                  <a:ea typeface="宋体"/>
                </a:defRPr>
              </a:lvl8pPr>
              <a:lvl9pPr eaLnBrk="0" fontAlgn="base" hangingPunct="0" indent="-228600" marL="3886200">
                <a:spcBef>
                  <a:spcPct val="0"/>
                </a:spcBef>
                <a:spcAft>
                  <a:spcPct val="0"/>
                </a:spcAft>
                <a:defRPr>
                  <a:solidFill>
                    <a:schemeClr val="tx1"/>
                  </a:solidFill>
                  <a:latin typeface="Arial"/>
                  <a:ea typeface="宋体"/>
                </a:defRPr>
              </a:lvl9pPr>
            </a:lstStyle>
            <a:p>
              <a:pPr algn="ctr" eaLnBrk="1" hangingPunct="1"/>
              <a:r>
                <a:rPr altLang="en-US" b="1" lang="zh-CN" sz="2000">
                  <a:latin charset="-122" panose="020b0503020204020204" pitchFamily="34" typeface="微软雅黑"/>
                  <a:ea charset="-122" panose="020b0503020204020204" pitchFamily="34" typeface="微软雅黑"/>
                </a:rPr>
                <a:t>写入文本</a:t>
              </a:r>
            </a:p>
          </p:txBody>
        </p:sp>
      </p:grpSp>
      <p:grpSp>
        <p:nvGrpSpPr>
          <p:cNvPr id="13" name="组合 51"/>
          <p:cNvGrpSpPr/>
          <p:nvPr/>
        </p:nvGrpSpPr>
        <p:grpSpPr>
          <a:xfrm>
            <a:off x="6517779" y="2162460"/>
            <a:ext cx="1701613" cy="1539687"/>
            <a:chOff x="1214414" y="2786058"/>
            <a:chExt cx="1935848" cy="1751017"/>
          </a:xfrm>
        </p:grpSpPr>
        <p:grpSp>
          <p:nvGrpSpPr>
            <p:cNvPr id="14" name="Group 6"/>
            <p:cNvGrpSpPr/>
            <p:nvPr/>
          </p:nvGrpSpPr>
          <p:grpSpPr>
            <a:xfrm>
              <a:off x="1295400" y="2786058"/>
              <a:ext cx="1753450" cy="1751017"/>
              <a:chOff x="1823" y="2371"/>
              <a:chExt cx="1801" cy="1801"/>
            </a:xfrm>
          </p:grpSpPr>
          <p:sp>
            <p:nvSpPr>
              <p:cNvPr id="16" name="Oval 7"/>
              <p:cNvSpPr>
                <a:spLocks noChangeArrowheads="1"/>
              </p:cNvSpPr>
              <p:nvPr/>
            </p:nvSpPr>
            <p:spPr bwMode="auto">
              <a:xfrm>
                <a:off x="1823" y="2371"/>
                <a:ext cx="1801" cy="1801"/>
              </a:xfrm>
              <a:prstGeom prst="ellipse">
                <a:avLst/>
              </a:prstGeom>
              <a:solidFill>
                <a:srgbClr val="D8D8D8">
                  <a:alpha val="48000"/>
                </a:srgbClr>
              </a:solidFill>
              <a:ln>
                <a:noFill/>
              </a:ln>
              <a:extLst>
                <a:ext uri="{91240B29-F687-4F45-9708-019B960494DF}">
                  <a14:hiddenLine w="9525">
                    <a:solidFill>
                      <a:srgbClr val="000000"/>
                    </a:solidFill>
                    <a:round/>
                    <a:headEnd/>
                    <a:tailEnd/>
                  </a14:hiddenLine>
                </a:ext>
              </a:extLst>
            </p:spPr>
            <p:txBody>
              <a:bodyPr/>
              <a:lstStyle/>
              <a:p>
                <a:endParaRPr altLang="en-US" lang="zh-CN" sz="2000">
                  <a:latin charset="-122" panose="020b0503020204020204" pitchFamily="34" typeface="微软雅黑"/>
                  <a:ea charset="-122" panose="020b0503020204020204" pitchFamily="34" typeface="微软雅黑"/>
                </a:endParaRPr>
              </a:p>
            </p:txBody>
          </p:sp>
          <p:sp>
            <p:nvSpPr>
              <p:cNvPr id="17" name="Oval 8"/>
              <p:cNvSpPr>
                <a:spLocks noChangeArrowheads="1"/>
              </p:cNvSpPr>
              <p:nvPr/>
            </p:nvSpPr>
            <p:spPr bwMode="auto">
              <a:xfrm>
                <a:off x="1945" y="2493"/>
                <a:ext cx="1556" cy="1556"/>
              </a:xfrm>
              <a:prstGeom prst="ellipse">
                <a:avLst/>
              </a:prstGeom>
              <a:solidFill>
                <a:schemeClr val="bg1">
                  <a:lumMod val="75000"/>
                </a:schemeClr>
              </a:solidFill>
              <a:ln w="38100">
                <a:solidFill>
                  <a:srgbClr val="FFFFFF"/>
                </a:solidFill>
                <a:round/>
              </a:ln>
            </p:spPr>
            <p:txBody>
              <a:bodyPr/>
              <a:lstStyle/>
              <a:p>
                <a:pPr>
                  <a:defRPr/>
                </a:pPr>
                <a:endParaRPr altLang="en-US" lang="zh-CN" sz="2000">
                  <a:latin charset="-122" panose="020b0503020204020204" pitchFamily="34" typeface="微软雅黑"/>
                  <a:ea charset="-122" panose="020b0503020204020204" pitchFamily="34" typeface="微软雅黑"/>
                </a:endParaRPr>
              </a:p>
            </p:txBody>
          </p:sp>
        </p:grpSp>
        <p:sp>
          <p:nvSpPr>
            <p:cNvPr id="15" name="Text Box 9"/>
            <p:cNvSpPr txBox="1">
              <a:spLocks noChangeArrowheads="1"/>
            </p:cNvSpPr>
            <p:nvPr/>
          </p:nvSpPr>
          <p:spPr bwMode="auto">
            <a:xfrm>
              <a:off x="1214414" y="3394068"/>
              <a:ext cx="1935848" cy="620153"/>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lstStyle>
              <a:lvl1pPr eaLnBrk="0" hangingPunct="0">
                <a:defRPr>
                  <a:solidFill>
                    <a:schemeClr val="tx1"/>
                  </a:solidFill>
                  <a:latin typeface="Arial"/>
                  <a:ea typeface="宋体"/>
                </a:defRPr>
              </a:lvl1pPr>
              <a:lvl2pPr eaLnBrk="0" hangingPunct="0" indent="-285750" marL="742950">
                <a:defRPr>
                  <a:solidFill>
                    <a:schemeClr val="tx1"/>
                  </a:solidFill>
                  <a:latin typeface="Arial"/>
                  <a:ea typeface="宋体"/>
                </a:defRPr>
              </a:lvl2pPr>
              <a:lvl3pPr eaLnBrk="0" hangingPunct="0" indent="-228600" marL="1143000">
                <a:defRPr>
                  <a:solidFill>
                    <a:schemeClr val="tx1"/>
                  </a:solidFill>
                  <a:latin typeface="Arial"/>
                  <a:ea typeface="宋体"/>
                </a:defRPr>
              </a:lvl3pPr>
              <a:lvl4pPr eaLnBrk="0" hangingPunct="0" indent="-228600" marL="1600200">
                <a:defRPr>
                  <a:solidFill>
                    <a:schemeClr val="tx1"/>
                  </a:solidFill>
                  <a:latin typeface="Arial"/>
                  <a:ea typeface="宋体"/>
                </a:defRPr>
              </a:lvl4pPr>
              <a:lvl5pPr eaLnBrk="0" hangingPunct="0" indent="-228600" marL="2057400">
                <a:defRPr>
                  <a:solidFill>
                    <a:schemeClr val="tx1"/>
                  </a:solidFill>
                  <a:latin typeface="Arial"/>
                  <a:ea typeface="宋体"/>
                </a:defRPr>
              </a:lvl5pPr>
              <a:lvl6pPr eaLnBrk="0" fontAlgn="base" hangingPunct="0" indent="-228600" marL="2514600">
                <a:spcBef>
                  <a:spcPct val="0"/>
                </a:spcBef>
                <a:spcAft>
                  <a:spcPct val="0"/>
                </a:spcAft>
                <a:defRPr>
                  <a:solidFill>
                    <a:schemeClr val="tx1"/>
                  </a:solidFill>
                  <a:latin typeface="Arial"/>
                  <a:ea typeface="宋体"/>
                </a:defRPr>
              </a:lvl6pPr>
              <a:lvl7pPr eaLnBrk="0" fontAlgn="base" hangingPunct="0" indent="-228600" marL="2971800">
                <a:spcBef>
                  <a:spcPct val="0"/>
                </a:spcBef>
                <a:spcAft>
                  <a:spcPct val="0"/>
                </a:spcAft>
                <a:defRPr>
                  <a:solidFill>
                    <a:schemeClr val="tx1"/>
                  </a:solidFill>
                  <a:latin typeface="Arial"/>
                  <a:ea typeface="宋体"/>
                </a:defRPr>
              </a:lvl7pPr>
              <a:lvl8pPr eaLnBrk="0" fontAlgn="base" hangingPunct="0" indent="-228600" marL="3429000">
                <a:spcBef>
                  <a:spcPct val="0"/>
                </a:spcBef>
                <a:spcAft>
                  <a:spcPct val="0"/>
                </a:spcAft>
                <a:defRPr>
                  <a:solidFill>
                    <a:schemeClr val="tx1"/>
                  </a:solidFill>
                  <a:latin typeface="Arial"/>
                  <a:ea typeface="宋体"/>
                </a:defRPr>
              </a:lvl8pPr>
              <a:lvl9pPr eaLnBrk="0" fontAlgn="base" hangingPunct="0" indent="-228600" marL="3886200">
                <a:spcBef>
                  <a:spcPct val="0"/>
                </a:spcBef>
                <a:spcAft>
                  <a:spcPct val="0"/>
                </a:spcAft>
                <a:defRPr>
                  <a:solidFill>
                    <a:schemeClr val="tx1"/>
                  </a:solidFill>
                  <a:latin typeface="Arial"/>
                  <a:ea typeface="宋体"/>
                </a:defRPr>
              </a:lvl9pPr>
            </a:lstStyle>
            <a:p>
              <a:pPr algn="ctr" eaLnBrk="1" hangingPunct="1"/>
              <a:r>
                <a:rPr altLang="en-US" b="1" lang="zh-CN" sz="2000">
                  <a:latin charset="-122" panose="020b0503020204020204" pitchFamily="34" typeface="微软雅黑"/>
                  <a:ea charset="-122" panose="020b0503020204020204" pitchFamily="34" typeface="微软雅黑"/>
                </a:rPr>
                <a:t>写入文本</a:t>
              </a:r>
            </a:p>
          </p:txBody>
        </p:sp>
      </p:grpSp>
      <p:grpSp>
        <p:nvGrpSpPr>
          <p:cNvPr id="18" name="组合 40"/>
          <p:cNvGrpSpPr/>
          <p:nvPr/>
        </p:nvGrpSpPr>
        <p:grpSpPr>
          <a:xfrm>
            <a:off x="1433968" y="2162460"/>
            <a:ext cx="1701613" cy="1539687"/>
            <a:chOff x="1214414" y="2786058"/>
            <a:chExt cx="1935848" cy="1751017"/>
          </a:xfrm>
        </p:grpSpPr>
        <p:grpSp>
          <p:nvGrpSpPr>
            <p:cNvPr id="19" name="Group 6"/>
            <p:cNvGrpSpPr/>
            <p:nvPr/>
          </p:nvGrpSpPr>
          <p:grpSpPr>
            <a:xfrm>
              <a:off x="1295400" y="2786058"/>
              <a:ext cx="1753450" cy="1751017"/>
              <a:chOff x="1823" y="2371"/>
              <a:chExt cx="1801" cy="1801"/>
            </a:xfrm>
          </p:grpSpPr>
          <p:sp>
            <p:nvSpPr>
              <p:cNvPr id="21" name="Oval 7"/>
              <p:cNvSpPr>
                <a:spLocks noChangeArrowheads="1"/>
              </p:cNvSpPr>
              <p:nvPr/>
            </p:nvSpPr>
            <p:spPr bwMode="auto">
              <a:xfrm>
                <a:off x="1823" y="2371"/>
                <a:ext cx="1801" cy="1801"/>
              </a:xfrm>
              <a:prstGeom prst="ellipse">
                <a:avLst/>
              </a:prstGeom>
              <a:solidFill>
                <a:srgbClr val="D8D8D8">
                  <a:alpha val="48000"/>
                </a:srgbClr>
              </a:solidFill>
              <a:ln>
                <a:noFill/>
              </a:ln>
              <a:extLst>
                <a:ext uri="{91240B29-F687-4F45-9708-019B960494DF}">
                  <a14:hiddenLine w="9525">
                    <a:solidFill>
                      <a:srgbClr val="000000"/>
                    </a:solidFill>
                    <a:round/>
                    <a:headEnd/>
                    <a:tailEnd/>
                  </a14:hiddenLine>
                </a:ext>
              </a:extLst>
            </p:spPr>
            <p:txBody>
              <a:bodyPr/>
              <a:lstStyle/>
              <a:p>
                <a:endParaRPr altLang="en-US" lang="zh-CN" sz="2000">
                  <a:latin charset="-122" panose="020b0503020204020204" pitchFamily="34" typeface="微软雅黑"/>
                  <a:ea charset="-122" panose="020b0503020204020204" pitchFamily="34" typeface="微软雅黑"/>
                </a:endParaRPr>
              </a:p>
            </p:txBody>
          </p:sp>
          <p:sp>
            <p:nvSpPr>
              <p:cNvPr id="22" name="Oval 8"/>
              <p:cNvSpPr>
                <a:spLocks noChangeArrowheads="1"/>
              </p:cNvSpPr>
              <p:nvPr/>
            </p:nvSpPr>
            <p:spPr bwMode="auto">
              <a:xfrm>
                <a:off x="1946" y="2493"/>
                <a:ext cx="1556" cy="1556"/>
              </a:xfrm>
              <a:prstGeom prst="ellipse">
                <a:avLst/>
              </a:prstGeom>
              <a:solidFill>
                <a:srgbClr val="018E7B"/>
              </a:solidFill>
              <a:ln w="38100">
                <a:solidFill>
                  <a:srgbClr val="FFFFFF"/>
                </a:solidFill>
                <a:round/>
              </a:ln>
            </p:spPr>
            <p:txBody>
              <a:bodyPr/>
              <a:lstStyle/>
              <a:p>
                <a:endParaRPr altLang="en-US" lang="zh-CN" sz="2000">
                  <a:latin charset="-122" panose="020b0503020204020204" pitchFamily="34" typeface="微软雅黑"/>
                  <a:ea charset="-122" panose="020b0503020204020204" pitchFamily="34" typeface="微软雅黑"/>
                </a:endParaRPr>
              </a:p>
            </p:txBody>
          </p:sp>
        </p:grpSp>
        <p:sp>
          <p:nvSpPr>
            <p:cNvPr id="20" name="Text Box 9"/>
            <p:cNvSpPr txBox="1">
              <a:spLocks noChangeArrowheads="1"/>
            </p:cNvSpPr>
            <p:nvPr/>
          </p:nvSpPr>
          <p:spPr bwMode="auto">
            <a:xfrm>
              <a:off x="1214414" y="3394068"/>
              <a:ext cx="1935848" cy="620153"/>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lstStyle>
              <a:lvl1pPr eaLnBrk="0" hangingPunct="0">
                <a:defRPr>
                  <a:solidFill>
                    <a:schemeClr val="tx1"/>
                  </a:solidFill>
                  <a:latin typeface="Arial"/>
                  <a:ea typeface="宋体"/>
                </a:defRPr>
              </a:lvl1pPr>
              <a:lvl2pPr eaLnBrk="0" hangingPunct="0" indent="-285750" marL="742950">
                <a:defRPr>
                  <a:solidFill>
                    <a:schemeClr val="tx1"/>
                  </a:solidFill>
                  <a:latin typeface="Arial"/>
                  <a:ea typeface="宋体"/>
                </a:defRPr>
              </a:lvl2pPr>
              <a:lvl3pPr eaLnBrk="0" hangingPunct="0" indent="-228600" marL="1143000">
                <a:defRPr>
                  <a:solidFill>
                    <a:schemeClr val="tx1"/>
                  </a:solidFill>
                  <a:latin typeface="Arial"/>
                  <a:ea typeface="宋体"/>
                </a:defRPr>
              </a:lvl3pPr>
              <a:lvl4pPr eaLnBrk="0" hangingPunct="0" indent="-228600" marL="1600200">
                <a:defRPr>
                  <a:solidFill>
                    <a:schemeClr val="tx1"/>
                  </a:solidFill>
                  <a:latin typeface="Arial"/>
                  <a:ea typeface="宋体"/>
                </a:defRPr>
              </a:lvl4pPr>
              <a:lvl5pPr eaLnBrk="0" hangingPunct="0" indent="-228600" marL="2057400">
                <a:defRPr>
                  <a:solidFill>
                    <a:schemeClr val="tx1"/>
                  </a:solidFill>
                  <a:latin typeface="Arial"/>
                  <a:ea typeface="宋体"/>
                </a:defRPr>
              </a:lvl5pPr>
              <a:lvl6pPr eaLnBrk="0" fontAlgn="base" hangingPunct="0" indent="-228600" marL="2514600">
                <a:spcBef>
                  <a:spcPct val="0"/>
                </a:spcBef>
                <a:spcAft>
                  <a:spcPct val="0"/>
                </a:spcAft>
                <a:defRPr>
                  <a:solidFill>
                    <a:schemeClr val="tx1"/>
                  </a:solidFill>
                  <a:latin typeface="Arial"/>
                  <a:ea typeface="宋体"/>
                </a:defRPr>
              </a:lvl6pPr>
              <a:lvl7pPr eaLnBrk="0" fontAlgn="base" hangingPunct="0" indent="-228600" marL="2971800">
                <a:spcBef>
                  <a:spcPct val="0"/>
                </a:spcBef>
                <a:spcAft>
                  <a:spcPct val="0"/>
                </a:spcAft>
                <a:defRPr>
                  <a:solidFill>
                    <a:schemeClr val="tx1"/>
                  </a:solidFill>
                  <a:latin typeface="Arial"/>
                  <a:ea typeface="宋体"/>
                </a:defRPr>
              </a:lvl7pPr>
              <a:lvl8pPr eaLnBrk="0" fontAlgn="base" hangingPunct="0" indent="-228600" marL="3429000">
                <a:spcBef>
                  <a:spcPct val="0"/>
                </a:spcBef>
                <a:spcAft>
                  <a:spcPct val="0"/>
                </a:spcAft>
                <a:defRPr>
                  <a:solidFill>
                    <a:schemeClr val="tx1"/>
                  </a:solidFill>
                  <a:latin typeface="Arial"/>
                  <a:ea typeface="宋体"/>
                </a:defRPr>
              </a:lvl8pPr>
              <a:lvl9pPr eaLnBrk="0" fontAlgn="base" hangingPunct="0" indent="-228600" marL="3886200">
                <a:spcBef>
                  <a:spcPct val="0"/>
                </a:spcBef>
                <a:spcAft>
                  <a:spcPct val="0"/>
                </a:spcAft>
                <a:defRPr>
                  <a:solidFill>
                    <a:schemeClr val="tx1"/>
                  </a:solidFill>
                  <a:latin typeface="Arial"/>
                  <a:ea typeface="宋体"/>
                </a:defRPr>
              </a:lvl9pPr>
            </a:lstStyle>
            <a:p>
              <a:pPr algn="ctr" eaLnBrk="1" hangingPunct="1"/>
              <a:r>
                <a:rPr altLang="en-US" b="1" lang="zh-CN" sz="2000">
                  <a:solidFill>
                    <a:schemeClr val="bg1"/>
                  </a:solidFill>
                  <a:latin charset="-122" panose="020b0503020204020204" pitchFamily="34" typeface="微软雅黑"/>
                  <a:ea charset="-122" panose="020b0503020204020204" pitchFamily="34" typeface="微软雅黑"/>
                </a:rPr>
                <a:t>写入文本</a:t>
              </a:r>
            </a:p>
          </p:txBody>
        </p:sp>
      </p:grpSp>
      <p:sp>
        <p:nvSpPr>
          <p:cNvPr id="23" name="矩形标注 22"/>
          <p:cNvSpPr/>
          <p:nvPr/>
        </p:nvSpPr>
        <p:spPr>
          <a:xfrm>
            <a:off x="3429467" y="3980244"/>
            <a:ext cx="1477858" cy="45719"/>
          </a:xfrm>
          <a:prstGeom prst="wedgeRectCallout">
            <a:avLst>
              <a:gd fmla="val -17526" name="adj1"/>
              <a:gd fmla="val -509465" name="adj2"/>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rgbClr val="C00000"/>
              </a:solidFill>
            </a:endParaRPr>
          </a:p>
        </p:txBody>
      </p:sp>
      <p:sp>
        <p:nvSpPr>
          <p:cNvPr id="24" name="矩形标注 23"/>
          <p:cNvSpPr/>
          <p:nvPr/>
        </p:nvSpPr>
        <p:spPr>
          <a:xfrm>
            <a:off x="1738309" y="1815837"/>
            <a:ext cx="1584840" cy="64140"/>
          </a:xfrm>
          <a:prstGeom prst="wedgeRectCallout">
            <a:avLst>
              <a:gd fmla="val -23398" name="adj1"/>
              <a:gd fmla="val 403291" name="adj2"/>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rgbClr val="C00000"/>
              </a:solidFill>
            </a:endParaRPr>
          </a:p>
        </p:txBody>
      </p:sp>
      <p:sp>
        <p:nvSpPr>
          <p:cNvPr id="25" name="Rectangle 28"/>
          <p:cNvSpPr>
            <a:spLocks noChangeArrowheads="1"/>
          </p:cNvSpPr>
          <p:nvPr/>
        </p:nvSpPr>
        <p:spPr bwMode="auto">
          <a:xfrm>
            <a:off x="3409121" y="4018349"/>
            <a:ext cx="1475159" cy="530352"/>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wrap="square">
            <a:spAutoFit/>
          </a:bodyPr>
          <a:lstStyle/>
          <a:p>
            <a:pPr>
              <a:lnSpc>
                <a:spcPct val="120000"/>
              </a:lnSpc>
            </a:pPr>
            <a:r>
              <a:rPr altLang="en-US" lang="zh-CN" sz="1200">
                <a:solidFill>
                  <a:schemeClr val="tx1">
                    <a:lumMod val="95000"/>
                    <a:lumOff val="5000"/>
                  </a:schemeClr>
                </a:solidFill>
                <a:latin charset="-122" panose="020b0503020204020204" pitchFamily="34" typeface="微软雅黑"/>
                <a:ea charset="-122" panose="020b0503020204020204" pitchFamily="34" typeface="微软雅黑"/>
              </a:rPr>
              <a:t>单击此处添加文字</a:t>
            </a:r>
          </a:p>
          <a:p>
            <a:pPr>
              <a:lnSpc>
                <a:spcPct val="120000"/>
              </a:lnSpc>
            </a:pPr>
            <a:r>
              <a:rPr altLang="en-US" lang="zh-CN" sz="1200">
                <a:solidFill>
                  <a:schemeClr val="tx1">
                    <a:lumMod val="95000"/>
                    <a:lumOff val="5000"/>
                  </a:schemeClr>
                </a:solidFill>
                <a:latin charset="-122" panose="020b0503020204020204" pitchFamily="34" typeface="微软雅黑"/>
                <a:ea charset="-122" panose="020b0503020204020204" pitchFamily="34" typeface="微软雅黑"/>
              </a:rPr>
              <a:t>单击此处添加文字</a:t>
            </a:r>
          </a:p>
        </p:txBody>
      </p:sp>
      <p:sp>
        <p:nvSpPr>
          <p:cNvPr id="26" name="Rectangle 28"/>
          <p:cNvSpPr>
            <a:spLocks noChangeArrowheads="1"/>
          </p:cNvSpPr>
          <p:nvPr/>
        </p:nvSpPr>
        <p:spPr bwMode="auto">
          <a:xfrm>
            <a:off x="1805384" y="1273327"/>
            <a:ext cx="1475159" cy="530352"/>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wrap="square">
            <a:spAutoFit/>
          </a:bodyPr>
          <a:lstStyle/>
          <a:p>
            <a:pPr>
              <a:lnSpc>
                <a:spcPct val="120000"/>
              </a:lnSpc>
            </a:pPr>
            <a:r>
              <a:rPr altLang="en-US" lang="zh-CN" sz="1200">
                <a:solidFill>
                  <a:schemeClr val="tx1">
                    <a:lumMod val="95000"/>
                    <a:lumOff val="5000"/>
                  </a:schemeClr>
                </a:solidFill>
                <a:latin charset="-122" panose="020b0503020204020204" pitchFamily="34" typeface="微软雅黑"/>
                <a:ea charset="-122" panose="020b0503020204020204" pitchFamily="34" typeface="微软雅黑"/>
              </a:rPr>
              <a:t>单击此处添加文字</a:t>
            </a:r>
          </a:p>
          <a:p>
            <a:pPr>
              <a:lnSpc>
                <a:spcPct val="120000"/>
              </a:lnSpc>
            </a:pPr>
            <a:r>
              <a:rPr altLang="en-US" lang="zh-CN" sz="1200">
                <a:solidFill>
                  <a:schemeClr val="tx1">
                    <a:lumMod val="95000"/>
                    <a:lumOff val="5000"/>
                  </a:schemeClr>
                </a:solidFill>
                <a:latin charset="-122" panose="020b0503020204020204" pitchFamily="34" typeface="微软雅黑"/>
                <a:ea charset="-122" panose="020b0503020204020204" pitchFamily="34" typeface="微软雅黑"/>
              </a:rPr>
              <a:t>单击此处添加文字</a:t>
            </a:r>
          </a:p>
        </p:txBody>
      </p:sp>
      <p:sp>
        <p:nvSpPr>
          <p:cNvPr id="27" name="矩形标注 26"/>
          <p:cNvSpPr/>
          <p:nvPr/>
        </p:nvSpPr>
        <p:spPr>
          <a:xfrm>
            <a:off x="5050677" y="1815837"/>
            <a:ext cx="1584840" cy="64140"/>
          </a:xfrm>
          <a:prstGeom prst="wedgeRectCallout">
            <a:avLst>
              <a:gd fmla="val -23398" name="adj1"/>
              <a:gd fmla="val 403291" name="adj2"/>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rgbClr val="C00000"/>
              </a:solidFill>
            </a:endParaRPr>
          </a:p>
        </p:txBody>
      </p:sp>
      <p:sp>
        <p:nvSpPr>
          <p:cNvPr id="28" name="Rectangle 28"/>
          <p:cNvSpPr>
            <a:spLocks noChangeArrowheads="1"/>
          </p:cNvSpPr>
          <p:nvPr/>
        </p:nvSpPr>
        <p:spPr bwMode="auto">
          <a:xfrm>
            <a:off x="5117752" y="1273327"/>
            <a:ext cx="1475159" cy="530352"/>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wrap="square">
            <a:spAutoFit/>
          </a:bodyPr>
          <a:lstStyle/>
          <a:p>
            <a:pPr>
              <a:lnSpc>
                <a:spcPct val="120000"/>
              </a:lnSpc>
            </a:pPr>
            <a:r>
              <a:rPr altLang="en-US" lang="zh-CN" sz="1200">
                <a:solidFill>
                  <a:schemeClr val="tx1">
                    <a:lumMod val="95000"/>
                    <a:lumOff val="5000"/>
                  </a:schemeClr>
                </a:solidFill>
                <a:latin charset="-122" panose="020b0503020204020204" pitchFamily="34" typeface="微软雅黑"/>
                <a:ea charset="-122" panose="020b0503020204020204" pitchFamily="34" typeface="微软雅黑"/>
              </a:rPr>
              <a:t>单击此处添加文字</a:t>
            </a:r>
          </a:p>
          <a:p>
            <a:pPr>
              <a:lnSpc>
                <a:spcPct val="120000"/>
              </a:lnSpc>
            </a:pPr>
            <a:r>
              <a:rPr altLang="en-US" lang="zh-CN" sz="1200">
                <a:solidFill>
                  <a:schemeClr val="tx1">
                    <a:lumMod val="95000"/>
                    <a:lumOff val="5000"/>
                  </a:schemeClr>
                </a:solidFill>
                <a:latin charset="-122" panose="020b0503020204020204" pitchFamily="34" typeface="微软雅黑"/>
                <a:ea charset="-122" panose="020b0503020204020204" pitchFamily="34" typeface="微软雅黑"/>
              </a:rPr>
              <a:t>单击此处添加文字</a:t>
            </a:r>
          </a:p>
        </p:txBody>
      </p:sp>
      <p:sp>
        <p:nvSpPr>
          <p:cNvPr id="29" name="矩形标注 28"/>
          <p:cNvSpPr/>
          <p:nvPr/>
        </p:nvSpPr>
        <p:spPr>
          <a:xfrm>
            <a:off x="6885851" y="3980244"/>
            <a:ext cx="1477858" cy="45719"/>
          </a:xfrm>
          <a:prstGeom prst="wedgeRectCallout">
            <a:avLst>
              <a:gd fmla="val -17526" name="adj1"/>
              <a:gd fmla="val -509465" name="adj2"/>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rgbClr val="C00000"/>
              </a:solidFill>
            </a:endParaRPr>
          </a:p>
        </p:txBody>
      </p:sp>
      <p:sp>
        <p:nvSpPr>
          <p:cNvPr id="30" name="Rectangle 28"/>
          <p:cNvSpPr>
            <a:spLocks noChangeArrowheads="1"/>
          </p:cNvSpPr>
          <p:nvPr/>
        </p:nvSpPr>
        <p:spPr bwMode="auto">
          <a:xfrm>
            <a:off x="6865504" y="4018349"/>
            <a:ext cx="1475159" cy="530352"/>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wrap="square">
            <a:spAutoFit/>
          </a:bodyPr>
          <a:lstStyle/>
          <a:p>
            <a:pPr>
              <a:lnSpc>
                <a:spcPct val="120000"/>
              </a:lnSpc>
            </a:pPr>
            <a:r>
              <a:rPr altLang="en-US" lang="zh-CN" sz="1200">
                <a:solidFill>
                  <a:schemeClr val="tx1">
                    <a:lumMod val="95000"/>
                    <a:lumOff val="5000"/>
                  </a:schemeClr>
                </a:solidFill>
                <a:latin charset="-122" panose="020b0503020204020204" pitchFamily="34" typeface="微软雅黑"/>
                <a:ea charset="-122" panose="020b0503020204020204" pitchFamily="34" typeface="微软雅黑"/>
              </a:rPr>
              <a:t>单击此处添加文字</a:t>
            </a:r>
          </a:p>
          <a:p>
            <a:pPr>
              <a:lnSpc>
                <a:spcPct val="120000"/>
              </a:lnSpc>
            </a:pPr>
            <a:r>
              <a:rPr altLang="en-US" lang="zh-CN" sz="1200">
                <a:solidFill>
                  <a:schemeClr val="tx1">
                    <a:lumMod val="95000"/>
                    <a:lumOff val="5000"/>
                  </a:schemeClr>
                </a:solidFill>
                <a:latin charset="-122" panose="020b0503020204020204" pitchFamily="34" typeface="微软雅黑"/>
                <a:ea charset="-122" panose="020b0503020204020204" pitchFamily="34" typeface="微软雅黑"/>
              </a:rPr>
              <a:t>单击此处添加文字</a:t>
            </a:r>
          </a:p>
        </p:txBody>
      </p:sp>
    </p:spTree>
    <p:extLst>
      <p:ext uri="{BB962C8B-B14F-4D97-AF65-F5344CB8AC3E}">
        <p14:creationId val="2959031141"/>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grpId="0" id="5" nodeType="withEffect" presetClass="entr" presetID="22" presetSubtype="8">
                                  <p:stCondLst>
                                    <p:cond delay="0"/>
                                  </p:stCondLst>
                                  <p:childTnLst>
                                    <p:set>
                                      <p:cBhvr>
                                        <p:cTn dur="1" fill="hold" id="6">
                                          <p:stCondLst>
                                            <p:cond delay="0"/>
                                          </p:stCondLst>
                                        </p:cTn>
                                        <p:tgtEl>
                                          <p:spTgt spid="2"/>
                                        </p:tgtEl>
                                        <p:attrNameLst>
                                          <p:attrName>style.visibility</p:attrName>
                                        </p:attrNameLst>
                                      </p:cBhvr>
                                      <p:to>
                                        <p:strVal val="visible"/>
                                      </p:to>
                                    </p:set>
                                    <p:animEffect filter="wipe(left)" transition="in">
                                      <p:cBhvr>
                                        <p:cTn dur="500" id="7"/>
                                        <p:tgtEl>
                                          <p:spTgt spid="2"/>
                                        </p:tgtEl>
                                      </p:cBhvr>
                                    </p:animEffect>
                                  </p:childTnLst>
                                </p:cTn>
                              </p:par>
                            </p:childTnLst>
                          </p:cTn>
                        </p:par>
                        <p:par>
                          <p:cTn fill="hold" id="8" nodeType="afterGroup">
                            <p:stCondLst>
                              <p:cond delay="500"/>
                            </p:stCondLst>
                            <p:childTnLst>
                              <p:par>
                                <p:cTn fill="hold" id="9" nodeType="afterEffect" presetClass="entr" presetID="15" presetSubtype="0">
                                  <p:stCondLst>
                                    <p:cond delay="0"/>
                                  </p:stCondLst>
                                  <p:childTnLst>
                                    <p:set>
                                      <p:cBhvr>
                                        <p:cTn dur="1" fill="hold" id="10">
                                          <p:stCondLst>
                                            <p:cond delay="0"/>
                                          </p:stCondLst>
                                        </p:cTn>
                                        <p:tgtEl>
                                          <p:spTgt spid="18"/>
                                        </p:tgtEl>
                                        <p:attrNameLst>
                                          <p:attrName>style.visibility</p:attrName>
                                        </p:attrNameLst>
                                      </p:cBhvr>
                                      <p:to>
                                        <p:strVal val="visible"/>
                                      </p:to>
                                    </p:set>
                                    <p:anim calcmode="lin" valueType="num">
                                      <p:cBhvr>
                                        <p:cTn dur="1000" fill="hold" id="11"/>
                                        <p:tgtEl>
                                          <p:spTgt spid="18"/>
                                        </p:tgtEl>
                                        <p:attrNameLst>
                                          <p:attrName>ppt_w</p:attrName>
                                        </p:attrNameLst>
                                      </p:cBhvr>
                                      <p:tavLst>
                                        <p:tav tm="0">
                                          <p:val>
                                            <p:fltVal val="0"/>
                                          </p:val>
                                        </p:tav>
                                        <p:tav tm="100000">
                                          <p:val>
                                            <p:strVal val="#ppt_w"/>
                                          </p:val>
                                        </p:tav>
                                      </p:tavLst>
                                    </p:anim>
                                    <p:anim calcmode="lin" valueType="num">
                                      <p:cBhvr>
                                        <p:cTn dur="1000" fill="hold" id="12"/>
                                        <p:tgtEl>
                                          <p:spTgt spid="18"/>
                                        </p:tgtEl>
                                        <p:attrNameLst>
                                          <p:attrName>ppt_h</p:attrName>
                                        </p:attrNameLst>
                                      </p:cBhvr>
                                      <p:tavLst>
                                        <p:tav tm="0">
                                          <p:val>
                                            <p:fltVal val="0"/>
                                          </p:val>
                                        </p:tav>
                                        <p:tav tm="100000">
                                          <p:val>
                                            <p:strVal val="#ppt_h"/>
                                          </p:val>
                                        </p:tav>
                                      </p:tavLst>
                                    </p:anim>
                                    <p:anim calcmode="lin" valueType="num">
                                      <p:cBhvr>
                                        <p:cTn dur="1000" fill="hold" id="13"/>
                                        <p:tgtEl>
                                          <p:spTgt spid="18"/>
                                        </p:tgtEl>
                                        <p:attrNameLst>
                                          <p:attrName>ppt_x</p:attrName>
                                        </p:attrNameLst>
                                      </p:cBhvr>
                                      <p:tavLst>
                                        <p:tav fmla="#ppt_x+(cos(-2*pi*(1-$))*-#ppt_x-sin(-2*pi*(1-$))*(1-#ppt_y))*(1-$)" tm="0">
                                          <p:val>
                                            <p:fltVal val="0"/>
                                          </p:val>
                                        </p:tav>
                                        <p:tav tm="100000">
                                          <p:val>
                                            <p:fltVal val="1"/>
                                          </p:val>
                                        </p:tav>
                                      </p:tavLst>
                                    </p:anim>
                                    <p:anim calcmode="lin" valueType="num">
                                      <p:cBhvr>
                                        <p:cTn dur="1000" fill="hold" id="14"/>
                                        <p:tgtEl>
                                          <p:spTgt spid="18"/>
                                        </p:tgtEl>
                                        <p:attrNameLst>
                                          <p:attrName>ppt_y</p:attrName>
                                        </p:attrNameLst>
                                      </p:cBhvr>
                                      <p:tavLst>
                                        <p:tav fmla="#ppt_y+(sin(-2*pi*(1-$))*-#ppt_x+cos(-2*pi*(1-$))*(1-#ppt_y))*(1-$)" tm="0">
                                          <p:val>
                                            <p:fltVal val="0"/>
                                          </p:val>
                                        </p:tav>
                                        <p:tav tm="100000">
                                          <p:val>
                                            <p:fltVal val="1"/>
                                          </p:val>
                                        </p:tav>
                                      </p:tavLst>
                                    </p:anim>
                                  </p:childTnLst>
                                </p:cTn>
                              </p:par>
                              <p:par>
                                <p:cTn fill="hold" id="15" nodeType="withEffect" presetClass="entr" presetID="15" presetSubtype="0">
                                  <p:stCondLst>
                                    <p:cond delay="250"/>
                                  </p:stCondLst>
                                  <p:childTnLst>
                                    <p:set>
                                      <p:cBhvr>
                                        <p:cTn dur="1" fill="hold" id="16">
                                          <p:stCondLst>
                                            <p:cond delay="0"/>
                                          </p:stCondLst>
                                        </p:cTn>
                                        <p:tgtEl>
                                          <p:spTgt spid="3"/>
                                        </p:tgtEl>
                                        <p:attrNameLst>
                                          <p:attrName>style.visibility</p:attrName>
                                        </p:attrNameLst>
                                      </p:cBhvr>
                                      <p:to>
                                        <p:strVal val="visible"/>
                                      </p:to>
                                    </p:set>
                                    <p:anim calcmode="lin" valueType="num">
                                      <p:cBhvr>
                                        <p:cTn dur="1000" fill="hold" id="17"/>
                                        <p:tgtEl>
                                          <p:spTgt spid="3"/>
                                        </p:tgtEl>
                                        <p:attrNameLst>
                                          <p:attrName>ppt_w</p:attrName>
                                        </p:attrNameLst>
                                      </p:cBhvr>
                                      <p:tavLst>
                                        <p:tav tm="0">
                                          <p:val>
                                            <p:fltVal val="0"/>
                                          </p:val>
                                        </p:tav>
                                        <p:tav tm="100000">
                                          <p:val>
                                            <p:strVal val="#ppt_w"/>
                                          </p:val>
                                        </p:tav>
                                      </p:tavLst>
                                    </p:anim>
                                    <p:anim calcmode="lin" valueType="num">
                                      <p:cBhvr>
                                        <p:cTn dur="1000" fill="hold" id="18"/>
                                        <p:tgtEl>
                                          <p:spTgt spid="3"/>
                                        </p:tgtEl>
                                        <p:attrNameLst>
                                          <p:attrName>ppt_h</p:attrName>
                                        </p:attrNameLst>
                                      </p:cBhvr>
                                      <p:tavLst>
                                        <p:tav tm="0">
                                          <p:val>
                                            <p:fltVal val="0"/>
                                          </p:val>
                                        </p:tav>
                                        <p:tav tm="100000">
                                          <p:val>
                                            <p:strVal val="#ppt_h"/>
                                          </p:val>
                                        </p:tav>
                                      </p:tavLst>
                                    </p:anim>
                                    <p:anim calcmode="lin" valueType="num">
                                      <p:cBhvr>
                                        <p:cTn dur="1000" fill="hold" id="19"/>
                                        <p:tgtEl>
                                          <p:spTgt spid="3"/>
                                        </p:tgtEl>
                                        <p:attrNameLst>
                                          <p:attrName>ppt_x</p:attrName>
                                        </p:attrNameLst>
                                      </p:cBhvr>
                                      <p:tavLst>
                                        <p:tav fmla="#ppt_x+(cos(-2*pi*(1-$))*-#ppt_x-sin(-2*pi*(1-$))*(1-#ppt_y))*(1-$)" tm="0">
                                          <p:val>
                                            <p:fltVal val="0"/>
                                          </p:val>
                                        </p:tav>
                                        <p:tav tm="100000">
                                          <p:val>
                                            <p:fltVal val="1"/>
                                          </p:val>
                                        </p:tav>
                                      </p:tavLst>
                                    </p:anim>
                                    <p:anim calcmode="lin" valueType="num">
                                      <p:cBhvr>
                                        <p:cTn dur="1000" fill="hold" id="20"/>
                                        <p:tgtEl>
                                          <p:spTgt spid="3"/>
                                        </p:tgtEl>
                                        <p:attrNameLst>
                                          <p:attrName>ppt_y</p:attrName>
                                        </p:attrNameLst>
                                      </p:cBhvr>
                                      <p:tavLst>
                                        <p:tav fmla="#ppt_y+(sin(-2*pi*(1-$))*-#ppt_x+cos(-2*pi*(1-$))*(1-#ppt_y))*(1-$)" tm="0">
                                          <p:val>
                                            <p:fltVal val="0"/>
                                          </p:val>
                                        </p:tav>
                                        <p:tav tm="100000">
                                          <p:val>
                                            <p:fltVal val="1"/>
                                          </p:val>
                                        </p:tav>
                                      </p:tavLst>
                                    </p:anim>
                                  </p:childTnLst>
                                </p:cTn>
                              </p:par>
                              <p:par>
                                <p:cTn fill="hold" id="21" nodeType="withEffect" presetClass="entr" presetID="15" presetSubtype="0">
                                  <p:stCondLst>
                                    <p:cond delay="500"/>
                                  </p:stCondLst>
                                  <p:childTnLst>
                                    <p:set>
                                      <p:cBhvr>
                                        <p:cTn dur="1" fill="hold" id="22">
                                          <p:stCondLst>
                                            <p:cond delay="0"/>
                                          </p:stCondLst>
                                        </p:cTn>
                                        <p:tgtEl>
                                          <p:spTgt spid="8"/>
                                        </p:tgtEl>
                                        <p:attrNameLst>
                                          <p:attrName>style.visibility</p:attrName>
                                        </p:attrNameLst>
                                      </p:cBhvr>
                                      <p:to>
                                        <p:strVal val="visible"/>
                                      </p:to>
                                    </p:set>
                                    <p:anim calcmode="lin" valueType="num">
                                      <p:cBhvr>
                                        <p:cTn dur="1000" fill="hold" id="23"/>
                                        <p:tgtEl>
                                          <p:spTgt spid="8"/>
                                        </p:tgtEl>
                                        <p:attrNameLst>
                                          <p:attrName>ppt_w</p:attrName>
                                        </p:attrNameLst>
                                      </p:cBhvr>
                                      <p:tavLst>
                                        <p:tav tm="0">
                                          <p:val>
                                            <p:fltVal val="0"/>
                                          </p:val>
                                        </p:tav>
                                        <p:tav tm="100000">
                                          <p:val>
                                            <p:strVal val="#ppt_w"/>
                                          </p:val>
                                        </p:tav>
                                      </p:tavLst>
                                    </p:anim>
                                    <p:anim calcmode="lin" valueType="num">
                                      <p:cBhvr>
                                        <p:cTn dur="1000" fill="hold" id="24"/>
                                        <p:tgtEl>
                                          <p:spTgt spid="8"/>
                                        </p:tgtEl>
                                        <p:attrNameLst>
                                          <p:attrName>ppt_h</p:attrName>
                                        </p:attrNameLst>
                                      </p:cBhvr>
                                      <p:tavLst>
                                        <p:tav tm="0">
                                          <p:val>
                                            <p:fltVal val="0"/>
                                          </p:val>
                                        </p:tav>
                                        <p:tav tm="100000">
                                          <p:val>
                                            <p:strVal val="#ppt_h"/>
                                          </p:val>
                                        </p:tav>
                                      </p:tavLst>
                                    </p:anim>
                                    <p:anim calcmode="lin" valueType="num">
                                      <p:cBhvr>
                                        <p:cTn dur="1000" fill="hold" id="25"/>
                                        <p:tgtEl>
                                          <p:spTgt spid="8"/>
                                        </p:tgtEl>
                                        <p:attrNameLst>
                                          <p:attrName>ppt_x</p:attrName>
                                        </p:attrNameLst>
                                      </p:cBhvr>
                                      <p:tavLst>
                                        <p:tav fmla="#ppt_x+(cos(-2*pi*(1-$))*-#ppt_x-sin(-2*pi*(1-$))*(1-#ppt_y))*(1-$)" tm="0">
                                          <p:val>
                                            <p:fltVal val="0"/>
                                          </p:val>
                                        </p:tav>
                                        <p:tav tm="100000">
                                          <p:val>
                                            <p:fltVal val="1"/>
                                          </p:val>
                                        </p:tav>
                                      </p:tavLst>
                                    </p:anim>
                                    <p:anim calcmode="lin" valueType="num">
                                      <p:cBhvr>
                                        <p:cTn dur="1000" fill="hold" id="26"/>
                                        <p:tgtEl>
                                          <p:spTgt spid="8"/>
                                        </p:tgtEl>
                                        <p:attrNameLst>
                                          <p:attrName>ppt_y</p:attrName>
                                        </p:attrNameLst>
                                      </p:cBhvr>
                                      <p:tavLst>
                                        <p:tav fmla="#ppt_y+(sin(-2*pi*(1-$))*-#ppt_x+cos(-2*pi*(1-$))*(1-#ppt_y))*(1-$)" tm="0">
                                          <p:val>
                                            <p:fltVal val="0"/>
                                          </p:val>
                                        </p:tav>
                                        <p:tav tm="100000">
                                          <p:val>
                                            <p:fltVal val="1"/>
                                          </p:val>
                                        </p:tav>
                                      </p:tavLst>
                                    </p:anim>
                                  </p:childTnLst>
                                </p:cTn>
                              </p:par>
                              <p:par>
                                <p:cTn fill="hold" id="27" nodeType="withEffect" presetClass="entr" presetID="15" presetSubtype="0">
                                  <p:stCondLst>
                                    <p:cond delay="750"/>
                                  </p:stCondLst>
                                  <p:childTnLst>
                                    <p:set>
                                      <p:cBhvr>
                                        <p:cTn dur="1" fill="hold" id="28">
                                          <p:stCondLst>
                                            <p:cond delay="0"/>
                                          </p:stCondLst>
                                        </p:cTn>
                                        <p:tgtEl>
                                          <p:spTgt spid="13"/>
                                        </p:tgtEl>
                                        <p:attrNameLst>
                                          <p:attrName>style.visibility</p:attrName>
                                        </p:attrNameLst>
                                      </p:cBhvr>
                                      <p:to>
                                        <p:strVal val="visible"/>
                                      </p:to>
                                    </p:set>
                                    <p:anim calcmode="lin" valueType="num">
                                      <p:cBhvr>
                                        <p:cTn dur="1000" fill="hold" id="29"/>
                                        <p:tgtEl>
                                          <p:spTgt spid="13"/>
                                        </p:tgtEl>
                                        <p:attrNameLst>
                                          <p:attrName>ppt_w</p:attrName>
                                        </p:attrNameLst>
                                      </p:cBhvr>
                                      <p:tavLst>
                                        <p:tav tm="0">
                                          <p:val>
                                            <p:fltVal val="0"/>
                                          </p:val>
                                        </p:tav>
                                        <p:tav tm="100000">
                                          <p:val>
                                            <p:strVal val="#ppt_w"/>
                                          </p:val>
                                        </p:tav>
                                      </p:tavLst>
                                    </p:anim>
                                    <p:anim calcmode="lin" valueType="num">
                                      <p:cBhvr>
                                        <p:cTn dur="1000" fill="hold" id="30"/>
                                        <p:tgtEl>
                                          <p:spTgt spid="13"/>
                                        </p:tgtEl>
                                        <p:attrNameLst>
                                          <p:attrName>ppt_h</p:attrName>
                                        </p:attrNameLst>
                                      </p:cBhvr>
                                      <p:tavLst>
                                        <p:tav tm="0">
                                          <p:val>
                                            <p:fltVal val="0"/>
                                          </p:val>
                                        </p:tav>
                                        <p:tav tm="100000">
                                          <p:val>
                                            <p:strVal val="#ppt_h"/>
                                          </p:val>
                                        </p:tav>
                                      </p:tavLst>
                                    </p:anim>
                                    <p:anim calcmode="lin" valueType="num">
                                      <p:cBhvr>
                                        <p:cTn dur="1000" fill="hold" id="31"/>
                                        <p:tgtEl>
                                          <p:spTgt spid="13"/>
                                        </p:tgtEl>
                                        <p:attrNameLst>
                                          <p:attrName>ppt_x</p:attrName>
                                        </p:attrNameLst>
                                      </p:cBhvr>
                                      <p:tavLst>
                                        <p:tav fmla="#ppt_x+(cos(-2*pi*(1-$))*-#ppt_x-sin(-2*pi*(1-$))*(1-#ppt_y))*(1-$)" tm="0">
                                          <p:val>
                                            <p:fltVal val="0"/>
                                          </p:val>
                                        </p:tav>
                                        <p:tav tm="100000">
                                          <p:val>
                                            <p:fltVal val="1"/>
                                          </p:val>
                                        </p:tav>
                                      </p:tavLst>
                                    </p:anim>
                                    <p:anim calcmode="lin" valueType="num">
                                      <p:cBhvr>
                                        <p:cTn dur="1000" fill="hold" id="32"/>
                                        <p:tgtEl>
                                          <p:spTgt spid="13"/>
                                        </p:tgtEl>
                                        <p:attrNameLst>
                                          <p:attrName>ppt_y</p:attrName>
                                        </p:attrNameLst>
                                      </p:cBhvr>
                                      <p:tavLst>
                                        <p:tav fmla="#ppt_y+(sin(-2*pi*(1-$))*-#ppt_x+cos(-2*pi*(1-$))*(1-#ppt_y))*(1-$)" tm="0">
                                          <p:val>
                                            <p:fltVal val="0"/>
                                          </p:val>
                                        </p:tav>
                                        <p:tav tm="100000">
                                          <p:val>
                                            <p:fltVal val="1"/>
                                          </p:val>
                                        </p:tav>
                                      </p:tavLst>
                                    </p:anim>
                                  </p:childTnLst>
                                </p:cTn>
                              </p:par>
                            </p:childTnLst>
                          </p:cTn>
                        </p:par>
                        <p:par>
                          <p:cTn fill="hold" id="33" nodeType="afterGroup">
                            <p:stCondLst>
                              <p:cond delay="2250"/>
                            </p:stCondLst>
                            <p:childTnLst>
                              <p:par>
                                <p:cTn fill="hold" grpId="0" id="34" nodeType="afterEffect" presetClass="entr" presetID="2" presetSubtype="1">
                                  <p:stCondLst>
                                    <p:cond delay="0"/>
                                  </p:stCondLst>
                                  <p:childTnLst>
                                    <p:set>
                                      <p:cBhvr>
                                        <p:cTn dur="1" fill="hold" id="35">
                                          <p:stCondLst>
                                            <p:cond delay="0"/>
                                          </p:stCondLst>
                                        </p:cTn>
                                        <p:tgtEl>
                                          <p:spTgt spid="24"/>
                                        </p:tgtEl>
                                        <p:attrNameLst>
                                          <p:attrName>style.visibility</p:attrName>
                                        </p:attrNameLst>
                                      </p:cBhvr>
                                      <p:to>
                                        <p:strVal val="visible"/>
                                      </p:to>
                                    </p:set>
                                    <p:anim calcmode="lin" valueType="num">
                                      <p:cBhvr additive="base">
                                        <p:cTn dur="500" fill="hold" id="36"/>
                                        <p:tgtEl>
                                          <p:spTgt spid="24"/>
                                        </p:tgtEl>
                                        <p:attrNameLst>
                                          <p:attrName>ppt_x</p:attrName>
                                        </p:attrNameLst>
                                      </p:cBhvr>
                                      <p:tavLst>
                                        <p:tav tm="0">
                                          <p:val>
                                            <p:strVal val="#ppt_x"/>
                                          </p:val>
                                        </p:tav>
                                        <p:tav tm="100000">
                                          <p:val>
                                            <p:strVal val="#ppt_x"/>
                                          </p:val>
                                        </p:tav>
                                      </p:tavLst>
                                    </p:anim>
                                    <p:anim calcmode="lin" valueType="num">
                                      <p:cBhvr additive="base">
                                        <p:cTn dur="500" fill="hold" id="37"/>
                                        <p:tgtEl>
                                          <p:spTgt spid="24"/>
                                        </p:tgtEl>
                                        <p:attrNameLst>
                                          <p:attrName>ppt_y</p:attrName>
                                        </p:attrNameLst>
                                      </p:cBhvr>
                                      <p:tavLst>
                                        <p:tav tm="0">
                                          <p:val>
                                            <p:strVal val="0-#ppt_h/2"/>
                                          </p:val>
                                        </p:tav>
                                        <p:tav tm="100000">
                                          <p:val>
                                            <p:strVal val="#ppt_y"/>
                                          </p:val>
                                        </p:tav>
                                      </p:tavLst>
                                    </p:anim>
                                  </p:childTnLst>
                                </p:cTn>
                              </p:par>
                            </p:childTnLst>
                          </p:cTn>
                        </p:par>
                        <p:par>
                          <p:cTn fill="hold" id="38" nodeType="afterGroup">
                            <p:stCondLst>
                              <p:cond delay="2750"/>
                            </p:stCondLst>
                            <p:childTnLst>
                              <p:par>
                                <p:cTn fill="hold" grpId="1" id="39" nodeType="afterEffect" presetClass="emph" presetID="32" presetSubtype="0">
                                  <p:stCondLst>
                                    <p:cond delay="0"/>
                                  </p:stCondLst>
                                  <p:childTnLst>
                                    <p:animRot by="120000">
                                      <p:cBhvr>
                                        <p:cTn dur="50" fill="hold" id="40">
                                          <p:stCondLst>
                                            <p:cond delay="0"/>
                                          </p:stCondLst>
                                        </p:cTn>
                                        <p:tgtEl>
                                          <p:spTgt spid="24"/>
                                        </p:tgtEl>
                                        <p:attrNameLst>
                                          <p:attrName>r</p:attrName>
                                        </p:attrNameLst>
                                      </p:cBhvr>
                                    </p:animRot>
                                    <p:animRot by="-240000">
                                      <p:cBhvr>
                                        <p:cTn dur="100" fill="hold" id="41">
                                          <p:stCondLst>
                                            <p:cond delay="100"/>
                                          </p:stCondLst>
                                        </p:cTn>
                                        <p:tgtEl>
                                          <p:spTgt spid="24"/>
                                        </p:tgtEl>
                                        <p:attrNameLst>
                                          <p:attrName>r</p:attrName>
                                        </p:attrNameLst>
                                      </p:cBhvr>
                                    </p:animRot>
                                    <p:animRot by="240000">
                                      <p:cBhvr>
                                        <p:cTn dur="100" fill="hold" id="42">
                                          <p:stCondLst>
                                            <p:cond delay="200"/>
                                          </p:stCondLst>
                                        </p:cTn>
                                        <p:tgtEl>
                                          <p:spTgt spid="24"/>
                                        </p:tgtEl>
                                        <p:attrNameLst>
                                          <p:attrName>r</p:attrName>
                                        </p:attrNameLst>
                                      </p:cBhvr>
                                    </p:animRot>
                                    <p:animRot by="-240000">
                                      <p:cBhvr>
                                        <p:cTn dur="100" fill="hold" id="43">
                                          <p:stCondLst>
                                            <p:cond delay="300"/>
                                          </p:stCondLst>
                                        </p:cTn>
                                        <p:tgtEl>
                                          <p:spTgt spid="24"/>
                                        </p:tgtEl>
                                        <p:attrNameLst>
                                          <p:attrName>r</p:attrName>
                                        </p:attrNameLst>
                                      </p:cBhvr>
                                    </p:animRot>
                                    <p:animRot by="120000">
                                      <p:cBhvr>
                                        <p:cTn dur="100" fill="hold" id="44">
                                          <p:stCondLst>
                                            <p:cond delay="400"/>
                                          </p:stCondLst>
                                        </p:cTn>
                                        <p:tgtEl>
                                          <p:spTgt spid="24"/>
                                        </p:tgtEl>
                                        <p:attrNameLst>
                                          <p:attrName>r</p:attrName>
                                        </p:attrNameLst>
                                      </p:cBhvr>
                                    </p:animRot>
                                  </p:childTnLst>
                                </p:cTn>
                              </p:par>
                            </p:childTnLst>
                          </p:cTn>
                        </p:par>
                        <p:par>
                          <p:cTn fill="hold" id="45" nodeType="afterGroup">
                            <p:stCondLst>
                              <p:cond delay="3250"/>
                            </p:stCondLst>
                            <p:childTnLst>
                              <p:par>
                                <p:cTn fill="hold" grpId="0" id="46" nodeType="afterEffect" presetClass="entr" presetID="18" presetSubtype="9">
                                  <p:stCondLst>
                                    <p:cond delay="0"/>
                                  </p:stCondLst>
                                  <p:childTnLst>
                                    <p:set>
                                      <p:cBhvr>
                                        <p:cTn dur="1" fill="hold" id="47">
                                          <p:stCondLst>
                                            <p:cond delay="0"/>
                                          </p:stCondLst>
                                        </p:cTn>
                                        <p:tgtEl>
                                          <p:spTgt spid="26"/>
                                        </p:tgtEl>
                                        <p:attrNameLst>
                                          <p:attrName>style.visibility</p:attrName>
                                        </p:attrNameLst>
                                      </p:cBhvr>
                                      <p:to>
                                        <p:strVal val="visible"/>
                                      </p:to>
                                    </p:set>
                                    <p:animEffect filter="strips(upLeft)" transition="in">
                                      <p:cBhvr>
                                        <p:cTn dur="500" id="48"/>
                                        <p:tgtEl>
                                          <p:spTgt spid="26"/>
                                        </p:tgtEl>
                                      </p:cBhvr>
                                    </p:animEffect>
                                  </p:childTnLst>
                                </p:cTn>
                              </p:par>
                            </p:childTnLst>
                          </p:cTn>
                        </p:par>
                        <p:par>
                          <p:cTn fill="hold" id="49" nodeType="afterGroup">
                            <p:stCondLst>
                              <p:cond delay="3750"/>
                            </p:stCondLst>
                            <p:childTnLst>
                              <p:par>
                                <p:cTn fill="hold" grpId="0" id="50" nodeType="afterEffect" presetClass="entr" presetID="2" presetSubtype="4">
                                  <p:stCondLst>
                                    <p:cond delay="0"/>
                                  </p:stCondLst>
                                  <p:childTnLst>
                                    <p:set>
                                      <p:cBhvr>
                                        <p:cTn dur="1" fill="hold" id="51">
                                          <p:stCondLst>
                                            <p:cond delay="0"/>
                                          </p:stCondLst>
                                        </p:cTn>
                                        <p:tgtEl>
                                          <p:spTgt spid="23"/>
                                        </p:tgtEl>
                                        <p:attrNameLst>
                                          <p:attrName>style.visibility</p:attrName>
                                        </p:attrNameLst>
                                      </p:cBhvr>
                                      <p:to>
                                        <p:strVal val="visible"/>
                                      </p:to>
                                    </p:set>
                                    <p:anim calcmode="lin" valueType="num">
                                      <p:cBhvr additive="base">
                                        <p:cTn dur="500" fill="hold" id="52"/>
                                        <p:tgtEl>
                                          <p:spTgt spid="23"/>
                                        </p:tgtEl>
                                        <p:attrNameLst>
                                          <p:attrName>ppt_x</p:attrName>
                                        </p:attrNameLst>
                                      </p:cBhvr>
                                      <p:tavLst>
                                        <p:tav tm="0">
                                          <p:val>
                                            <p:strVal val="#ppt_x"/>
                                          </p:val>
                                        </p:tav>
                                        <p:tav tm="100000">
                                          <p:val>
                                            <p:strVal val="#ppt_x"/>
                                          </p:val>
                                        </p:tav>
                                      </p:tavLst>
                                    </p:anim>
                                    <p:anim calcmode="lin" valueType="num">
                                      <p:cBhvr additive="base">
                                        <p:cTn dur="500" fill="hold" id="53"/>
                                        <p:tgtEl>
                                          <p:spTgt spid="23"/>
                                        </p:tgtEl>
                                        <p:attrNameLst>
                                          <p:attrName>ppt_y</p:attrName>
                                        </p:attrNameLst>
                                      </p:cBhvr>
                                      <p:tavLst>
                                        <p:tav tm="0">
                                          <p:val>
                                            <p:strVal val="1+#ppt_h/2"/>
                                          </p:val>
                                        </p:tav>
                                        <p:tav tm="100000">
                                          <p:val>
                                            <p:strVal val="#ppt_y"/>
                                          </p:val>
                                        </p:tav>
                                      </p:tavLst>
                                    </p:anim>
                                  </p:childTnLst>
                                </p:cTn>
                              </p:par>
                            </p:childTnLst>
                          </p:cTn>
                        </p:par>
                        <p:par>
                          <p:cTn fill="hold" id="54" nodeType="afterGroup">
                            <p:stCondLst>
                              <p:cond delay="4250"/>
                            </p:stCondLst>
                            <p:childTnLst>
                              <p:par>
                                <p:cTn fill="hold" grpId="1" id="55" nodeType="afterEffect" presetClass="emph" presetID="32" presetSubtype="0">
                                  <p:stCondLst>
                                    <p:cond delay="0"/>
                                  </p:stCondLst>
                                  <p:childTnLst>
                                    <p:animRot by="120000">
                                      <p:cBhvr>
                                        <p:cTn dur="50" fill="hold" id="56">
                                          <p:stCondLst>
                                            <p:cond delay="0"/>
                                          </p:stCondLst>
                                        </p:cTn>
                                        <p:tgtEl>
                                          <p:spTgt spid="23"/>
                                        </p:tgtEl>
                                        <p:attrNameLst>
                                          <p:attrName>r</p:attrName>
                                        </p:attrNameLst>
                                      </p:cBhvr>
                                    </p:animRot>
                                    <p:animRot by="-240000">
                                      <p:cBhvr>
                                        <p:cTn dur="100" fill="hold" id="57">
                                          <p:stCondLst>
                                            <p:cond delay="100"/>
                                          </p:stCondLst>
                                        </p:cTn>
                                        <p:tgtEl>
                                          <p:spTgt spid="23"/>
                                        </p:tgtEl>
                                        <p:attrNameLst>
                                          <p:attrName>r</p:attrName>
                                        </p:attrNameLst>
                                      </p:cBhvr>
                                    </p:animRot>
                                    <p:animRot by="240000">
                                      <p:cBhvr>
                                        <p:cTn dur="100" fill="hold" id="58">
                                          <p:stCondLst>
                                            <p:cond delay="200"/>
                                          </p:stCondLst>
                                        </p:cTn>
                                        <p:tgtEl>
                                          <p:spTgt spid="23"/>
                                        </p:tgtEl>
                                        <p:attrNameLst>
                                          <p:attrName>r</p:attrName>
                                        </p:attrNameLst>
                                      </p:cBhvr>
                                    </p:animRot>
                                    <p:animRot by="-240000">
                                      <p:cBhvr>
                                        <p:cTn dur="100" fill="hold" id="59">
                                          <p:stCondLst>
                                            <p:cond delay="300"/>
                                          </p:stCondLst>
                                        </p:cTn>
                                        <p:tgtEl>
                                          <p:spTgt spid="23"/>
                                        </p:tgtEl>
                                        <p:attrNameLst>
                                          <p:attrName>r</p:attrName>
                                        </p:attrNameLst>
                                      </p:cBhvr>
                                    </p:animRot>
                                    <p:animRot by="120000">
                                      <p:cBhvr>
                                        <p:cTn dur="100" fill="hold" id="60">
                                          <p:stCondLst>
                                            <p:cond delay="400"/>
                                          </p:stCondLst>
                                        </p:cTn>
                                        <p:tgtEl>
                                          <p:spTgt spid="23"/>
                                        </p:tgtEl>
                                        <p:attrNameLst>
                                          <p:attrName>r</p:attrName>
                                        </p:attrNameLst>
                                      </p:cBhvr>
                                    </p:animRot>
                                  </p:childTnLst>
                                </p:cTn>
                              </p:par>
                            </p:childTnLst>
                          </p:cTn>
                        </p:par>
                        <p:par>
                          <p:cTn fill="hold" id="61" nodeType="afterGroup">
                            <p:stCondLst>
                              <p:cond delay="4750"/>
                            </p:stCondLst>
                            <p:childTnLst>
                              <p:par>
                                <p:cTn fill="hold" grpId="0" id="62" nodeType="afterEffect" presetClass="entr" presetID="18" presetSubtype="9">
                                  <p:stCondLst>
                                    <p:cond delay="0"/>
                                  </p:stCondLst>
                                  <p:childTnLst>
                                    <p:set>
                                      <p:cBhvr>
                                        <p:cTn dur="1" fill="hold" id="63">
                                          <p:stCondLst>
                                            <p:cond delay="0"/>
                                          </p:stCondLst>
                                        </p:cTn>
                                        <p:tgtEl>
                                          <p:spTgt spid="25"/>
                                        </p:tgtEl>
                                        <p:attrNameLst>
                                          <p:attrName>style.visibility</p:attrName>
                                        </p:attrNameLst>
                                      </p:cBhvr>
                                      <p:to>
                                        <p:strVal val="visible"/>
                                      </p:to>
                                    </p:set>
                                    <p:animEffect filter="strips(upLeft)" transition="in">
                                      <p:cBhvr>
                                        <p:cTn dur="500" id="64"/>
                                        <p:tgtEl>
                                          <p:spTgt spid="25"/>
                                        </p:tgtEl>
                                      </p:cBhvr>
                                    </p:animEffect>
                                  </p:childTnLst>
                                </p:cTn>
                              </p:par>
                            </p:childTnLst>
                          </p:cTn>
                        </p:par>
                        <p:par>
                          <p:cTn fill="hold" id="65" nodeType="afterGroup">
                            <p:stCondLst>
                              <p:cond delay="5250"/>
                            </p:stCondLst>
                            <p:childTnLst>
                              <p:par>
                                <p:cTn fill="hold" grpId="0" id="66" nodeType="afterEffect" presetClass="entr" presetID="2" presetSubtype="1">
                                  <p:stCondLst>
                                    <p:cond delay="0"/>
                                  </p:stCondLst>
                                  <p:childTnLst>
                                    <p:set>
                                      <p:cBhvr>
                                        <p:cTn dur="1" fill="hold" id="67">
                                          <p:stCondLst>
                                            <p:cond delay="0"/>
                                          </p:stCondLst>
                                        </p:cTn>
                                        <p:tgtEl>
                                          <p:spTgt spid="27"/>
                                        </p:tgtEl>
                                        <p:attrNameLst>
                                          <p:attrName>style.visibility</p:attrName>
                                        </p:attrNameLst>
                                      </p:cBhvr>
                                      <p:to>
                                        <p:strVal val="visible"/>
                                      </p:to>
                                    </p:set>
                                    <p:anim calcmode="lin" valueType="num">
                                      <p:cBhvr additive="base">
                                        <p:cTn dur="500" fill="hold" id="68"/>
                                        <p:tgtEl>
                                          <p:spTgt spid="27"/>
                                        </p:tgtEl>
                                        <p:attrNameLst>
                                          <p:attrName>ppt_x</p:attrName>
                                        </p:attrNameLst>
                                      </p:cBhvr>
                                      <p:tavLst>
                                        <p:tav tm="0">
                                          <p:val>
                                            <p:strVal val="#ppt_x"/>
                                          </p:val>
                                        </p:tav>
                                        <p:tav tm="100000">
                                          <p:val>
                                            <p:strVal val="#ppt_x"/>
                                          </p:val>
                                        </p:tav>
                                      </p:tavLst>
                                    </p:anim>
                                    <p:anim calcmode="lin" valueType="num">
                                      <p:cBhvr additive="base">
                                        <p:cTn dur="500" fill="hold" id="69"/>
                                        <p:tgtEl>
                                          <p:spTgt spid="27"/>
                                        </p:tgtEl>
                                        <p:attrNameLst>
                                          <p:attrName>ppt_y</p:attrName>
                                        </p:attrNameLst>
                                      </p:cBhvr>
                                      <p:tavLst>
                                        <p:tav tm="0">
                                          <p:val>
                                            <p:strVal val="0-#ppt_h/2"/>
                                          </p:val>
                                        </p:tav>
                                        <p:tav tm="100000">
                                          <p:val>
                                            <p:strVal val="#ppt_y"/>
                                          </p:val>
                                        </p:tav>
                                      </p:tavLst>
                                    </p:anim>
                                  </p:childTnLst>
                                </p:cTn>
                              </p:par>
                            </p:childTnLst>
                          </p:cTn>
                        </p:par>
                        <p:par>
                          <p:cTn fill="hold" id="70" nodeType="afterGroup">
                            <p:stCondLst>
                              <p:cond delay="5750"/>
                            </p:stCondLst>
                            <p:childTnLst>
                              <p:par>
                                <p:cTn fill="hold" grpId="1" id="71" nodeType="afterEffect" presetClass="emph" presetID="32" presetSubtype="0">
                                  <p:stCondLst>
                                    <p:cond delay="0"/>
                                  </p:stCondLst>
                                  <p:childTnLst>
                                    <p:animRot by="120000">
                                      <p:cBhvr>
                                        <p:cTn dur="50" fill="hold" id="72">
                                          <p:stCondLst>
                                            <p:cond delay="0"/>
                                          </p:stCondLst>
                                        </p:cTn>
                                        <p:tgtEl>
                                          <p:spTgt spid="27"/>
                                        </p:tgtEl>
                                        <p:attrNameLst>
                                          <p:attrName>r</p:attrName>
                                        </p:attrNameLst>
                                      </p:cBhvr>
                                    </p:animRot>
                                    <p:animRot by="-240000">
                                      <p:cBhvr>
                                        <p:cTn dur="100" fill="hold" id="73">
                                          <p:stCondLst>
                                            <p:cond delay="100"/>
                                          </p:stCondLst>
                                        </p:cTn>
                                        <p:tgtEl>
                                          <p:spTgt spid="27"/>
                                        </p:tgtEl>
                                        <p:attrNameLst>
                                          <p:attrName>r</p:attrName>
                                        </p:attrNameLst>
                                      </p:cBhvr>
                                    </p:animRot>
                                    <p:animRot by="240000">
                                      <p:cBhvr>
                                        <p:cTn dur="100" fill="hold" id="74">
                                          <p:stCondLst>
                                            <p:cond delay="200"/>
                                          </p:stCondLst>
                                        </p:cTn>
                                        <p:tgtEl>
                                          <p:spTgt spid="27"/>
                                        </p:tgtEl>
                                        <p:attrNameLst>
                                          <p:attrName>r</p:attrName>
                                        </p:attrNameLst>
                                      </p:cBhvr>
                                    </p:animRot>
                                    <p:animRot by="-240000">
                                      <p:cBhvr>
                                        <p:cTn dur="100" fill="hold" id="75">
                                          <p:stCondLst>
                                            <p:cond delay="300"/>
                                          </p:stCondLst>
                                        </p:cTn>
                                        <p:tgtEl>
                                          <p:spTgt spid="27"/>
                                        </p:tgtEl>
                                        <p:attrNameLst>
                                          <p:attrName>r</p:attrName>
                                        </p:attrNameLst>
                                      </p:cBhvr>
                                    </p:animRot>
                                    <p:animRot by="120000">
                                      <p:cBhvr>
                                        <p:cTn dur="100" fill="hold" id="76">
                                          <p:stCondLst>
                                            <p:cond delay="400"/>
                                          </p:stCondLst>
                                        </p:cTn>
                                        <p:tgtEl>
                                          <p:spTgt spid="27"/>
                                        </p:tgtEl>
                                        <p:attrNameLst>
                                          <p:attrName>r</p:attrName>
                                        </p:attrNameLst>
                                      </p:cBhvr>
                                    </p:animRot>
                                  </p:childTnLst>
                                </p:cTn>
                              </p:par>
                            </p:childTnLst>
                          </p:cTn>
                        </p:par>
                        <p:par>
                          <p:cTn fill="hold" id="77" nodeType="afterGroup">
                            <p:stCondLst>
                              <p:cond delay="6250"/>
                            </p:stCondLst>
                            <p:childTnLst>
                              <p:par>
                                <p:cTn fill="hold" grpId="0" id="78" nodeType="afterEffect" presetClass="entr" presetID="18" presetSubtype="9">
                                  <p:stCondLst>
                                    <p:cond delay="0"/>
                                  </p:stCondLst>
                                  <p:childTnLst>
                                    <p:set>
                                      <p:cBhvr>
                                        <p:cTn dur="1" fill="hold" id="79">
                                          <p:stCondLst>
                                            <p:cond delay="0"/>
                                          </p:stCondLst>
                                        </p:cTn>
                                        <p:tgtEl>
                                          <p:spTgt spid="28"/>
                                        </p:tgtEl>
                                        <p:attrNameLst>
                                          <p:attrName>style.visibility</p:attrName>
                                        </p:attrNameLst>
                                      </p:cBhvr>
                                      <p:to>
                                        <p:strVal val="visible"/>
                                      </p:to>
                                    </p:set>
                                    <p:animEffect filter="strips(upLeft)" transition="in">
                                      <p:cBhvr>
                                        <p:cTn dur="500" id="80"/>
                                        <p:tgtEl>
                                          <p:spTgt spid="28"/>
                                        </p:tgtEl>
                                      </p:cBhvr>
                                    </p:animEffect>
                                  </p:childTnLst>
                                </p:cTn>
                              </p:par>
                            </p:childTnLst>
                          </p:cTn>
                        </p:par>
                        <p:par>
                          <p:cTn fill="hold" id="81" nodeType="afterGroup">
                            <p:stCondLst>
                              <p:cond delay="6750"/>
                            </p:stCondLst>
                            <p:childTnLst>
                              <p:par>
                                <p:cTn fill="hold" grpId="0" id="82" nodeType="afterEffect" presetClass="entr" presetID="2" presetSubtype="4">
                                  <p:stCondLst>
                                    <p:cond delay="0"/>
                                  </p:stCondLst>
                                  <p:childTnLst>
                                    <p:set>
                                      <p:cBhvr>
                                        <p:cTn dur="1" fill="hold" id="83">
                                          <p:stCondLst>
                                            <p:cond delay="0"/>
                                          </p:stCondLst>
                                        </p:cTn>
                                        <p:tgtEl>
                                          <p:spTgt spid="29"/>
                                        </p:tgtEl>
                                        <p:attrNameLst>
                                          <p:attrName>style.visibility</p:attrName>
                                        </p:attrNameLst>
                                      </p:cBhvr>
                                      <p:to>
                                        <p:strVal val="visible"/>
                                      </p:to>
                                    </p:set>
                                    <p:anim calcmode="lin" valueType="num">
                                      <p:cBhvr additive="base">
                                        <p:cTn dur="500" fill="hold" id="84"/>
                                        <p:tgtEl>
                                          <p:spTgt spid="29"/>
                                        </p:tgtEl>
                                        <p:attrNameLst>
                                          <p:attrName>ppt_x</p:attrName>
                                        </p:attrNameLst>
                                      </p:cBhvr>
                                      <p:tavLst>
                                        <p:tav tm="0">
                                          <p:val>
                                            <p:strVal val="#ppt_x"/>
                                          </p:val>
                                        </p:tav>
                                        <p:tav tm="100000">
                                          <p:val>
                                            <p:strVal val="#ppt_x"/>
                                          </p:val>
                                        </p:tav>
                                      </p:tavLst>
                                    </p:anim>
                                    <p:anim calcmode="lin" valueType="num">
                                      <p:cBhvr additive="base">
                                        <p:cTn dur="500" fill="hold" id="85"/>
                                        <p:tgtEl>
                                          <p:spTgt spid="29"/>
                                        </p:tgtEl>
                                        <p:attrNameLst>
                                          <p:attrName>ppt_y</p:attrName>
                                        </p:attrNameLst>
                                      </p:cBhvr>
                                      <p:tavLst>
                                        <p:tav tm="0">
                                          <p:val>
                                            <p:strVal val="1+#ppt_h/2"/>
                                          </p:val>
                                        </p:tav>
                                        <p:tav tm="100000">
                                          <p:val>
                                            <p:strVal val="#ppt_y"/>
                                          </p:val>
                                        </p:tav>
                                      </p:tavLst>
                                    </p:anim>
                                  </p:childTnLst>
                                </p:cTn>
                              </p:par>
                            </p:childTnLst>
                          </p:cTn>
                        </p:par>
                        <p:par>
                          <p:cTn fill="hold" id="86" nodeType="afterGroup">
                            <p:stCondLst>
                              <p:cond delay="7250"/>
                            </p:stCondLst>
                            <p:childTnLst>
                              <p:par>
                                <p:cTn fill="hold" grpId="1" id="87" nodeType="afterEffect" presetClass="emph" presetID="32" presetSubtype="0">
                                  <p:stCondLst>
                                    <p:cond delay="0"/>
                                  </p:stCondLst>
                                  <p:childTnLst>
                                    <p:animRot by="120000">
                                      <p:cBhvr>
                                        <p:cTn dur="50" fill="hold" id="88">
                                          <p:stCondLst>
                                            <p:cond delay="0"/>
                                          </p:stCondLst>
                                        </p:cTn>
                                        <p:tgtEl>
                                          <p:spTgt spid="29"/>
                                        </p:tgtEl>
                                        <p:attrNameLst>
                                          <p:attrName>r</p:attrName>
                                        </p:attrNameLst>
                                      </p:cBhvr>
                                    </p:animRot>
                                    <p:animRot by="-240000">
                                      <p:cBhvr>
                                        <p:cTn dur="100" fill="hold" id="89">
                                          <p:stCondLst>
                                            <p:cond delay="100"/>
                                          </p:stCondLst>
                                        </p:cTn>
                                        <p:tgtEl>
                                          <p:spTgt spid="29"/>
                                        </p:tgtEl>
                                        <p:attrNameLst>
                                          <p:attrName>r</p:attrName>
                                        </p:attrNameLst>
                                      </p:cBhvr>
                                    </p:animRot>
                                    <p:animRot by="240000">
                                      <p:cBhvr>
                                        <p:cTn dur="100" fill="hold" id="90">
                                          <p:stCondLst>
                                            <p:cond delay="200"/>
                                          </p:stCondLst>
                                        </p:cTn>
                                        <p:tgtEl>
                                          <p:spTgt spid="29"/>
                                        </p:tgtEl>
                                        <p:attrNameLst>
                                          <p:attrName>r</p:attrName>
                                        </p:attrNameLst>
                                      </p:cBhvr>
                                    </p:animRot>
                                    <p:animRot by="-240000">
                                      <p:cBhvr>
                                        <p:cTn dur="100" fill="hold" id="91">
                                          <p:stCondLst>
                                            <p:cond delay="300"/>
                                          </p:stCondLst>
                                        </p:cTn>
                                        <p:tgtEl>
                                          <p:spTgt spid="29"/>
                                        </p:tgtEl>
                                        <p:attrNameLst>
                                          <p:attrName>r</p:attrName>
                                        </p:attrNameLst>
                                      </p:cBhvr>
                                    </p:animRot>
                                    <p:animRot by="120000">
                                      <p:cBhvr>
                                        <p:cTn dur="100" fill="hold" id="92">
                                          <p:stCondLst>
                                            <p:cond delay="400"/>
                                          </p:stCondLst>
                                        </p:cTn>
                                        <p:tgtEl>
                                          <p:spTgt spid="29"/>
                                        </p:tgtEl>
                                        <p:attrNameLst>
                                          <p:attrName>r</p:attrName>
                                        </p:attrNameLst>
                                      </p:cBhvr>
                                    </p:animRot>
                                  </p:childTnLst>
                                </p:cTn>
                              </p:par>
                            </p:childTnLst>
                          </p:cTn>
                        </p:par>
                        <p:par>
                          <p:cTn fill="hold" id="93" nodeType="afterGroup">
                            <p:stCondLst>
                              <p:cond delay="7750"/>
                            </p:stCondLst>
                            <p:childTnLst>
                              <p:par>
                                <p:cTn fill="hold" grpId="0" id="94" nodeType="afterEffect" presetClass="entr" presetID="18" presetSubtype="9">
                                  <p:stCondLst>
                                    <p:cond delay="0"/>
                                  </p:stCondLst>
                                  <p:childTnLst>
                                    <p:set>
                                      <p:cBhvr>
                                        <p:cTn dur="1" fill="hold" id="95">
                                          <p:stCondLst>
                                            <p:cond delay="0"/>
                                          </p:stCondLst>
                                        </p:cTn>
                                        <p:tgtEl>
                                          <p:spTgt spid="30"/>
                                        </p:tgtEl>
                                        <p:attrNameLst>
                                          <p:attrName>style.visibility</p:attrName>
                                        </p:attrNameLst>
                                      </p:cBhvr>
                                      <p:to>
                                        <p:strVal val="visible"/>
                                      </p:to>
                                    </p:set>
                                    <p:animEffect filter="strips(upLeft)" transition="in">
                                      <p:cBhvr>
                                        <p:cTn dur="500" id="96"/>
                                        <p:tgtEl>
                                          <p:spTgt spid="30"/>
                                        </p:tgtEl>
                                      </p:cBhvr>
                                    </p:animEffect>
                                  </p:childTnLst>
                                </p:cTn>
                              </p:par>
                            </p:childTnLst>
                          </p:cTn>
                        </p:par>
                        <p:par>
                          <p:cTn fill="hold" id="97" nodeType="afterGroup">
                            <p:stCondLst>
                              <p:cond delay="8250"/>
                            </p:stCondLst>
                            <p:childTnLst>
                              <p:par>
                                <p:cTn fill="hold" grpId="1" id="98" nodeType="afterEffect" presetClass="exit" presetID="2" presetSubtype="2">
                                  <p:stCondLst>
                                    <p:cond delay="0"/>
                                  </p:stCondLst>
                                  <p:childTnLst>
                                    <p:anim calcmode="lin" valueType="num">
                                      <p:cBhvr additive="base">
                                        <p:cTn dur="500" id="99"/>
                                        <p:tgtEl>
                                          <p:spTgt spid="2"/>
                                        </p:tgtEl>
                                        <p:attrNameLst>
                                          <p:attrName>ppt_x</p:attrName>
                                        </p:attrNameLst>
                                      </p:cBhvr>
                                      <p:tavLst>
                                        <p:tav tm="0">
                                          <p:val>
                                            <p:strVal val="ppt_x"/>
                                          </p:val>
                                        </p:tav>
                                        <p:tav tm="100000">
                                          <p:val>
                                            <p:strVal val="1+ppt_w/2"/>
                                          </p:val>
                                        </p:tav>
                                      </p:tavLst>
                                    </p:anim>
                                    <p:anim calcmode="lin" valueType="num">
                                      <p:cBhvr additive="base">
                                        <p:cTn dur="500" id="100"/>
                                        <p:tgtEl>
                                          <p:spTgt spid="2"/>
                                        </p:tgtEl>
                                        <p:attrNameLst>
                                          <p:attrName>ppt_y</p:attrName>
                                        </p:attrNameLst>
                                      </p:cBhvr>
                                      <p:tavLst>
                                        <p:tav tm="0">
                                          <p:val>
                                            <p:strVal val="ppt_y"/>
                                          </p:val>
                                        </p:tav>
                                        <p:tav tm="100000">
                                          <p:val>
                                            <p:strVal val="ppt_y"/>
                                          </p:val>
                                        </p:tav>
                                      </p:tavLst>
                                    </p:anim>
                                    <p:set>
                                      <p:cBhvr>
                                        <p:cTn dur="1" fill="hold" id="101">
                                          <p:stCondLst>
                                            <p:cond delay="499"/>
                                          </p:stCondLst>
                                        </p:cTn>
                                        <p:tgtEl>
                                          <p:spTgt spid="2"/>
                                        </p:tgtEl>
                                        <p:attrNameLst>
                                          <p:attrName>style.visibility</p:attrName>
                                        </p:attrNameLst>
                                      </p:cBhvr>
                                      <p:to>
                                        <p:strVal val="hidden"/>
                                      </p:to>
                                    </p:set>
                                  </p:childTnLst>
                                </p:cTn>
                              </p:par>
                            </p:childTnLst>
                          </p:cTn>
                        </p:par>
                        <p:par>
                          <p:cTn fill="hold" id="102" nodeType="afterGroup">
                            <p:stCondLst>
                              <p:cond delay="8750"/>
                            </p:stCondLst>
                            <p:childTnLst>
                              <p:par>
                                <p:cTn fill="hold" id="103" nodeType="afterEffect" presetClass="exit" presetID="52" presetSubtype="0">
                                  <p:stCondLst>
                                    <p:cond delay="0"/>
                                  </p:stCondLst>
                                  <p:childTnLst>
                                    <p:animScale>
                                      <p:cBhvr>
                                        <p:cTn accel="50000" dur="1000" id="104">
                                          <p:stCondLst>
                                            <p:cond delay="0"/>
                                          </p:stCondLst>
                                        </p:cTn>
                                        <p:tgtEl>
                                          <p:spTgt spid="18"/>
                                        </p:tgtEl>
                                      </p:cBhvr>
                                      <p:from x="100000" y="100000"/>
                                      <p:to x="250000" y="250000"/>
                                    </p:animScale>
                                    <p:animMotion origin="layout" path="M 0 0 C 0.03802 0 0.1441 0.02341 0.1826 0.0915 C 0.22118 0.15964 0.24705 0.31256 0.2318 0.4083 C 0.21649 0.50394 0.20747 0.57948 0.0908 0.6661 C -0.02552 0.75279 -0.37517 0.88508 -0.4674 0.9289" pathEditMode="relative" ptsTypes="">
                                      <p:cBhvr>
                                        <p:cTn accel="50000" dur="1000" id="105">
                                          <p:stCondLst>
                                            <p:cond delay="0"/>
                                          </p:stCondLst>
                                        </p:cTn>
                                        <p:tgtEl>
                                          <p:spTgt spid="18"/>
                                        </p:tgtEl>
                                        <p:attrNameLst>
                                          <p:attrName>ppt_x</p:attrName>
                                          <p:attrName>ppt_y</p:attrName>
                                        </p:attrNameLst>
                                      </p:cBhvr>
                                    </p:animMotion>
                                    <p:animEffect filter="fade" transition="out">
                                      <p:cBhvr>
                                        <p:cTn dur="1000" id="106"/>
                                        <p:tgtEl>
                                          <p:spTgt spid="18"/>
                                        </p:tgtEl>
                                      </p:cBhvr>
                                    </p:animEffect>
                                    <p:set>
                                      <p:cBhvr>
                                        <p:cTn dur="1" fill="hold" id="107">
                                          <p:stCondLst>
                                            <p:cond delay="999"/>
                                          </p:stCondLst>
                                        </p:cTn>
                                        <p:tgtEl>
                                          <p:spTgt spid="18"/>
                                        </p:tgtEl>
                                        <p:attrNameLst>
                                          <p:attrName>style.visibility</p:attrName>
                                        </p:attrNameLst>
                                      </p:cBhvr>
                                      <p:to>
                                        <p:strVal val="hidden"/>
                                      </p:to>
                                    </p:set>
                                  </p:childTnLst>
                                </p:cTn>
                              </p:par>
                              <p:par>
                                <p:cTn fill="hold" id="108" nodeType="withEffect" presetClass="exit" presetID="52" presetSubtype="0">
                                  <p:stCondLst>
                                    <p:cond delay="250"/>
                                  </p:stCondLst>
                                  <p:childTnLst>
                                    <p:animScale>
                                      <p:cBhvr>
                                        <p:cTn accel="50000" dur="1000" id="109">
                                          <p:stCondLst>
                                            <p:cond delay="0"/>
                                          </p:stCondLst>
                                        </p:cTn>
                                        <p:tgtEl>
                                          <p:spTgt spid="3"/>
                                        </p:tgtEl>
                                      </p:cBhvr>
                                      <p:from x="100000" y="100000"/>
                                      <p:to x="250000" y="250000"/>
                                    </p:animScale>
                                    <p:animMotion origin="layout" path="M 0 0 C 0.03802 0 0.1441 0.02341 0.1826 0.0915 C 0.22118 0.15964 0.24705 0.31256 0.2318 0.4083 C 0.21649 0.50394 0.20747 0.57948 0.0908 0.6661 C -0.02552 0.75279 -0.37517 0.88508 -0.4674 0.9289" pathEditMode="relative" ptsTypes="">
                                      <p:cBhvr>
                                        <p:cTn accel="50000" dur="1000" id="110">
                                          <p:stCondLst>
                                            <p:cond delay="0"/>
                                          </p:stCondLst>
                                        </p:cTn>
                                        <p:tgtEl>
                                          <p:spTgt spid="3"/>
                                        </p:tgtEl>
                                        <p:attrNameLst>
                                          <p:attrName>ppt_x</p:attrName>
                                          <p:attrName>ppt_y</p:attrName>
                                        </p:attrNameLst>
                                      </p:cBhvr>
                                    </p:animMotion>
                                    <p:animEffect filter="fade" transition="out">
                                      <p:cBhvr>
                                        <p:cTn dur="1000" id="111"/>
                                        <p:tgtEl>
                                          <p:spTgt spid="3"/>
                                        </p:tgtEl>
                                      </p:cBhvr>
                                    </p:animEffect>
                                    <p:set>
                                      <p:cBhvr>
                                        <p:cTn dur="1" fill="hold" id="112">
                                          <p:stCondLst>
                                            <p:cond delay="999"/>
                                          </p:stCondLst>
                                        </p:cTn>
                                        <p:tgtEl>
                                          <p:spTgt spid="3"/>
                                        </p:tgtEl>
                                        <p:attrNameLst>
                                          <p:attrName>style.visibility</p:attrName>
                                        </p:attrNameLst>
                                      </p:cBhvr>
                                      <p:to>
                                        <p:strVal val="hidden"/>
                                      </p:to>
                                    </p:set>
                                  </p:childTnLst>
                                </p:cTn>
                              </p:par>
                              <p:par>
                                <p:cTn fill="hold" id="113" nodeType="withEffect" presetClass="exit" presetID="52" presetSubtype="0">
                                  <p:stCondLst>
                                    <p:cond delay="500"/>
                                  </p:stCondLst>
                                  <p:childTnLst>
                                    <p:animScale>
                                      <p:cBhvr>
                                        <p:cTn accel="50000" dur="1000" id="114">
                                          <p:stCondLst>
                                            <p:cond delay="0"/>
                                          </p:stCondLst>
                                        </p:cTn>
                                        <p:tgtEl>
                                          <p:spTgt spid="8"/>
                                        </p:tgtEl>
                                      </p:cBhvr>
                                      <p:from x="100000" y="100000"/>
                                      <p:to x="250000" y="250000"/>
                                    </p:animScale>
                                    <p:animMotion origin="layout" path="M 0 0 C 0.03802 0 0.1441 0.02341 0.1826 0.0915 C 0.22118 0.15964 0.24705 0.31256 0.2318 0.4083 C 0.21649 0.50394 0.20747 0.57948 0.0908 0.6661 C -0.02552 0.75279 -0.37517 0.88508 -0.4674 0.9289" pathEditMode="relative" ptsTypes="">
                                      <p:cBhvr>
                                        <p:cTn accel="50000" dur="1000" id="115">
                                          <p:stCondLst>
                                            <p:cond delay="0"/>
                                          </p:stCondLst>
                                        </p:cTn>
                                        <p:tgtEl>
                                          <p:spTgt spid="8"/>
                                        </p:tgtEl>
                                        <p:attrNameLst>
                                          <p:attrName>ppt_x</p:attrName>
                                          <p:attrName>ppt_y</p:attrName>
                                        </p:attrNameLst>
                                      </p:cBhvr>
                                    </p:animMotion>
                                    <p:animEffect filter="fade" transition="out">
                                      <p:cBhvr>
                                        <p:cTn dur="1000" id="116"/>
                                        <p:tgtEl>
                                          <p:spTgt spid="8"/>
                                        </p:tgtEl>
                                      </p:cBhvr>
                                    </p:animEffect>
                                    <p:set>
                                      <p:cBhvr>
                                        <p:cTn dur="1" fill="hold" id="117">
                                          <p:stCondLst>
                                            <p:cond delay="999"/>
                                          </p:stCondLst>
                                        </p:cTn>
                                        <p:tgtEl>
                                          <p:spTgt spid="8"/>
                                        </p:tgtEl>
                                        <p:attrNameLst>
                                          <p:attrName>style.visibility</p:attrName>
                                        </p:attrNameLst>
                                      </p:cBhvr>
                                      <p:to>
                                        <p:strVal val="hidden"/>
                                      </p:to>
                                    </p:set>
                                  </p:childTnLst>
                                </p:cTn>
                              </p:par>
                              <p:par>
                                <p:cTn fill="hold" id="118" nodeType="withEffect" presetClass="exit" presetID="52" presetSubtype="0">
                                  <p:stCondLst>
                                    <p:cond delay="750"/>
                                  </p:stCondLst>
                                  <p:childTnLst>
                                    <p:animScale>
                                      <p:cBhvr>
                                        <p:cTn accel="50000" dur="1000" id="119">
                                          <p:stCondLst>
                                            <p:cond delay="0"/>
                                          </p:stCondLst>
                                        </p:cTn>
                                        <p:tgtEl>
                                          <p:spTgt spid="13"/>
                                        </p:tgtEl>
                                      </p:cBhvr>
                                      <p:from x="100000" y="100000"/>
                                      <p:to x="250000" y="250000"/>
                                    </p:animScale>
                                    <p:animMotion origin="layout" path="M 0 0 C 0.03802 0 0.1441 0.02341 0.1826 0.0915 C 0.22118 0.15964 0.24705 0.31256 0.2318 0.4083 C 0.21649 0.50394 0.20747 0.57948 0.0908 0.6661 C -0.02552 0.75279 -0.37517 0.88508 -0.4674 0.9289" pathEditMode="relative" ptsTypes="">
                                      <p:cBhvr>
                                        <p:cTn accel="50000" dur="1000" id="120">
                                          <p:stCondLst>
                                            <p:cond delay="0"/>
                                          </p:stCondLst>
                                        </p:cTn>
                                        <p:tgtEl>
                                          <p:spTgt spid="13"/>
                                        </p:tgtEl>
                                        <p:attrNameLst>
                                          <p:attrName>ppt_x</p:attrName>
                                          <p:attrName>ppt_y</p:attrName>
                                        </p:attrNameLst>
                                      </p:cBhvr>
                                    </p:animMotion>
                                    <p:animEffect filter="fade" transition="out">
                                      <p:cBhvr>
                                        <p:cTn dur="1000" id="121"/>
                                        <p:tgtEl>
                                          <p:spTgt spid="13"/>
                                        </p:tgtEl>
                                      </p:cBhvr>
                                    </p:animEffect>
                                    <p:set>
                                      <p:cBhvr>
                                        <p:cTn dur="1" fill="hold" id="122">
                                          <p:stCondLst>
                                            <p:cond delay="999"/>
                                          </p:stCondLst>
                                        </p:cTn>
                                        <p:tgtEl>
                                          <p:spTgt spid="13"/>
                                        </p:tgtEl>
                                        <p:attrNameLst>
                                          <p:attrName>style.visibility</p:attrName>
                                        </p:attrNameLst>
                                      </p:cBhvr>
                                      <p:to>
                                        <p:strVal val="hidden"/>
                                      </p:to>
                                    </p:set>
                                  </p:childTnLst>
                                </p:cTn>
                              </p:par>
                            </p:childTnLst>
                          </p:cTn>
                        </p:par>
                        <p:par>
                          <p:cTn fill="hold" id="123" nodeType="afterGroup">
                            <p:stCondLst>
                              <p:cond delay="10500"/>
                            </p:stCondLst>
                            <p:childTnLst>
                              <p:par>
                                <p:cTn fill="hold" grpId="2" id="124" nodeType="afterEffect" presetClass="exit" presetID="2" presetSubtype="4">
                                  <p:stCondLst>
                                    <p:cond delay="0"/>
                                  </p:stCondLst>
                                  <p:childTnLst>
                                    <p:anim calcmode="lin" valueType="num">
                                      <p:cBhvr additive="base">
                                        <p:cTn dur="500" id="125"/>
                                        <p:tgtEl>
                                          <p:spTgt spid="24"/>
                                        </p:tgtEl>
                                        <p:attrNameLst>
                                          <p:attrName>ppt_x</p:attrName>
                                        </p:attrNameLst>
                                      </p:cBhvr>
                                      <p:tavLst>
                                        <p:tav tm="0">
                                          <p:val>
                                            <p:strVal val="ppt_x"/>
                                          </p:val>
                                        </p:tav>
                                        <p:tav tm="100000">
                                          <p:val>
                                            <p:strVal val="ppt_x"/>
                                          </p:val>
                                        </p:tav>
                                      </p:tavLst>
                                    </p:anim>
                                    <p:anim calcmode="lin" valueType="num">
                                      <p:cBhvr additive="base">
                                        <p:cTn dur="500" id="126"/>
                                        <p:tgtEl>
                                          <p:spTgt spid="24"/>
                                        </p:tgtEl>
                                        <p:attrNameLst>
                                          <p:attrName>ppt_y</p:attrName>
                                        </p:attrNameLst>
                                      </p:cBhvr>
                                      <p:tavLst>
                                        <p:tav tm="0">
                                          <p:val>
                                            <p:strVal val="ppt_y"/>
                                          </p:val>
                                        </p:tav>
                                        <p:tav tm="100000">
                                          <p:val>
                                            <p:strVal val="1+ppt_h/2"/>
                                          </p:val>
                                        </p:tav>
                                      </p:tavLst>
                                    </p:anim>
                                    <p:set>
                                      <p:cBhvr>
                                        <p:cTn dur="1" fill="hold" id="127">
                                          <p:stCondLst>
                                            <p:cond delay="499"/>
                                          </p:stCondLst>
                                        </p:cTn>
                                        <p:tgtEl>
                                          <p:spTgt spid="24"/>
                                        </p:tgtEl>
                                        <p:attrNameLst>
                                          <p:attrName>style.visibility</p:attrName>
                                        </p:attrNameLst>
                                      </p:cBhvr>
                                      <p:to>
                                        <p:strVal val="hidden"/>
                                      </p:to>
                                    </p:set>
                                  </p:childTnLst>
                                </p:cTn>
                              </p:par>
                              <p:par>
                                <p:cTn fill="hold" grpId="1" id="128" nodeType="withEffect" presetClass="exit" presetID="2" presetSubtype="4">
                                  <p:stCondLst>
                                    <p:cond delay="0"/>
                                  </p:stCondLst>
                                  <p:childTnLst>
                                    <p:anim calcmode="lin" valueType="num">
                                      <p:cBhvr additive="base">
                                        <p:cTn dur="500" id="129"/>
                                        <p:tgtEl>
                                          <p:spTgt spid="26"/>
                                        </p:tgtEl>
                                        <p:attrNameLst>
                                          <p:attrName>ppt_x</p:attrName>
                                        </p:attrNameLst>
                                      </p:cBhvr>
                                      <p:tavLst>
                                        <p:tav tm="0">
                                          <p:val>
                                            <p:strVal val="ppt_x"/>
                                          </p:val>
                                        </p:tav>
                                        <p:tav tm="100000">
                                          <p:val>
                                            <p:strVal val="ppt_x"/>
                                          </p:val>
                                        </p:tav>
                                      </p:tavLst>
                                    </p:anim>
                                    <p:anim calcmode="lin" valueType="num">
                                      <p:cBhvr additive="base">
                                        <p:cTn dur="500" id="130"/>
                                        <p:tgtEl>
                                          <p:spTgt spid="26"/>
                                        </p:tgtEl>
                                        <p:attrNameLst>
                                          <p:attrName>ppt_y</p:attrName>
                                        </p:attrNameLst>
                                      </p:cBhvr>
                                      <p:tavLst>
                                        <p:tav tm="0">
                                          <p:val>
                                            <p:strVal val="ppt_y"/>
                                          </p:val>
                                        </p:tav>
                                        <p:tav tm="100000">
                                          <p:val>
                                            <p:strVal val="1+ppt_h/2"/>
                                          </p:val>
                                        </p:tav>
                                      </p:tavLst>
                                    </p:anim>
                                    <p:set>
                                      <p:cBhvr>
                                        <p:cTn dur="1" fill="hold" id="131">
                                          <p:stCondLst>
                                            <p:cond delay="499"/>
                                          </p:stCondLst>
                                        </p:cTn>
                                        <p:tgtEl>
                                          <p:spTgt spid="26"/>
                                        </p:tgtEl>
                                        <p:attrNameLst>
                                          <p:attrName>style.visibility</p:attrName>
                                        </p:attrNameLst>
                                      </p:cBhvr>
                                      <p:to>
                                        <p:strVal val="hidden"/>
                                      </p:to>
                                    </p:set>
                                  </p:childTnLst>
                                </p:cTn>
                              </p:par>
                              <p:par>
                                <p:cTn fill="hold" grpId="2" id="132" nodeType="withEffect" presetClass="exit" presetID="2" presetSubtype="4">
                                  <p:stCondLst>
                                    <p:cond delay="0"/>
                                  </p:stCondLst>
                                  <p:childTnLst>
                                    <p:anim calcmode="lin" valueType="num">
                                      <p:cBhvr additive="base">
                                        <p:cTn dur="500" id="133"/>
                                        <p:tgtEl>
                                          <p:spTgt spid="27"/>
                                        </p:tgtEl>
                                        <p:attrNameLst>
                                          <p:attrName>ppt_x</p:attrName>
                                        </p:attrNameLst>
                                      </p:cBhvr>
                                      <p:tavLst>
                                        <p:tav tm="0">
                                          <p:val>
                                            <p:strVal val="ppt_x"/>
                                          </p:val>
                                        </p:tav>
                                        <p:tav tm="100000">
                                          <p:val>
                                            <p:strVal val="ppt_x"/>
                                          </p:val>
                                        </p:tav>
                                      </p:tavLst>
                                    </p:anim>
                                    <p:anim calcmode="lin" valueType="num">
                                      <p:cBhvr additive="base">
                                        <p:cTn dur="500" id="134"/>
                                        <p:tgtEl>
                                          <p:spTgt spid="27"/>
                                        </p:tgtEl>
                                        <p:attrNameLst>
                                          <p:attrName>ppt_y</p:attrName>
                                        </p:attrNameLst>
                                      </p:cBhvr>
                                      <p:tavLst>
                                        <p:tav tm="0">
                                          <p:val>
                                            <p:strVal val="ppt_y"/>
                                          </p:val>
                                        </p:tav>
                                        <p:tav tm="100000">
                                          <p:val>
                                            <p:strVal val="1+ppt_h/2"/>
                                          </p:val>
                                        </p:tav>
                                      </p:tavLst>
                                    </p:anim>
                                    <p:set>
                                      <p:cBhvr>
                                        <p:cTn dur="1" fill="hold" id="135">
                                          <p:stCondLst>
                                            <p:cond delay="499"/>
                                          </p:stCondLst>
                                        </p:cTn>
                                        <p:tgtEl>
                                          <p:spTgt spid="27"/>
                                        </p:tgtEl>
                                        <p:attrNameLst>
                                          <p:attrName>style.visibility</p:attrName>
                                        </p:attrNameLst>
                                      </p:cBhvr>
                                      <p:to>
                                        <p:strVal val="hidden"/>
                                      </p:to>
                                    </p:set>
                                  </p:childTnLst>
                                </p:cTn>
                              </p:par>
                              <p:par>
                                <p:cTn fill="hold" grpId="1" id="136" nodeType="withEffect" presetClass="exit" presetID="2" presetSubtype="4">
                                  <p:stCondLst>
                                    <p:cond delay="0"/>
                                  </p:stCondLst>
                                  <p:childTnLst>
                                    <p:anim calcmode="lin" valueType="num">
                                      <p:cBhvr additive="base">
                                        <p:cTn dur="500" id="137"/>
                                        <p:tgtEl>
                                          <p:spTgt spid="28"/>
                                        </p:tgtEl>
                                        <p:attrNameLst>
                                          <p:attrName>ppt_x</p:attrName>
                                        </p:attrNameLst>
                                      </p:cBhvr>
                                      <p:tavLst>
                                        <p:tav tm="0">
                                          <p:val>
                                            <p:strVal val="ppt_x"/>
                                          </p:val>
                                        </p:tav>
                                        <p:tav tm="100000">
                                          <p:val>
                                            <p:strVal val="ppt_x"/>
                                          </p:val>
                                        </p:tav>
                                      </p:tavLst>
                                    </p:anim>
                                    <p:anim calcmode="lin" valueType="num">
                                      <p:cBhvr additive="base">
                                        <p:cTn dur="500" id="138"/>
                                        <p:tgtEl>
                                          <p:spTgt spid="28"/>
                                        </p:tgtEl>
                                        <p:attrNameLst>
                                          <p:attrName>ppt_y</p:attrName>
                                        </p:attrNameLst>
                                      </p:cBhvr>
                                      <p:tavLst>
                                        <p:tav tm="0">
                                          <p:val>
                                            <p:strVal val="ppt_y"/>
                                          </p:val>
                                        </p:tav>
                                        <p:tav tm="100000">
                                          <p:val>
                                            <p:strVal val="1+ppt_h/2"/>
                                          </p:val>
                                        </p:tav>
                                      </p:tavLst>
                                    </p:anim>
                                    <p:set>
                                      <p:cBhvr>
                                        <p:cTn dur="1" fill="hold" id="139">
                                          <p:stCondLst>
                                            <p:cond delay="499"/>
                                          </p:stCondLst>
                                        </p:cTn>
                                        <p:tgtEl>
                                          <p:spTgt spid="28"/>
                                        </p:tgtEl>
                                        <p:attrNameLst>
                                          <p:attrName>style.visibility</p:attrName>
                                        </p:attrNameLst>
                                      </p:cBhvr>
                                      <p:to>
                                        <p:strVal val="hidden"/>
                                      </p:to>
                                    </p:set>
                                  </p:childTnLst>
                                </p:cTn>
                              </p:par>
                              <p:par>
                                <p:cTn fill="hold" grpId="2" id="140" nodeType="withEffect" presetClass="exit" presetID="2" presetSubtype="1">
                                  <p:stCondLst>
                                    <p:cond delay="0"/>
                                  </p:stCondLst>
                                  <p:childTnLst>
                                    <p:anim calcmode="lin" valueType="num">
                                      <p:cBhvr additive="base">
                                        <p:cTn dur="500" id="141"/>
                                        <p:tgtEl>
                                          <p:spTgt spid="23"/>
                                        </p:tgtEl>
                                        <p:attrNameLst>
                                          <p:attrName>ppt_x</p:attrName>
                                        </p:attrNameLst>
                                      </p:cBhvr>
                                      <p:tavLst>
                                        <p:tav tm="0">
                                          <p:val>
                                            <p:strVal val="ppt_x"/>
                                          </p:val>
                                        </p:tav>
                                        <p:tav tm="100000">
                                          <p:val>
                                            <p:strVal val="ppt_x"/>
                                          </p:val>
                                        </p:tav>
                                      </p:tavLst>
                                    </p:anim>
                                    <p:anim calcmode="lin" valueType="num">
                                      <p:cBhvr additive="base">
                                        <p:cTn dur="500" id="142"/>
                                        <p:tgtEl>
                                          <p:spTgt spid="23"/>
                                        </p:tgtEl>
                                        <p:attrNameLst>
                                          <p:attrName>ppt_y</p:attrName>
                                        </p:attrNameLst>
                                      </p:cBhvr>
                                      <p:tavLst>
                                        <p:tav tm="0">
                                          <p:val>
                                            <p:strVal val="ppt_y"/>
                                          </p:val>
                                        </p:tav>
                                        <p:tav tm="100000">
                                          <p:val>
                                            <p:strVal val="0-ppt_h/2"/>
                                          </p:val>
                                        </p:tav>
                                      </p:tavLst>
                                    </p:anim>
                                    <p:set>
                                      <p:cBhvr>
                                        <p:cTn dur="1" fill="hold" id="143">
                                          <p:stCondLst>
                                            <p:cond delay="499"/>
                                          </p:stCondLst>
                                        </p:cTn>
                                        <p:tgtEl>
                                          <p:spTgt spid="23"/>
                                        </p:tgtEl>
                                        <p:attrNameLst>
                                          <p:attrName>style.visibility</p:attrName>
                                        </p:attrNameLst>
                                      </p:cBhvr>
                                      <p:to>
                                        <p:strVal val="hidden"/>
                                      </p:to>
                                    </p:set>
                                  </p:childTnLst>
                                </p:cTn>
                              </p:par>
                              <p:par>
                                <p:cTn fill="hold" grpId="1" id="144" nodeType="withEffect" presetClass="exit" presetID="2" presetSubtype="1">
                                  <p:stCondLst>
                                    <p:cond delay="0"/>
                                  </p:stCondLst>
                                  <p:childTnLst>
                                    <p:anim calcmode="lin" valueType="num">
                                      <p:cBhvr additive="base">
                                        <p:cTn dur="500" id="145"/>
                                        <p:tgtEl>
                                          <p:spTgt spid="25"/>
                                        </p:tgtEl>
                                        <p:attrNameLst>
                                          <p:attrName>ppt_x</p:attrName>
                                        </p:attrNameLst>
                                      </p:cBhvr>
                                      <p:tavLst>
                                        <p:tav tm="0">
                                          <p:val>
                                            <p:strVal val="ppt_x"/>
                                          </p:val>
                                        </p:tav>
                                        <p:tav tm="100000">
                                          <p:val>
                                            <p:strVal val="ppt_x"/>
                                          </p:val>
                                        </p:tav>
                                      </p:tavLst>
                                    </p:anim>
                                    <p:anim calcmode="lin" valueType="num">
                                      <p:cBhvr additive="base">
                                        <p:cTn dur="500" id="146"/>
                                        <p:tgtEl>
                                          <p:spTgt spid="25"/>
                                        </p:tgtEl>
                                        <p:attrNameLst>
                                          <p:attrName>ppt_y</p:attrName>
                                        </p:attrNameLst>
                                      </p:cBhvr>
                                      <p:tavLst>
                                        <p:tav tm="0">
                                          <p:val>
                                            <p:strVal val="ppt_y"/>
                                          </p:val>
                                        </p:tav>
                                        <p:tav tm="100000">
                                          <p:val>
                                            <p:strVal val="0-ppt_h/2"/>
                                          </p:val>
                                        </p:tav>
                                      </p:tavLst>
                                    </p:anim>
                                    <p:set>
                                      <p:cBhvr>
                                        <p:cTn dur="1" fill="hold" id="147">
                                          <p:stCondLst>
                                            <p:cond delay="499"/>
                                          </p:stCondLst>
                                        </p:cTn>
                                        <p:tgtEl>
                                          <p:spTgt spid="25"/>
                                        </p:tgtEl>
                                        <p:attrNameLst>
                                          <p:attrName>style.visibility</p:attrName>
                                        </p:attrNameLst>
                                      </p:cBhvr>
                                      <p:to>
                                        <p:strVal val="hidden"/>
                                      </p:to>
                                    </p:set>
                                  </p:childTnLst>
                                </p:cTn>
                              </p:par>
                              <p:par>
                                <p:cTn fill="hold" grpId="2" id="148" nodeType="withEffect" presetClass="exit" presetID="2" presetSubtype="1">
                                  <p:stCondLst>
                                    <p:cond delay="0"/>
                                  </p:stCondLst>
                                  <p:childTnLst>
                                    <p:anim calcmode="lin" valueType="num">
                                      <p:cBhvr additive="base">
                                        <p:cTn dur="500" id="149"/>
                                        <p:tgtEl>
                                          <p:spTgt spid="29"/>
                                        </p:tgtEl>
                                        <p:attrNameLst>
                                          <p:attrName>ppt_x</p:attrName>
                                        </p:attrNameLst>
                                      </p:cBhvr>
                                      <p:tavLst>
                                        <p:tav tm="0">
                                          <p:val>
                                            <p:strVal val="ppt_x"/>
                                          </p:val>
                                        </p:tav>
                                        <p:tav tm="100000">
                                          <p:val>
                                            <p:strVal val="ppt_x"/>
                                          </p:val>
                                        </p:tav>
                                      </p:tavLst>
                                    </p:anim>
                                    <p:anim calcmode="lin" valueType="num">
                                      <p:cBhvr additive="base">
                                        <p:cTn dur="500" id="150"/>
                                        <p:tgtEl>
                                          <p:spTgt spid="29"/>
                                        </p:tgtEl>
                                        <p:attrNameLst>
                                          <p:attrName>ppt_y</p:attrName>
                                        </p:attrNameLst>
                                      </p:cBhvr>
                                      <p:tavLst>
                                        <p:tav tm="0">
                                          <p:val>
                                            <p:strVal val="ppt_y"/>
                                          </p:val>
                                        </p:tav>
                                        <p:tav tm="100000">
                                          <p:val>
                                            <p:strVal val="0-ppt_h/2"/>
                                          </p:val>
                                        </p:tav>
                                      </p:tavLst>
                                    </p:anim>
                                    <p:set>
                                      <p:cBhvr>
                                        <p:cTn dur="1" fill="hold" id="151">
                                          <p:stCondLst>
                                            <p:cond delay="499"/>
                                          </p:stCondLst>
                                        </p:cTn>
                                        <p:tgtEl>
                                          <p:spTgt spid="29"/>
                                        </p:tgtEl>
                                        <p:attrNameLst>
                                          <p:attrName>style.visibility</p:attrName>
                                        </p:attrNameLst>
                                      </p:cBhvr>
                                      <p:to>
                                        <p:strVal val="hidden"/>
                                      </p:to>
                                    </p:set>
                                  </p:childTnLst>
                                </p:cTn>
                              </p:par>
                              <p:par>
                                <p:cTn fill="hold" grpId="1" id="152" nodeType="withEffect" presetClass="exit" presetID="2" presetSubtype="1">
                                  <p:stCondLst>
                                    <p:cond delay="0"/>
                                  </p:stCondLst>
                                  <p:childTnLst>
                                    <p:anim calcmode="lin" valueType="num">
                                      <p:cBhvr additive="base">
                                        <p:cTn dur="500" id="153"/>
                                        <p:tgtEl>
                                          <p:spTgt spid="30"/>
                                        </p:tgtEl>
                                        <p:attrNameLst>
                                          <p:attrName>ppt_x</p:attrName>
                                        </p:attrNameLst>
                                      </p:cBhvr>
                                      <p:tavLst>
                                        <p:tav tm="0">
                                          <p:val>
                                            <p:strVal val="ppt_x"/>
                                          </p:val>
                                        </p:tav>
                                        <p:tav tm="100000">
                                          <p:val>
                                            <p:strVal val="ppt_x"/>
                                          </p:val>
                                        </p:tav>
                                      </p:tavLst>
                                    </p:anim>
                                    <p:anim calcmode="lin" valueType="num">
                                      <p:cBhvr additive="base">
                                        <p:cTn dur="500" id="154"/>
                                        <p:tgtEl>
                                          <p:spTgt spid="30"/>
                                        </p:tgtEl>
                                        <p:attrNameLst>
                                          <p:attrName>ppt_y</p:attrName>
                                        </p:attrNameLst>
                                      </p:cBhvr>
                                      <p:tavLst>
                                        <p:tav tm="0">
                                          <p:val>
                                            <p:strVal val="ppt_y"/>
                                          </p:val>
                                        </p:tav>
                                        <p:tav tm="100000">
                                          <p:val>
                                            <p:strVal val="0-ppt_h/2"/>
                                          </p:val>
                                        </p:tav>
                                      </p:tavLst>
                                    </p:anim>
                                    <p:set>
                                      <p:cBhvr>
                                        <p:cTn dur="1" fill="hold" id="155">
                                          <p:stCondLst>
                                            <p:cond delay="499"/>
                                          </p:stCondLst>
                                        </p:cTn>
                                        <p:tgtEl>
                                          <p:spTgt spid="30"/>
                                        </p:tgtEl>
                                        <p:attrNameLst>
                                          <p:attrName>style.visibility</p:attrName>
                                        </p:attrNameLst>
                                      </p:cBhvr>
                                      <p:to>
                                        <p:strVal val="hidden"/>
                                      </p:to>
                                    </p:se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
      <p:bldP grpId="1" spid="2"/>
      <p:bldP grpId="0" spid="23"/>
      <p:bldP grpId="1" spid="23"/>
      <p:bldP grpId="2" spid="23"/>
      <p:bldP grpId="0" spid="24"/>
      <p:bldP grpId="1" spid="24"/>
      <p:bldP grpId="2" spid="24"/>
      <p:bldP grpId="0" spid="25"/>
      <p:bldP grpId="1" spid="25"/>
      <p:bldP grpId="0" spid="26"/>
      <p:bldP grpId="1" spid="26"/>
      <p:bldP grpId="0" spid="27"/>
      <p:bldP grpId="1" spid="27"/>
      <p:bldP grpId="2" spid="27"/>
      <p:bldP grpId="0" spid="28"/>
      <p:bldP grpId="1" spid="28"/>
      <p:bldP grpId="0" spid="29"/>
      <p:bldP grpId="1" spid="29"/>
      <p:bldP grpId="2" spid="29"/>
      <p:bldP grpId="0" spid="30"/>
      <p:bldP grpId="1" spid="30"/>
    </p:bldLst>
  </p:timing>
</p:sld>
</file>

<file path=ppt/slides/slide24.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pic>
        <p:nvPicPr>
          <p:cNvPr id="2" name="图片 73"/>
          <p:cNvPicPr>
            <a:picLocks noChangeArrowheads="1" noChangeAspect="1"/>
          </p:cNvPicPr>
          <p:nvPr/>
        </p:nvPicPr>
        <p:blipFill>
          <a:blip r:embed="rId3">
            <a:lum bright="70000" contrast="-70000"/>
            <a:extLst>
              <a:ext uri="{28A0092B-C50C-407E-A947-70E740481C1C}">
                <a14:useLocalDpi val="0"/>
              </a:ext>
            </a:extLst>
          </a:blip>
          <a:stretch>
            <a:fillRect/>
          </a:stretch>
        </p:blipFill>
        <p:spPr bwMode="auto">
          <a:xfrm>
            <a:off x="8392371" y="1719216"/>
            <a:ext cx="796925" cy="796925"/>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pic>
      <p:grpSp>
        <p:nvGrpSpPr>
          <p:cNvPr id="4" name="组合 3"/>
          <p:cNvGrpSpPr/>
          <p:nvPr/>
        </p:nvGrpSpPr>
        <p:grpSpPr>
          <a:xfrm>
            <a:off x="793619" y="1247002"/>
            <a:ext cx="4391918" cy="3340972"/>
            <a:chOff x="285619" y="1316728"/>
            <a:chExt cx="4391918" cy="3340972"/>
          </a:xfrm>
          <a:solidFill>
            <a:srgbClr val="FF9900"/>
          </a:solidFill>
        </p:grpSpPr>
        <p:sp>
          <p:nvSpPr>
            <p:cNvPr id="6" name="Freeform 5"/>
            <p:cNvSpPr>
              <a:spLocks noChangeArrowheads="1"/>
            </p:cNvSpPr>
            <p:nvPr/>
          </p:nvSpPr>
          <p:spPr bwMode="auto">
            <a:xfrm>
              <a:off x="3607662" y="3784879"/>
              <a:ext cx="411782" cy="502725"/>
            </a:xfrm>
            <a:custGeom>
              <a:gdLst>
                <a:gd fmla="*/ 365 w 924" name="T0"/>
                <a:gd fmla="*/ 1108 h 1128" name="T1"/>
                <a:gd fmla="*/ 382 w 924" name="T2"/>
                <a:gd fmla="*/ 1106 h 1128" name="T3"/>
                <a:gd fmla="*/ 421 w 924" name="T4"/>
                <a:gd fmla="*/ 1109 h 1128" name="T5"/>
                <a:gd fmla="*/ 435 w 924" name="T6"/>
                <a:gd fmla="*/ 1074 h 1128" name="T7"/>
                <a:gd fmla="*/ 463 w 924" name="T8"/>
                <a:gd fmla="*/ 1046 h 1128" name="T9"/>
                <a:gd fmla="*/ 487 w 924" name="T10"/>
                <a:gd fmla="*/ 1012 h 1128" name="T11"/>
                <a:gd fmla="*/ 506 w 924" name="T12"/>
                <a:gd fmla="*/ 972 h 1128" name="T13"/>
                <a:gd fmla="*/ 538 w 924" name="T14"/>
                <a:gd fmla="*/ 931 h 1128" name="T15"/>
                <a:gd fmla="*/ 539 w 924" name="T16"/>
                <a:gd fmla="*/ 904 h 1128" name="T17"/>
                <a:gd fmla="*/ 577 w 924" name="T18"/>
                <a:gd fmla="*/ 882 h 1128" name="T19"/>
                <a:gd fmla="*/ 613 w 924" name="T20"/>
                <a:gd fmla="*/ 864 h 1128" name="T21"/>
                <a:gd fmla="*/ 633 w 924" name="T22"/>
                <a:gd fmla="*/ 864 h 1128" name="T23"/>
                <a:gd fmla="*/ 646 w 924" name="T24"/>
                <a:gd fmla="*/ 816 h 1128" name="T25"/>
                <a:gd fmla="*/ 679 w 924" name="T26"/>
                <a:gd fmla="*/ 790 h 1128" name="T27"/>
                <a:gd fmla="*/ 689 w 924" name="T28"/>
                <a:gd fmla="*/ 753 h 1128" name="T29"/>
                <a:gd fmla="*/ 695 w 924" name="T30"/>
                <a:gd fmla="*/ 715 h 1128" name="T31"/>
                <a:gd fmla="*/ 740 w 924" name="T32"/>
                <a:gd fmla="*/ 719 h 1128" name="T33"/>
                <a:gd fmla="*/ 786 w 924" name="T34"/>
                <a:gd fmla="*/ 709 h 1128" name="T35"/>
                <a:gd fmla="*/ 818 w 924" name="T36"/>
                <a:gd fmla="*/ 676 h 1128" name="T37"/>
                <a:gd fmla="*/ 839 w 924" name="T38"/>
                <a:gd fmla="*/ 609 h 1128" name="T39"/>
                <a:gd fmla="*/ 780 w 924" name="T40"/>
                <a:gd fmla="*/ 586 h 1128" name="T41"/>
                <a:gd fmla="*/ 797 w 924" name="T42"/>
                <a:gd fmla="*/ 534 h 1128" name="T43"/>
                <a:gd fmla="*/ 793 w 924" name="T44"/>
                <a:gd fmla="*/ 506 h 1128" name="T45"/>
                <a:gd fmla="*/ 793 w 924" name="T46"/>
                <a:gd fmla="*/ 463 h 1128" name="T47"/>
                <a:gd fmla="*/ 817 w 924" name="T48"/>
                <a:gd fmla="*/ 435 h 1128" name="T49"/>
                <a:gd fmla="*/ 802 w 924" name="T50"/>
                <a:gd fmla="*/ 409 h 1128" name="T51"/>
                <a:gd fmla="*/ 808 w 924" name="T52"/>
                <a:gd fmla="*/ 382 h 1128" name="T53"/>
                <a:gd fmla="*/ 851 w 924" name="T54"/>
                <a:gd fmla="*/ 358 h 1128" name="T55"/>
                <a:gd fmla="*/ 873 w 924" name="T56"/>
                <a:gd fmla="*/ 303 h 1128" name="T57"/>
                <a:gd fmla="*/ 914 w 924" name="T58"/>
                <a:gd fmla="*/ 264 h 1128" name="T59"/>
                <a:gd fmla="*/ 918 w 924" name="T60"/>
                <a:gd fmla="*/ 259 h 1128" name="T61"/>
                <a:gd fmla="*/ 924 w 924" name="T62"/>
                <a:gd fmla="*/ 248 h 1128" name="T63"/>
                <a:gd fmla="*/ 840 w 924" name="T64"/>
                <a:gd fmla="*/ 137 h 1128" name="T65"/>
                <a:gd fmla="*/ 571 w 924" name="T66"/>
                <a:gd fmla="*/ 19 h 1128" name="T67"/>
                <a:gd fmla="*/ 365 w 924" name="T68"/>
                <a:gd fmla="*/ 0 h 1128" name="T69"/>
                <a:gd fmla="*/ 87 w 924" name="T70"/>
                <a:gd fmla="*/ 338 h 1128" name="T71"/>
                <a:gd fmla="*/ 0 w 924" name="T72"/>
                <a:gd fmla="*/ 755 h 1128" name="T73"/>
                <a:gd fmla="*/ 136 w 924" name="T74"/>
                <a:gd fmla="*/ 973 h 1128" name="T75"/>
                <a:gd fmla="*/ 256 w 924" name="T76"/>
                <a:gd fmla="*/ 1046 h 1128" name="T77"/>
                <a:gd fmla="*/ 345 w 924" name="T78"/>
                <a:gd fmla="*/ 1105 h 1128" name="T79"/>
                <a:gd fmla="*/ 360 w 924" name="T80"/>
                <a:gd fmla="*/ 1111 h 1128" name="T81"/>
                <a:gd fmla="*/ 365 w 924" name="T82"/>
                <a:gd fmla="*/ 1108 h 1128" name="T83"/>
                <a:gd fmla="*/ 0 60000 65536" name="T84"/>
                <a:gd fmla="*/ 0 60000 65536" name="T85"/>
                <a:gd fmla="*/ 0 60000 65536" name="T86"/>
                <a:gd fmla="*/ 0 60000 65536" name="T87"/>
                <a:gd fmla="*/ 0 60000 65536" name="T88"/>
                <a:gd fmla="*/ 0 60000 65536" name="T89"/>
                <a:gd fmla="*/ 0 60000 65536" name="T90"/>
                <a:gd fmla="*/ 0 60000 65536" name="T91"/>
                <a:gd fmla="*/ 0 60000 65536" name="T92"/>
                <a:gd fmla="*/ 0 60000 65536" name="T93"/>
                <a:gd fmla="*/ 0 60000 65536" name="T94"/>
                <a:gd fmla="*/ 0 60000 65536" name="T95"/>
                <a:gd fmla="*/ 0 60000 65536" name="T96"/>
                <a:gd fmla="*/ 0 60000 65536"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w 924" name="T126"/>
                <a:gd fmla="*/ 0 h 1128" name="T127"/>
                <a:gd fmla="*/ 924 w 924" name="T128"/>
                <a:gd fmla="*/ 1128 h 1128" name="T129"/>
              </a:gd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b="T129" l="T126" r="T128" t="T127"/>
              <a:pathLst>
                <a:path h="1128" w="924">
                  <a:moveTo>
                    <a:pt x="365" y="1108"/>
                  </a:moveTo>
                  <a:cubicBezTo>
                    <a:pt x="370" y="1105"/>
                    <a:pt x="372" y="1107"/>
                    <a:pt x="382" y="1106"/>
                  </a:cubicBezTo>
                  <a:cubicBezTo>
                    <a:pt x="404" y="1104"/>
                    <a:pt x="407" y="1128"/>
                    <a:pt x="421" y="1109"/>
                  </a:cubicBezTo>
                  <a:cubicBezTo>
                    <a:pt x="435" y="1091"/>
                    <a:pt x="427" y="1090"/>
                    <a:pt x="435" y="1074"/>
                  </a:cubicBezTo>
                  <a:cubicBezTo>
                    <a:pt x="444" y="1057"/>
                    <a:pt x="461" y="1067"/>
                    <a:pt x="463" y="1046"/>
                  </a:cubicBezTo>
                  <a:cubicBezTo>
                    <a:pt x="465" y="1026"/>
                    <a:pt x="461" y="1032"/>
                    <a:pt x="487" y="1012"/>
                  </a:cubicBezTo>
                  <a:cubicBezTo>
                    <a:pt x="513" y="993"/>
                    <a:pt x="488" y="993"/>
                    <a:pt x="506" y="972"/>
                  </a:cubicBezTo>
                  <a:cubicBezTo>
                    <a:pt x="523" y="952"/>
                    <a:pt x="541" y="939"/>
                    <a:pt x="538" y="931"/>
                  </a:cubicBezTo>
                  <a:cubicBezTo>
                    <a:pt x="536" y="924"/>
                    <a:pt x="513" y="911"/>
                    <a:pt x="539" y="904"/>
                  </a:cubicBezTo>
                  <a:cubicBezTo>
                    <a:pt x="564" y="898"/>
                    <a:pt x="560" y="903"/>
                    <a:pt x="577" y="882"/>
                  </a:cubicBezTo>
                  <a:cubicBezTo>
                    <a:pt x="594" y="861"/>
                    <a:pt x="593" y="848"/>
                    <a:pt x="613" y="864"/>
                  </a:cubicBezTo>
                  <a:cubicBezTo>
                    <a:pt x="633" y="880"/>
                    <a:pt x="627" y="889"/>
                    <a:pt x="633" y="864"/>
                  </a:cubicBezTo>
                  <a:cubicBezTo>
                    <a:pt x="640" y="839"/>
                    <a:pt x="633" y="833"/>
                    <a:pt x="646" y="816"/>
                  </a:cubicBezTo>
                  <a:cubicBezTo>
                    <a:pt x="659" y="798"/>
                    <a:pt x="670" y="803"/>
                    <a:pt x="679" y="790"/>
                  </a:cubicBezTo>
                  <a:cubicBezTo>
                    <a:pt x="687" y="777"/>
                    <a:pt x="696" y="776"/>
                    <a:pt x="689" y="753"/>
                  </a:cubicBezTo>
                  <a:cubicBezTo>
                    <a:pt x="681" y="731"/>
                    <a:pt x="677" y="714"/>
                    <a:pt x="695" y="715"/>
                  </a:cubicBezTo>
                  <a:cubicBezTo>
                    <a:pt x="713" y="717"/>
                    <a:pt x="720" y="732"/>
                    <a:pt x="740" y="719"/>
                  </a:cubicBezTo>
                  <a:cubicBezTo>
                    <a:pt x="760" y="706"/>
                    <a:pt x="758" y="703"/>
                    <a:pt x="786" y="709"/>
                  </a:cubicBezTo>
                  <a:cubicBezTo>
                    <a:pt x="814" y="715"/>
                    <a:pt x="812" y="684"/>
                    <a:pt x="818" y="676"/>
                  </a:cubicBezTo>
                  <a:cubicBezTo>
                    <a:pt x="823" y="667"/>
                    <a:pt x="848" y="613"/>
                    <a:pt x="839" y="609"/>
                  </a:cubicBezTo>
                  <a:cubicBezTo>
                    <a:pt x="830" y="605"/>
                    <a:pt x="772" y="607"/>
                    <a:pt x="780" y="586"/>
                  </a:cubicBezTo>
                  <a:cubicBezTo>
                    <a:pt x="787" y="565"/>
                    <a:pt x="788" y="544"/>
                    <a:pt x="797" y="534"/>
                  </a:cubicBezTo>
                  <a:cubicBezTo>
                    <a:pt x="806" y="524"/>
                    <a:pt x="800" y="522"/>
                    <a:pt x="793" y="506"/>
                  </a:cubicBezTo>
                  <a:cubicBezTo>
                    <a:pt x="786" y="490"/>
                    <a:pt x="773" y="472"/>
                    <a:pt x="793" y="463"/>
                  </a:cubicBezTo>
                  <a:cubicBezTo>
                    <a:pt x="814" y="454"/>
                    <a:pt x="830" y="435"/>
                    <a:pt x="817" y="435"/>
                  </a:cubicBezTo>
                  <a:cubicBezTo>
                    <a:pt x="805" y="435"/>
                    <a:pt x="803" y="427"/>
                    <a:pt x="802" y="409"/>
                  </a:cubicBezTo>
                  <a:cubicBezTo>
                    <a:pt x="802" y="391"/>
                    <a:pt x="786" y="381"/>
                    <a:pt x="808" y="382"/>
                  </a:cubicBezTo>
                  <a:cubicBezTo>
                    <a:pt x="829" y="382"/>
                    <a:pt x="837" y="376"/>
                    <a:pt x="851" y="358"/>
                  </a:cubicBezTo>
                  <a:cubicBezTo>
                    <a:pt x="864" y="340"/>
                    <a:pt x="861" y="319"/>
                    <a:pt x="873" y="303"/>
                  </a:cubicBezTo>
                  <a:cubicBezTo>
                    <a:pt x="886" y="288"/>
                    <a:pt x="899" y="285"/>
                    <a:pt x="914" y="264"/>
                  </a:cubicBezTo>
                  <a:cubicBezTo>
                    <a:pt x="915" y="263"/>
                    <a:pt x="917" y="261"/>
                    <a:pt x="918" y="259"/>
                  </a:cubicBezTo>
                  <a:cubicBezTo>
                    <a:pt x="924" y="248"/>
                    <a:pt x="924" y="248"/>
                    <a:pt x="924" y="248"/>
                  </a:cubicBezTo>
                  <a:cubicBezTo>
                    <a:pt x="840" y="137"/>
                    <a:pt x="840" y="137"/>
                    <a:pt x="840" y="137"/>
                  </a:cubicBezTo>
                  <a:cubicBezTo>
                    <a:pt x="571" y="19"/>
                    <a:pt x="571" y="19"/>
                    <a:pt x="571" y="19"/>
                  </a:cubicBezTo>
                  <a:cubicBezTo>
                    <a:pt x="365" y="0"/>
                    <a:pt x="365" y="0"/>
                    <a:pt x="365" y="0"/>
                  </a:cubicBezTo>
                  <a:cubicBezTo>
                    <a:pt x="87" y="338"/>
                    <a:pt x="87" y="338"/>
                    <a:pt x="87" y="338"/>
                  </a:cubicBezTo>
                  <a:cubicBezTo>
                    <a:pt x="0" y="755"/>
                    <a:pt x="0" y="755"/>
                    <a:pt x="0" y="755"/>
                  </a:cubicBezTo>
                  <a:cubicBezTo>
                    <a:pt x="136" y="973"/>
                    <a:pt x="136" y="973"/>
                    <a:pt x="136" y="973"/>
                  </a:cubicBezTo>
                  <a:cubicBezTo>
                    <a:pt x="256" y="1046"/>
                    <a:pt x="256" y="1046"/>
                    <a:pt x="256" y="1046"/>
                  </a:cubicBezTo>
                  <a:cubicBezTo>
                    <a:pt x="345" y="1105"/>
                    <a:pt x="345" y="1105"/>
                    <a:pt x="345" y="1105"/>
                  </a:cubicBezTo>
                  <a:cubicBezTo>
                    <a:pt x="360" y="1111"/>
                    <a:pt x="360" y="1111"/>
                    <a:pt x="360" y="1111"/>
                  </a:cubicBezTo>
                  <a:lnTo>
                    <a:pt x="365" y="1108"/>
                  </a:lnTo>
                  <a:close/>
                </a:path>
              </a:pathLst>
            </a:custGeom>
            <a:solidFill>
              <a:srgbClr val="00544A"/>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7" name="Freeform 6"/>
            <p:cNvSpPr>
              <a:spLocks noChangeArrowheads="1"/>
            </p:cNvSpPr>
            <p:nvPr/>
          </p:nvSpPr>
          <p:spPr bwMode="auto">
            <a:xfrm>
              <a:off x="3390403" y="3649724"/>
              <a:ext cx="458518" cy="570934"/>
            </a:xfrm>
            <a:custGeom>
              <a:gdLst>
                <a:gd fmla="*/ 977 w 1029" name="T0"/>
                <a:gd fmla="*/ 358 h 1283" name="T1"/>
                <a:gd fmla="*/ 951 w 1029" name="T2"/>
                <a:gd fmla="*/ 412 h 1283" name="T3"/>
                <a:gd fmla="*/ 874 w 1029" name="T4"/>
                <a:gd fmla="*/ 457 h 1283" name="T5"/>
                <a:gd fmla="*/ 835 w 1029" name="T6"/>
                <a:gd fmla="*/ 470 h 1283" name="T7"/>
                <a:gd fmla="*/ 762 w 1029" name="T8"/>
                <a:gd fmla="*/ 502 h 1283" name="T9"/>
                <a:gd fmla="*/ 743 w 1029" name="T10"/>
                <a:gd fmla="*/ 569 h 1283" name="T11"/>
                <a:gd fmla="*/ 750 w 1029" name="T12"/>
                <a:gd fmla="*/ 631 h 1283" name="T13"/>
                <a:gd fmla="*/ 717 w 1029" name="T14"/>
                <a:gd fmla="*/ 681 h 1283" name="T15"/>
                <a:gd fmla="*/ 656 w 1029" name="T16"/>
                <a:gd fmla="*/ 735 h 1283" name="T17"/>
                <a:gd fmla="*/ 676 w 1029" name="T18"/>
                <a:gd fmla="*/ 807 h 1283" name="T19"/>
                <a:gd fmla="*/ 642 w 1029" name="T20"/>
                <a:gd fmla="*/ 873 h 1283" name="T21"/>
                <a:gd fmla="*/ 623 w 1029" name="T22"/>
                <a:gd fmla="*/ 929 h 1283" name="T23"/>
                <a:gd fmla="*/ 600 w 1029" name="T24"/>
                <a:gd fmla="*/ 967 h 1283" name="T25"/>
                <a:gd fmla="*/ 580 w 1029" name="T26"/>
                <a:gd fmla="*/ 1028 h 1283" name="T27"/>
                <a:gd fmla="*/ 577 w 1029" name="T28"/>
                <a:gd fmla="*/ 1074 h 1283" name="T29"/>
                <a:gd fmla="*/ 556 w 1029" name="T30"/>
                <a:gd fmla="*/ 1108 h 1283" name="T31"/>
                <a:gd fmla="*/ 578 w 1029" name="T32"/>
                <a:gd fmla="*/ 1165 h 1283" name="T33"/>
                <a:gd fmla="*/ 595 w 1029" name="T34"/>
                <a:gd fmla="*/ 1276 h 1283" name="T35"/>
                <a:gd fmla="*/ 438 w 1029" name="T36"/>
                <a:gd fmla="*/ 1283 h 1283" name="T37"/>
                <a:gd fmla="*/ 214 w 1029" name="T38"/>
                <a:gd fmla="*/ 1266 h 1283" name="T39"/>
                <a:gd fmla="*/ 16 w 1029" name="T40"/>
                <a:gd fmla="*/ 899 h 1283" name="T41"/>
                <a:gd fmla="*/ 0 w 1029" name="T42"/>
                <a:gd fmla="*/ 505 h 1283" name="T43"/>
                <a:gd fmla="*/ 89 w 1029" name="T44"/>
                <a:gd fmla="*/ 118 h 1283" name="T45"/>
                <a:gd fmla="*/ 322 w 1029" name="T46"/>
                <a:gd fmla="*/ 26 h 1283" name="T47"/>
                <a:gd fmla="*/ 645 w 1029" name="T48"/>
                <a:gd fmla="*/ 0 h 1283" name="T49"/>
                <a:gd fmla="*/ 895 w 1029" name="T50"/>
                <a:gd fmla="*/ 0 h 1283" name="T51"/>
                <a:gd fmla="*/ 1011 w 1029" name="T52"/>
                <a:gd fmla="*/ 183 h 1283" name="T53"/>
                <a:gd fmla="*/ 1029 w 1029" name="T54"/>
                <a:gd fmla="*/ 312 h 1283" name="T55"/>
                <a:gd fmla="*/ 977 w 1029" name="T56"/>
                <a:gd fmla="*/ 358 h 1283" name="T57"/>
                <a:gd fmla="*/ 0 60000 65536" name="T58"/>
                <a:gd fmla="*/ 0 60000 65536" name="T59"/>
                <a:gd fmla="*/ 0 60000 65536" name="T60"/>
                <a:gd fmla="*/ 0 60000 65536" name="T61"/>
                <a:gd fmla="*/ 0 60000 65536" name="T62"/>
                <a:gd fmla="*/ 0 60000 65536" name="T63"/>
                <a:gd fmla="*/ 0 60000 65536" name="T64"/>
                <a:gd fmla="*/ 0 60000 65536" name="T65"/>
                <a:gd fmla="*/ 0 60000 65536" name="T66"/>
                <a:gd fmla="*/ 0 60000 65536" name="T67"/>
                <a:gd fmla="*/ 0 60000 65536" name="T68"/>
                <a:gd fmla="*/ 0 60000 65536" name="T69"/>
                <a:gd fmla="*/ 0 60000 65536" name="T70"/>
                <a:gd fmla="*/ 0 60000 65536" name="T71"/>
                <a:gd fmla="*/ 0 60000 65536" name="T72"/>
                <a:gd fmla="*/ 0 60000 65536" name="T73"/>
                <a:gd fmla="*/ 0 60000 65536" name="T74"/>
                <a:gd fmla="*/ 0 60000 65536" name="T75"/>
                <a:gd fmla="*/ 0 60000 65536" name="T76"/>
                <a:gd fmla="*/ 0 60000 65536" name="T77"/>
                <a:gd fmla="*/ 0 60000 65536" name="T78"/>
                <a:gd fmla="*/ 0 60000 65536" name="T79"/>
                <a:gd fmla="*/ 0 60000 65536" name="T80"/>
                <a:gd fmla="*/ 0 60000 65536" name="T81"/>
                <a:gd fmla="*/ 0 60000 65536" name="T82"/>
                <a:gd fmla="*/ 0 60000 65536" name="T83"/>
                <a:gd fmla="*/ 0 60000 65536" name="T84"/>
                <a:gd fmla="*/ 0 60000 65536" name="T85"/>
                <a:gd fmla="*/ 0 60000 65536" name="T86"/>
                <a:gd fmla="*/ 0 w 1029" name="T87"/>
                <a:gd fmla="*/ 0 h 1283" name="T88"/>
                <a:gd fmla="*/ 1029 w 1029" name="T89"/>
                <a:gd fmla="*/ 1283 h 1283" name="T90"/>
              </a:gdLst>
              <a:cxnLst>
                <a:cxn ang="T58">
                  <a:pos x="T0" y="T1"/>
                </a:cxn>
                <a:cxn ang="T59">
                  <a:pos x="T2" y="T3"/>
                </a:cxn>
                <a:cxn ang="T60">
                  <a:pos x="T4" y="T5"/>
                </a:cxn>
                <a:cxn ang="T61">
                  <a:pos x="T6" y="T7"/>
                </a:cxn>
                <a:cxn ang="T62">
                  <a:pos x="T8" y="T9"/>
                </a:cxn>
                <a:cxn ang="T63">
                  <a:pos x="T10" y="T11"/>
                </a:cxn>
                <a:cxn ang="T64">
                  <a:pos x="T12" y="T13"/>
                </a:cxn>
                <a:cxn ang="T65">
                  <a:pos x="T14" y="T15"/>
                </a:cxn>
                <a:cxn ang="T66">
                  <a:pos x="T16" y="T17"/>
                </a:cxn>
                <a:cxn ang="T67">
                  <a:pos x="T18" y="T19"/>
                </a:cxn>
                <a:cxn ang="T68">
                  <a:pos x="T20" y="T21"/>
                </a:cxn>
                <a:cxn ang="T69">
                  <a:pos x="T22" y="T23"/>
                </a:cxn>
                <a:cxn ang="T70">
                  <a:pos x="T24" y="T25"/>
                </a:cxn>
                <a:cxn ang="T71">
                  <a:pos x="T26" y="T27"/>
                </a:cxn>
                <a:cxn ang="T72">
                  <a:pos x="T28" y="T29"/>
                </a:cxn>
                <a:cxn ang="T73">
                  <a:pos x="T30" y="T31"/>
                </a:cxn>
                <a:cxn ang="T74">
                  <a:pos x="T32" y="T33"/>
                </a:cxn>
                <a:cxn ang="T75">
                  <a:pos x="T34" y="T35"/>
                </a:cxn>
                <a:cxn ang="T76">
                  <a:pos x="T36" y="T37"/>
                </a:cxn>
                <a:cxn ang="T77">
                  <a:pos x="T38" y="T39"/>
                </a:cxn>
                <a:cxn ang="T78">
                  <a:pos x="T40" y="T41"/>
                </a:cxn>
                <a:cxn ang="T79">
                  <a:pos x="T42" y="T43"/>
                </a:cxn>
                <a:cxn ang="T80">
                  <a:pos x="T44" y="T45"/>
                </a:cxn>
                <a:cxn ang="T81">
                  <a:pos x="T46" y="T47"/>
                </a:cxn>
                <a:cxn ang="T82">
                  <a:pos x="T48" y="T49"/>
                </a:cxn>
                <a:cxn ang="T83">
                  <a:pos x="T50" y="T51"/>
                </a:cxn>
                <a:cxn ang="T84">
                  <a:pos x="T52" y="T53"/>
                </a:cxn>
                <a:cxn ang="T85">
                  <a:pos x="T54" y="T55"/>
                </a:cxn>
                <a:cxn ang="T86">
                  <a:pos x="T56" y="T57"/>
                </a:cxn>
              </a:cxnLst>
              <a:rect b="T90" l="T87" r="T89" t="T88"/>
              <a:pathLst>
                <a:path h="1283" w="1029">
                  <a:moveTo>
                    <a:pt x="977" y="358"/>
                  </a:moveTo>
                  <a:cubicBezTo>
                    <a:pt x="977" y="358"/>
                    <a:pt x="979" y="401"/>
                    <a:pt x="951" y="412"/>
                  </a:cubicBezTo>
                  <a:cubicBezTo>
                    <a:pt x="922" y="423"/>
                    <a:pt x="891" y="441"/>
                    <a:pt x="874" y="457"/>
                  </a:cubicBezTo>
                  <a:cubicBezTo>
                    <a:pt x="858" y="474"/>
                    <a:pt x="848" y="487"/>
                    <a:pt x="835" y="470"/>
                  </a:cubicBezTo>
                  <a:cubicBezTo>
                    <a:pt x="821" y="452"/>
                    <a:pt x="777" y="481"/>
                    <a:pt x="762" y="502"/>
                  </a:cubicBezTo>
                  <a:cubicBezTo>
                    <a:pt x="747" y="524"/>
                    <a:pt x="723" y="542"/>
                    <a:pt x="743" y="569"/>
                  </a:cubicBezTo>
                  <a:cubicBezTo>
                    <a:pt x="763" y="597"/>
                    <a:pt x="765" y="594"/>
                    <a:pt x="750" y="631"/>
                  </a:cubicBezTo>
                  <a:cubicBezTo>
                    <a:pt x="735" y="668"/>
                    <a:pt x="751" y="677"/>
                    <a:pt x="717" y="681"/>
                  </a:cubicBezTo>
                  <a:cubicBezTo>
                    <a:pt x="683" y="685"/>
                    <a:pt x="653" y="713"/>
                    <a:pt x="656" y="735"/>
                  </a:cubicBezTo>
                  <a:cubicBezTo>
                    <a:pt x="658" y="757"/>
                    <a:pt x="687" y="791"/>
                    <a:pt x="676" y="807"/>
                  </a:cubicBezTo>
                  <a:cubicBezTo>
                    <a:pt x="665" y="823"/>
                    <a:pt x="628" y="834"/>
                    <a:pt x="642" y="873"/>
                  </a:cubicBezTo>
                  <a:cubicBezTo>
                    <a:pt x="656" y="911"/>
                    <a:pt x="645" y="922"/>
                    <a:pt x="623" y="929"/>
                  </a:cubicBezTo>
                  <a:cubicBezTo>
                    <a:pt x="601" y="936"/>
                    <a:pt x="609" y="942"/>
                    <a:pt x="600" y="967"/>
                  </a:cubicBezTo>
                  <a:cubicBezTo>
                    <a:pt x="590" y="992"/>
                    <a:pt x="568" y="1001"/>
                    <a:pt x="580" y="1028"/>
                  </a:cubicBezTo>
                  <a:cubicBezTo>
                    <a:pt x="593" y="1056"/>
                    <a:pt x="594" y="1066"/>
                    <a:pt x="577" y="1074"/>
                  </a:cubicBezTo>
                  <a:cubicBezTo>
                    <a:pt x="560" y="1082"/>
                    <a:pt x="550" y="1097"/>
                    <a:pt x="556" y="1108"/>
                  </a:cubicBezTo>
                  <a:cubicBezTo>
                    <a:pt x="561" y="1119"/>
                    <a:pt x="572" y="1149"/>
                    <a:pt x="578" y="1165"/>
                  </a:cubicBezTo>
                  <a:cubicBezTo>
                    <a:pt x="583" y="1181"/>
                    <a:pt x="595" y="1276"/>
                    <a:pt x="595" y="1276"/>
                  </a:cubicBezTo>
                  <a:cubicBezTo>
                    <a:pt x="595" y="1276"/>
                    <a:pt x="442" y="1283"/>
                    <a:pt x="438" y="1283"/>
                  </a:cubicBezTo>
                  <a:cubicBezTo>
                    <a:pt x="434" y="1283"/>
                    <a:pt x="214" y="1266"/>
                    <a:pt x="214" y="1266"/>
                  </a:cubicBezTo>
                  <a:cubicBezTo>
                    <a:pt x="16" y="899"/>
                    <a:pt x="16" y="899"/>
                    <a:pt x="16" y="899"/>
                  </a:cubicBezTo>
                  <a:cubicBezTo>
                    <a:pt x="0" y="505"/>
                    <a:pt x="0" y="505"/>
                    <a:pt x="0" y="505"/>
                  </a:cubicBezTo>
                  <a:cubicBezTo>
                    <a:pt x="89" y="118"/>
                    <a:pt x="89" y="118"/>
                    <a:pt x="89" y="118"/>
                  </a:cubicBezTo>
                  <a:cubicBezTo>
                    <a:pt x="322" y="26"/>
                    <a:pt x="322" y="26"/>
                    <a:pt x="322" y="26"/>
                  </a:cubicBezTo>
                  <a:cubicBezTo>
                    <a:pt x="645" y="0"/>
                    <a:pt x="645" y="0"/>
                    <a:pt x="645" y="0"/>
                  </a:cubicBezTo>
                  <a:cubicBezTo>
                    <a:pt x="895" y="0"/>
                    <a:pt x="895" y="0"/>
                    <a:pt x="895" y="0"/>
                  </a:cubicBezTo>
                  <a:cubicBezTo>
                    <a:pt x="1011" y="183"/>
                    <a:pt x="1011" y="183"/>
                    <a:pt x="1011" y="183"/>
                  </a:cubicBezTo>
                  <a:cubicBezTo>
                    <a:pt x="1029" y="312"/>
                    <a:pt x="1029" y="312"/>
                    <a:pt x="1029" y="312"/>
                  </a:cubicBezTo>
                  <a:lnTo>
                    <a:pt x="977" y="358"/>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8" name="Freeform 7"/>
            <p:cNvSpPr>
              <a:spLocks noChangeArrowheads="1"/>
            </p:cNvSpPr>
            <p:nvPr/>
          </p:nvSpPr>
          <p:spPr bwMode="auto">
            <a:xfrm>
              <a:off x="2965990" y="3666145"/>
              <a:ext cx="524201" cy="574723"/>
            </a:xfrm>
            <a:custGeom>
              <a:gdLst>
                <a:gd fmla="*/ 1059 w 1177" name="T0"/>
                <a:gd fmla="*/ 258 h 1291" name="T1"/>
                <a:gd fmla="*/ 1096 w 1177" name="T2"/>
                <a:gd fmla="*/ 311 h 1291" name="T3"/>
                <a:gd fmla="*/ 1118 w 1177" name="T4"/>
                <a:gd fmla="*/ 379 h 1291" name="T5"/>
                <a:gd fmla="*/ 1100 w 1177" name="T6"/>
                <a:gd fmla="*/ 434 h 1291" name="T7"/>
                <a:gd fmla="*/ 1071 w 1177" name="T8"/>
                <a:gd fmla="*/ 481 h 1291" name="T9"/>
                <a:gd fmla="*/ 1034 w 1177" name="T10"/>
                <a:gd fmla="*/ 524 h 1291" name="T11"/>
                <a:gd fmla="*/ 1034 w 1177" name="T12"/>
                <a:gd fmla="*/ 621 h 1291" name="T13"/>
                <a:gd fmla="*/ 1057 w 1177" name="T14"/>
                <a:gd fmla="*/ 641 h 1291" name="T15"/>
                <a:gd fmla="*/ 1076 w 1177" name="T16"/>
                <a:gd fmla="*/ 658 h 1291" name="T17"/>
                <a:gd fmla="*/ 1083 w 1177" name="T18"/>
                <a:gd fmla="*/ 699 h 1291" name="T19"/>
                <a:gd fmla="*/ 1084 w 1177" name="T20"/>
                <a:gd fmla="*/ 736 h 1291" name="T21"/>
                <a:gd fmla="*/ 1099 w 1177" name="T22"/>
                <a:gd fmla="*/ 780 h 1291" name="T23"/>
                <a:gd fmla="*/ 1135 w 1177" name="T24"/>
                <a:gd fmla="*/ 811 h 1291" name="T25"/>
                <a:gd fmla="*/ 1133 w 1177" name="T26"/>
                <a:gd fmla="*/ 877 h 1291" name="T27"/>
                <a:gd fmla="*/ 1163 w 1177" name="T28"/>
                <a:gd fmla="*/ 881 h 1291" name="T29"/>
                <a:gd fmla="*/ 1137 w 1177" name="T30"/>
                <a:gd fmla="*/ 925 h 1291" name="T31"/>
                <a:gd fmla="*/ 1127 w 1177" name="T32"/>
                <a:gd fmla="*/ 968 h 1291" name="T33"/>
                <a:gd fmla="*/ 1135 w 1177" name="T34"/>
                <a:gd fmla="*/ 1015 h 1291" name="T35"/>
                <a:gd fmla="*/ 1128 w 1177" name="T36"/>
                <a:gd fmla="*/ 1089 h 1291" name="T37"/>
                <a:gd fmla="*/ 1008 w 1177" name="T38"/>
                <a:gd fmla="*/ 1195 h 1291" name="T39"/>
                <a:gd fmla="*/ 629 w 1177" name="T40"/>
                <a:gd fmla="*/ 1291 h 1291" name="T41"/>
                <a:gd fmla="*/ 250 w 1177" name="T42"/>
                <a:gd fmla="*/ 1059 h 1291" name="T43"/>
                <a:gd fmla="*/ 68 w 1177" name="T44"/>
                <a:gd fmla="*/ 885 h 1291" name="T45"/>
                <a:gd fmla="*/ 0 w 1177" name="T46"/>
                <a:gd fmla="*/ 565 h 1291" name="T47"/>
                <a:gd fmla="*/ 105 w 1177" name="T48"/>
                <a:gd fmla="*/ 279 h 1291" name="T49"/>
                <a:gd fmla="*/ 197 w 1177" name="T50"/>
                <a:gd fmla="*/ 108 h 1291" name="T51"/>
                <a:gd fmla="*/ 525 w 1177" name="T52"/>
                <a:gd fmla="*/ 0 h 1291" name="T53"/>
                <a:gd fmla="*/ 793 w 1177" name="T54"/>
                <a:gd fmla="*/ 0 h 1291" name="T55"/>
                <a:gd fmla="*/ 1015 w 1177" name="T56"/>
                <a:gd fmla="*/ 78 h 1291" name="T57"/>
                <a:gd fmla="*/ 1074 w 1177" name="T58"/>
                <a:gd fmla="*/ 201 h 1291" name="T59"/>
                <a:gd fmla="*/ 1059 w 1177" name="T60"/>
                <a:gd fmla="*/ 258 h 1291" name="T61"/>
                <a:gd fmla="*/ 0 60000 65536" name="T62"/>
                <a:gd fmla="*/ 0 60000 65536" name="T63"/>
                <a:gd fmla="*/ 0 60000 65536" name="T64"/>
                <a:gd fmla="*/ 0 60000 65536" name="T65"/>
                <a:gd fmla="*/ 0 60000 65536" name="T66"/>
                <a:gd fmla="*/ 0 60000 65536" name="T67"/>
                <a:gd fmla="*/ 0 60000 65536" name="T68"/>
                <a:gd fmla="*/ 0 60000 65536" name="T69"/>
                <a:gd fmla="*/ 0 60000 65536" name="T70"/>
                <a:gd fmla="*/ 0 60000 65536" name="T71"/>
                <a:gd fmla="*/ 0 60000 65536" name="T72"/>
                <a:gd fmla="*/ 0 60000 65536" name="T73"/>
                <a:gd fmla="*/ 0 60000 65536" name="T74"/>
                <a:gd fmla="*/ 0 60000 65536" name="T75"/>
                <a:gd fmla="*/ 0 60000 65536" name="T76"/>
                <a:gd fmla="*/ 0 60000 65536" name="T77"/>
                <a:gd fmla="*/ 0 60000 65536" name="T78"/>
                <a:gd fmla="*/ 0 60000 65536" name="T79"/>
                <a:gd fmla="*/ 0 60000 65536" name="T80"/>
                <a:gd fmla="*/ 0 60000 65536" name="T81"/>
                <a:gd fmla="*/ 0 60000 65536" name="T82"/>
                <a:gd fmla="*/ 0 60000 65536" name="T83"/>
                <a:gd fmla="*/ 0 60000 65536" name="T84"/>
                <a:gd fmla="*/ 0 60000 65536" name="T85"/>
                <a:gd fmla="*/ 0 60000 65536" name="T86"/>
                <a:gd fmla="*/ 0 60000 65536" name="T87"/>
                <a:gd fmla="*/ 0 60000 65536" name="T88"/>
                <a:gd fmla="*/ 0 60000 65536" name="T89"/>
                <a:gd fmla="*/ 0 60000 65536" name="T90"/>
                <a:gd fmla="*/ 0 60000 65536" name="T91"/>
                <a:gd fmla="*/ 0 60000 65536" name="T92"/>
                <a:gd fmla="*/ 0 w 1177" name="T93"/>
                <a:gd fmla="*/ 0 h 1291" name="T94"/>
                <a:gd fmla="*/ 1177 w 1177" name="T95"/>
                <a:gd fmla="*/ 1291 h 1291" name="T96"/>
              </a:gdLst>
              <a:cxnLst>
                <a:cxn ang="T62">
                  <a:pos x="T0" y="T1"/>
                </a:cxn>
                <a:cxn ang="T63">
                  <a:pos x="T2" y="T3"/>
                </a:cxn>
                <a:cxn ang="T64">
                  <a:pos x="T4" y="T5"/>
                </a:cxn>
                <a:cxn ang="T65">
                  <a:pos x="T6" y="T7"/>
                </a:cxn>
                <a:cxn ang="T66">
                  <a:pos x="T8" y="T9"/>
                </a:cxn>
                <a:cxn ang="T67">
                  <a:pos x="T10" y="T11"/>
                </a:cxn>
                <a:cxn ang="T68">
                  <a:pos x="T12" y="T13"/>
                </a:cxn>
                <a:cxn ang="T69">
                  <a:pos x="T14" y="T15"/>
                </a:cxn>
                <a:cxn ang="T70">
                  <a:pos x="T16" y="T17"/>
                </a:cxn>
                <a:cxn ang="T71">
                  <a:pos x="T18" y="T19"/>
                </a:cxn>
                <a:cxn ang="T72">
                  <a:pos x="T20" y="T21"/>
                </a:cxn>
                <a:cxn ang="T73">
                  <a:pos x="T22" y="T23"/>
                </a:cxn>
                <a:cxn ang="T74">
                  <a:pos x="T24" y="T25"/>
                </a:cxn>
                <a:cxn ang="T75">
                  <a:pos x="T26" y="T27"/>
                </a:cxn>
                <a:cxn ang="T76">
                  <a:pos x="T28" y="T29"/>
                </a:cxn>
                <a:cxn ang="T77">
                  <a:pos x="T30" y="T31"/>
                </a:cxn>
                <a:cxn ang="T78">
                  <a:pos x="T32" y="T33"/>
                </a:cxn>
                <a:cxn ang="T79">
                  <a:pos x="T34" y="T35"/>
                </a:cxn>
                <a:cxn ang="T80">
                  <a:pos x="T36" y="T37"/>
                </a:cxn>
                <a:cxn ang="T81">
                  <a:pos x="T38" y="T39"/>
                </a:cxn>
                <a:cxn ang="T82">
                  <a:pos x="T40" y="T41"/>
                </a:cxn>
                <a:cxn ang="T83">
                  <a:pos x="T42" y="T43"/>
                </a:cxn>
                <a:cxn ang="T84">
                  <a:pos x="T44" y="T45"/>
                </a:cxn>
                <a:cxn ang="T85">
                  <a:pos x="T46" y="T47"/>
                </a:cxn>
                <a:cxn ang="T86">
                  <a:pos x="T48" y="T49"/>
                </a:cxn>
                <a:cxn ang="T87">
                  <a:pos x="T50" y="T51"/>
                </a:cxn>
                <a:cxn ang="T88">
                  <a:pos x="T52" y="T53"/>
                </a:cxn>
                <a:cxn ang="T89">
                  <a:pos x="T54" y="T55"/>
                </a:cxn>
                <a:cxn ang="T90">
                  <a:pos x="T56" y="T57"/>
                </a:cxn>
                <a:cxn ang="T91">
                  <a:pos x="T58" y="T59"/>
                </a:cxn>
                <a:cxn ang="T92">
                  <a:pos x="T60" y="T61"/>
                </a:cxn>
              </a:cxnLst>
              <a:rect b="T96" l="T93" r="T95" t="T94"/>
              <a:pathLst>
                <a:path h="1291" w="1177">
                  <a:moveTo>
                    <a:pt x="1059" y="258"/>
                  </a:moveTo>
                  <a:cubicBezTo>
                    <a:pt x="1059" y="258"/>
                    <a:pt x="1085" y="292"/>
                    <a:pt x="1096" y="311"/>
                  </a:cubicBezTo>
                  <a:cubicBezTo>
                    <a:pt x="1107" y="330"/>
                    <a:pt x="1103" y="365"/>
                    <a:pt x="1118" y="379"/>
                  </a:cubicBezTo>
                  <a:cubicBezTo>
                    <a:pt x="1133" y="393"/>
                    <a:pt x="1116" y="420"/>
                    <a:pt x="1100" y="434"/>
                  </a:cubicBezTo>
                  <a:cubicBezTo>
                    <a:pt x="1084" y="447"/>
                    <a:pt x="1099" y="471"/>
                    <a:pt x="1071" y="481"/>
                  </a:cubicBezTo>
                  <a:cubicBezTo>
                    <a:pt x="1044" y="492"/>
                    <a:pt x="1045" y="492"/>
                    <a:pt x="1034" y="524"/>
                  </a:cubicBezTo>
                  <a:cubicBezTo>
                    <a:pt x="1023" y="555"/>
                    <a:pt x="1028" y="599"/>
                    <a:pt x="1034" y="621"/>
                  </a:cubicBezTo>
                  <a:cubicBezTo>
                    <a:pt x="1041" y="643"/>
                    <a:pt x="1049" y="656"/>
                    <a:pt x="1057" y="641"/>
                  </a:cubicBezTo>
                  <a:cubicBezTo>
                    <a:pt x="1066" y="626"/>
                    <a:pt x="1081" y="639"/>
                    <a:pt x="1076" y="658"/>
                  </a:cubicBezTo>
                  <a:cubicBezTo>
                    <a:pt x="1070" y="677"/>
                    <a:pt x="1071" y="690"/>
                    <a:pt x="1083" y="699"/>
                  </a:cubicBezTo>
                  <a:cubicBezTo>
                    <a:pt x="1095" y="708"/>
                    <a:pt x="1092" y="725"/>
                    <a:pt x="1084" y="736"/>
                  </a:cubicBezTo>
                  <a:cubicBezTo>
                    <a:pt x="1075" y="748"/>
                    <a:pt x="1077" y="772"/>
                    <a:pt x="1099" y="780"/>
                  </a:cubicBezTo>
                  <a:cubicBezTo>
                    <a:pt x="1122" y="788"/>
                    <a:pt x="1147" y="783"/>
                    <a:pt x="1135" y="811"/>
                  </a:cubicBezTo>
                  <a:cubicBezTo>
                    <a:pt x="1124" y="839"/>
                    <a:pt x="1112" y="887"/>
                    <a:pt x="1133" y="877"/>
                  </a:cubicBezTo>
                  <a:cubicBezTo>
                    <a:pt x="1154" y="867"/>
                    <a:pt x="1177" y="869"/>
                    <a:pt x="1163" y="881"/>
                  </a:cubicBezTo>
                  <a:cubicBezTo>
                    <a:pt x="1150" y="893"/>
                    <a:pt x="1135" y="906"/>
                    <a:pt x="1137" y="925"/>
                  </a:cubicBezTo>
                  <a:cubicBezTo>
                    <a:pt x="1139" y="943"/>
                    <a:pt x="1127" y="945"/>
                    <a:pt x="1127" y="968"/>
                  </a:cubicBezTo>
                  <a:cubicBezTo>
                    <a:pt x="1127" y="992"/>
                    <a:pt x="1133" y="991"/>
                    <a:pt x="1135" y="1015"/>
                  </a:cubicBezTo>
                  <a:cubicBezTo>
                    <a:pt x="1136" y="1039"/>
                    <a:pt x="1131" y="1075"/>
                    <a:pt x="1128" y="1089"/>
                  </a:cubicBezTo>
                  <a:cubicBezTo>
                    <a:pt x="1125" y="1104"/>
                    <a:pt x="1008" y="1195"/>
                    <a:pt x="1008" y="1195"/>
                  </a:cubicBezTo>
                  <a:cubicBezTo>
                    <a:pt x="629" y="1291"/>
                    <a:pt x="629" y="1291"/>
                    <a:pt x="629" y="1291"/>
                  </a:cubicBezTo>
                  <a:cubicBezTo>
                    <a:pt x="250" y="1059"/>
                    <a:pt x="250" y="1059"/>
                    <a:pt x="250" y="1059"/>
                  </a:cubicBezTo>
                  <a:cubicBezTo>
                    <a:pt x="68" y="885"/>
                    <a:pt x="68" y="885"/>
                    <a:pt x="68" y="885"/>
                  </a:cubicBezTo>
                  <a:cubicBezTo>
                    <a:pt x="0" y="565"/>
                    <a:pt x="0" y="565"/>
                    <a:pt x="0" y="565"/>
                  </a:cubicBezTo>
                  <a:cubicBezTo>
                    <a:pt x="105" y="279"/>
                    <a:pt x="105" y="279"/>
                    <a:pt x="105" y="279"/>
                  </a:cubicBezTo>
                  <a:cubicBezTo>
                    <a:pt x="197" y="108"/>
                    <a:pt x="197" y="108"/>
                    <a:pt x="197" y="108"/>
                  </a:cubicBezTo>
                  <a:cubicBezTo>
                    <a:pt x="525" y="0"/>
                    <a:pt x="525" y="0"/>
                    <a:pt x="525" y="0"/>
                  </a:cubicBezTo>
                  <a:cubicBezTo>
                    <a:pt x="793" y="0"/>
                    <a:pt x="793" y="0"/>
                    <a:pt x="793" y="0"/>
                  </a:cubicBezTo>
                  <a:cubicBezTo>
                    <a:pt x="1015" y="78"/>
                    <a:pt x="1015" y="78"/>
                    <a:pt x="1015" y="78"/>
                  </a:cubicBezTo>
                  <a:cubicBezTo>
                    <a:pt x="1074" y="201"/>
                    <a:pt x="1074" y="201"/>
                    <a:pt x="1074" y="201"/>
                  </a:cubicBezTo>
                  <a:lnTo>
                    <a:pt x="1059" y="258"/>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9" name="Freeform 8"/>
            <p:cNvSpPr>
              <a:spLocks noChangeArrowheads="1"/>
            </p:cNvSpPr>
            <p:nvPr/>
          </p:nvSpPr>
          <p:spPr bwMode="auto">
            <a:xfrm>
              <a:off x="3117566" y="4122134"/>
              <a:ext cx="653041" cy="535566"/>
            </a:xfrm>
            <a:custGeom>
              <a:gdLst>
                <a:gd fmla="*/ 32 w 1465" name="T0"/>
                <a:gd fmla="*/ 971 h 1202" name="T1"/>
                <a:gd fmla="*/ 5 w 1465" name="T2"/>
                <a:gd fmla="*/ 1045 h 1202" name="T3"/>
                <a:gd fmla="*/ 49 w 1465" name="T4"/>
                <a:gd fmla="*/ 1149 h 1202" name="T5"/>
                <a:gd fmla="*/ 165 w 1465" name="T6"/>
                <a:gd fmla="*/ 1188 h 1202" name="T7"/>
                <a:gd fmla="*/ 144 w 1465" name="T8"/>
                <a:gd fmla="*/ 1095 h 1202" name="T9"/>
                <a:gd fmla="*/ 130 w 1465" name="T10"/>
                <a:gd fmla="*/ 1040 h 1202" name="T11"/>
                <a:gd fmla="*/ 188 w 1465" name="T12"/>
                <a:gd fmla="*/ 1017 h 1202" name="T13"/>
                <a:gd fmla="*/ 294 w 1465" name="T14"/>
                <a:gd fmla="*/ 946 h 1202" name="T15"/>
                <a:gd fmla="*/ 417 w 1465" name="T16"/>
                <a:gd fmla="*/ 897 h 1202" name="T17"/>
                <a:gd fmla="*/ 504 w 1465" name="T18"/>
                <a:gd fmla="*/ 845 h 1202" name="T19"/>
                <a:gd fmla="*/ 572 w 1465" name="T20"/>
                <a:gd fmla="*/ 819 h 1202" name="T21"/>
                <a:gd fmla="*/ 602 w 1465" name="T22"/>
                <a:gd fmla="*/ 816 h 1202" name="T23"/>
                <a:gd fmla="*/ 669 w 1465" name="T24"/>
                <a:gd fmla="*/ 817 h 1202" name="T25"/>
                <a:gd fmla="*/ 683 w 1465" name="T26"/>
                <a:gd fmla="*/ 740 h 1202" name="T27"/>
                <a:gd fmla="*/ 743 w 1465" name="T28"/>
                <a:gd fmla="*/ 729 h 1202" name="T29"/>
                <a:gd fmla="*/ 788 w 1465" name="T30"/>
                <a:gd fmla="*/ 718 h 1202" name="T31"/>
                <a:gd fmla="*/ 773 w 1465" name="T32"/>
                <a:gd fmla="*/ 625 h 1202" name="T33"/>
                <a:gd fmla="*/ 837 w 1465" name="T34"/>
                <a:gd fmla="*/ 652 h 1202" name="T35"/>
                <a:gd fmla="*/ 839 w 1465" name="T36"/>
                <a:gd fmla="*/ 742 h 1202" name="T37"/>
                <a:gd fmla="*/ 934 w 1465" name="T38"/>
                <a:gd fmla="*/ 729 h 1202" name="T39"/>
                <a:gd fmla="*/ 944 w 1465" name="T40"/>
                <a:gd fmla="*/ 636 h 1202" name="T41"/>
                <a:gd fmla="*/ 1043 w 1465" name="T42"/>
                <a:gd fmla="*/ 617 h 1202" name="T43"/>
                <a:gd fmla="*/ 1129 w 1465" name="T44"/>
                <a:gd fmla="*/ 581 h 1202" name="T45"/>
                <a:gd fmla="*/ 1174 w 1465" name="T46"/>
                <a:gd fmla="*/ 557 h 1202" name="T47"/>
                <a:gd fmla="*/ 1227 w 1465" name="T48"/>
                <a:gd fmla="*/ 564 h 1202" name="T49"/>
                <a:gd fmla="*/ 1326 w 1465" name="T50"/>
                <a:gd fmla="*/ 517 h 1202" name="T51"/>
                <a:gd fmla="*/ 1377 w 1465" name="T52"/>
                <a:gd fmla="*/ 446 h 1202" name="T53"/>
                <a:gd fmla="*/ 1405 w 1465" name="T54"/>
                <a:gd fmla="*/ 395 h 1202" name="T55"/>
                <a:gd fmla="*/ 1458 w 1465" name="T56"/>
                <a:gd fmla="*/ 373 h 1202" name="T57"/>
                <a:gd fmla="*/ 1430 w 1465" name="T58"/>
                <a:gd fmla="*/ 277 h 1202" name="T59"/>
                <a:gd fmla="*/ 1374 w 1465" name="T60"/>
                <a:gd fmla="*/ 142 h 1202" name="T61"/>
                <a:gd fmla="*/ 1305 w 1465" name="T62"/>
                <a:gd fmla="*/ 127 h 1202" name="T63"/>
                <a:gd fmla="*/ 1176 w 1465" name="T64"/>
                <a:gd fmla="*/ 81 h 1202" name="T65"/>
                <a:gd fmla="*/ 1167 w 1465" name="T66"/>
                <a:gd fmla="*/ 146 h 1202" name="T67"/>
                <a:gd fmla="*/ 1123 w 1465" name="T68"/>
                <a:gd fmla="*/ 144 h 1202" name="T69"/>
                <a:gd fmla="*/ 1000 w 1465" name="T70"/>
                <a:gd fmla="*/ 168 h 1202" name="T71"/>
                <a:gd fmla="*/ 922 w 1465" name="T72"/>
                <a:gd fmla="*/ 201 h 1202" name="T73"/>
                <a:gd fmla="*/ 891 w 1465" name="T74"/>
                <a:gd fmla="*/ 114 h 1202" name="T75"/>
                <a:gd fmla="*/ 938 w 1465" name="T76"/>
                <a:gd fmla="*/ 45 h 1202" name="T77"/>
                <a:gd fmla="*/ 810 w 1465" name="T78"/>
                <a:gd fmla="*/ 43 h 1202" name="T79"/>
                <a:gd fmla="*/ 684 w 1465" name="T80"/>
                <a:gd fmla="*/ 36 h 1202" name="T81"/>
                <a:gd fmla="*/ 600 w 1465" name="T82"/>
                <a:gd fmla="*/ 93 h 1202" name="T83"/>
                <a:gd fmla="*/ 544 w 1465" name="T84"/>
                <a:gd fmla="*/ 110 h 1202" name="T85"/>
                <a:gd fmla="*/ 447 w 1465" name="T86"/>
                <a:gd fmla="*/ 143 h 1202" name="T87"/>
                <a:gd fmla="*/ 396 w 1465" name="T88"/>
                <a:gd fmla="*/ 216 h 1202" name="T89"/>
                <a:gd fmla="*/ 55 w 1465" name="T90"/>
                <a:gd fmla="*/ 769 h 1202" name="T91"/>
                <a:gd fmla="*/ 8 w 1465" name="T92"/>
                <a:gd fmla="*/ 935 h 1202" name="T93"/>
                <a:gd fmla="*/ 0 60000 65536" name="T94"/>
                <a:gd fmla="*/ 0 60000 65536" name="T95"/>
                <a:gd fmla="*/ 0 60000 65536" name="T96"/>
                <a:gd fmla="*/ 0 60000 65536"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w 1465" name="T141"/>
                <a:gd fmla="*/ 0 h 1202" name="T142"/>
                <a:gd fmla="*/ 1465 w 1465" name="T143"/>
                <a:gd fmla="*/ 1202 h 1202" name="T144"/>
              </a:gdLst>
              <a:cxnLst>
                <a:cxn ang="T94">
                  <a:pos x="T0" y="T1"/>
                </a:cxn>
                <a:cxn ang="T95">
                  <a:pos x="T2" y="T3"/>
                </a:cxn>
                <a:cxn ang="T96">
                  <a:pos x="T4" y="T5"/>
                </a:cxn>
                <a:cxn ang="T97">
                  <a:pos x="T6" y="T7"/>
                </a:cxn>
                <a:cxn ang="T98">
                  <a:pos x="T8" y="T9"/>
                </a:cxn>
                <a:cxn ang="T99">
                  <a:pos x="T10" y="T11"/>
                </a:cxn>
                <a:cxn ang="T100">
                  <a:pos x="T12" y="T13"/>
                </a:cxn>
                <a:cxn ang="T101">
                  <a:pos x="T14" y="T15"/>
                </a:cxn>
                <a:cxn ang="T102">
                  <a:pos x="T16" y="T17"/>
                </a:cxn>
                <a:cxn ang="T103">
                  <a:pos x="T18" y="T19"/>
                </a:cxn>
                <a:cxn ang="T104">
                  <a:pos x="T20" y="T21"/>
                </a:cxn>
                <a:cxn ang="T105">
                  <a:pos x="T22" y="T23"/>
                </a:cxn>
                <a:cxn ang="T106">
                  <a:pos x="T24" y="T25"/>
                </a:cxn>
                <a:cxn ang="T107">
                  <a:pos x="T26" y="T27"/>
                </a:cxn>
                <a:cxn ang="T108">
                  <a:pos x="T28" y="T29"/>
                </a:cxn>
                <a:cxn ang="T109">
                  <a:pos x="T30" y="T31"/>
                </a:cxn>
                <a:cxn ang="T110">
                  <a:pos x="T32" y="T33"/>
                </a:cxn>
                <a:cxn ang="T111">
                  <a:pos x="T34" y="T35"/>
                </a:cxn>
                <a:cxn ang="T112">
                  <a:pos x="T36" y="T37"/>
                </a:cxn>
                <a:cxn ang="T113">
                  <a:pos x="T38" y="T39"/>
                </a:cxn>
                <a:cxn ang="T114">
                  <a:pos x="T40" y="T41"/>
                </a:cxn>
                <a:cxn ang="T115">
                  <a:pos x="T42" y="T43"/>
                </a:cxn>
                <a:cxn ang="T116">
                  <a:pos x="T44" y="T45"/>
                </a:cxn>
                <a:cxn ang="T117">
                  <a:pos x="T46" y="T47"/>
                </a:cxn>
                <a:cxn ang="T118">
                  <a:pos x="T48" y="T49"/>
                </a:cxn>
                <a:cxn ang="T119">
                  <a:pos x="T50" y="T51"/>
                </a:cxn>
                <a:cxn ang="T120">
                  <a:pos x="T52" y="T53"/>
                </a:cxn>
                <a:cxn ang="T121">
                  <a:pos x="T54" y="T55"/>
                </a:cxn>
                <a:cxn ang="T122">
                  <a:pos x="T56" y="T57"/>
                </a:cxn>
                <a:cxn ang="T123">
                  <a:pos x="T58" y="T59"/>
                </a:cxn>
                <a:cxn ang="T124">
                  <a:pos x="T60" y="T61"/>
                </a:cxn>
                <a:cxn ang="T125">
                  <a:pos x="T62" y="T63"/>
                </a:cxn>
                <a:cxn ang="T126">
                  <a:pos x="T64" y="T65"/>
                </a:cxn>
                <a:cxn ang="T127">
                  <a:pos x="T66" y="T67"/>
                </a:cxn>
                <a:cxn ang="T128">
                  <a:pos x="T68" y="T69"/>
                </a:cxn>
                <a:cxn ang="T129">
                  <a:pos x="T70" y="T71"/>
                </a:cxn>
                <a:cxn ang="T130">
                  <a:pos x="T72" y="T73"/>
                </a:cxn>
                <a:cxn ang="T131">
                  <a:pos x="T74" y="T75"/>
                </a:cxn>
                <a:cxn ang="T132">
                  <a:pos x="T76" y="T77"/>
                </a:cxn>
                <a:cxn ang="T133">
                  <a:pos x="T78" y="T79"/>
                </a:cxn>
                <a:cxn ang="T134">
                  <a:pos x="T80" y="T81"/>
                </a:cxn>
                <a:cxn ang="T135">
                  <a:pos x="T82" y="T83"/>
                </a:cxn>
                <a:cxn ang="T136">
                  <a:pos x="T84" y="T85"/>
                </a:cxn>
                <a:cxn ang="T137">
                  <a:pos x="T86" y="T87"/>
                </a:cxn>
                <a:cxn ang="T138">
                  <a:pos x="T88" y="T89"/>
                </a:cxn>
                <a:cxn ang="T139">
                  <a:pos x="T90" y="T91"/>
                </a:cxn>
                <a:cxn ang="T140">
                  <a:pos x="T92" y="T93"/>
                </a:cxn>
              </a:cxnLst>
              <a:rect b="T144" l="T141" r="T143" t="T142"/>
              <a:pathLst>
                <a:path h="1202" w="1465">
                  <a:moveTo>
                    <a:pt x="15" y="940"/>
                  </a:moveTo>
                  <a:cubicBezTo>
                    <a:pt x="36" y="957"/>
                    <a:pt x="55" y="956"/>
                    <a:pt x="32" y="971"/>
                  </a:cubicBezTo>
                  <a:cubicBezTo>
                    <a:pt x="10" y="986"/>
                    <a:pt x="16" y="1000"/>
                    <a:pt x="15" y="1013"/>
                  </a:cubicBezTo>
                  <a:cubicBezTo>
                    <a:pt x="14" y="1026"/>
                    <a:pt x="0" y="1013"/>
                    <a:pt x="5" y="1045"/>
                  </a:cubicBezTo>
                  <a:cubicBezTo>
                    <a:pt x="10" y="1077"/>
                    <a:pt x="22" y="1073"/>
                    <a:pt x="28" y="1093"/>
                  </a:cubicBezTo>
                  <a:cubicBezTo>
                    <a:pt x="34" y="1114"/>
                    <a:pt x="38" y="1129"/>
                    <a:pt x="49" y="1149"/>
                  </a:cubicBezTo>
                  <a:cubicBezTo>
                    <a:pt x="60" y="1168"/>
                    <a:pt x="64" y="1181"/>
                    <a:pt x="84" y="1192"/>
                  </a:cubicBezTo>
                  <a:cubicBezTo>
                    <a:pt x="105" y="1202"/>
                    <a:pt x="156" y="1198"/>
                    <a:pt x="165" y="1188"/>
                  </a:cubicBezTo>
                  <a:cubicBezTo>
                    <a:pt x="174" y="1178"/>
                    <a:pt x="191" y="1128"/>
                    <a:pt x="177" y="1118"/>
                  </a:cubicBezTo>
                  <a:cubicBezTo>
                    <a:pt x="163" y="1109"/>
                    <a:pt x="147" y="1111"/>
                    <a:pt x="144" y="1095"/>
                  </a:cubicBezTo>
                  <a:cubicBezTo>
                    <a:pt x="141" y="1078"/>
                    <a:pt x="139" y="1075"/>
                    <a:pt x="128" y="1068"/>
                  </a:cubicBezTo>
                  <a:cubicBezTo>
                    <a:pt x="118" y="1061"/>
                    <a:pt x="118" y="1055"/>
                    <a:pt x="130" y="1040"/>
                  </a:cubicBezTo>
                  <a:cubicBezTo>
                    <a:pt x="143" y="1025"/>
                    <a:pt x="135" y="1032"/>
                    <a:pt x="158" y="1040"/>
                  </a:cubicBezTo>
                  <a:cubicBezTo>
                    <a:pt x="182" y="1047"/>
                    <a:pt x="181" y="1041"/>
                    <a:pt x="188" y="1017"/>
                  </a:cubicBezTo>
                  <a:cubicBezTo>
                    <a:pt x="195" y="994"/>
                    <a:pt x="210" y="984"/>
                    <a:pt x="224" y="972"/>
                  </a:cubicBezTo>
                  <a:cubicBezTo>
                    <a:pt x="238" y="959"/>
                    <a:pt x="268" y="951"/>
                    <a:pt x="294" y="946"/>
                  </a:cubicBezTo>
                  <a:cubicBezTo>
                    <a:pt x="320" y="942"/>
                    <a:pt x="371" y="938"/>
                    <a:pt x="376" y="918"/>
                  </a:cubicBezTo>
                  <a:cubicBezTo>
                    <a:pt x="380" y="899"/>
                    <a:pt x="390" y="901"/>
                    <a:pt x="417" y="897"/>
                  </a:cubicBezTo>
                  <a:cubicBezTo>
                    <a:pt x="443" y="893"/>
                    <a:pt x="460" y="880"/>
                    <a:pt x="456" y="868"/>
                  </a:cubicBezTo>
                  <a:cubicBezTo>
                    <a:pt x="453" y="855"/>
                    <a:pt x="481" y="838"/>
                    <a:pt x="504" y="845"/>
                  </a:cubicBezTo>
                  <a:cubicBezTo>
                    <a:pt x="527" y="853"/>
                    <a:pt x="545" y="858"/>
                    <a:pt x="557" y="849"/>
                  </a:cubicBezTo>
                  <a:cubicBezTo>
                    <a:pt x="570" y="840"/>
                    <a:pt x="577" y="830"/>
                    <a:pt x="572" y="819"/>
                  </a:cubicBezTo>
                  <a:cubicBezTo>
                    <a:pt x="566" y="808"/>
                    <a:pt x="565" y="804"/>
                    <a:pt x="581" y="817"/>
                  </a:cubicBezTo>
                  <a:cubicBezTo>
                    <a:pt x="598" y="831"/>
                    <a:pt x="594" y="823"/>
                    <a:pt x="602" y="816"/>
                  </a:cubicBezTo>
                  <a:cubicBezTo>
                    <a:pt x="609" y="808"/>
                    <a:pt x="642" y="802"/>
                    <a:pt x="646" y="812"/>
                  </a:cubicBezTo>
                  <a:cubicBezTo>
                    <a:pt x="649" y="821"/>
                    <a:pt x="661" y="825"/>
                    <a:pt x="669" y="817"/>
                  </a:cubicBezTo>
                  <a:cubicBezTo>
                    <a:pt x="677" y="808"/>
                    <a:pt x="681" y="804"/>
                    <a:pt x="683" y="786"/>
                  </a:cubicBezTo>
                  <a:cubicBezTo>
                    <a:pt x="685" y="767"/>
                    <a:pt x="679" y="758"/>
                    <a:pt x="683" y="740"/>
                  </a:cubicBezTo>
                  <a:cubicBezTo>
                    <a:pt x="687" y="722"/>
                    <a:pt x="693" y="685"/>
                    <a:pt x="703" y="695"/>
                  </a:cubicBezTo>
                  <a:cubicBezTo>
                    <a:pt x="712" y="705"/>
                    <a:pt x="727" y="712"/>
                    <a:pt x="743" y="729"/>
                  </a:cubicBezTo>
                  <a:cubicBezTo>
                    <a:pt x="760" y="746"/>
                    <a:pt x="764" y="771"/>
                    <a:pt x="773" y="763"/>
                  </a:cubicBezTo>
                  <a:cubicBezTo>
                    <a:pt x="783" y="754"/>
                    <a:pt x="790" y="732"/>
                    <a:pt x="788" y="718"/>
                  </a:cubicBezTo>
                  <a:cubicBezTo>
                    <a:pt x="786" y="705"/>
                    <a:pt x="790" y="679"/>
                    <a:pt x="788" y="661"/>
                  </a:cubicBezTo>
                  <a:cubicBezTo>
                    <a:pt x="786" y="644"/>
                    <a:pt x="781" y="640"/>
                    <a:pt x="773" y="625"/>
                  </a:cubicBezTo>
                  <a:cubicBezTo>
                    <a:pt x="764" y="609"/>
                    <a:pt x="757" y="597"/>
                    <a:pt x="781" y="610"/>
                  </a:cubicBezTo>
                  <a:cubicBezTo>
                    <a:pt x="806" y="624"/>
                    <a:pt x="831" y="633"/>
                    <a:pt x="837" y="652"/>
                  </a:cubicBezTo>
                  <a:cubicBezTo>
                    <a:pt x="843" y="671"/>
                    <a:pt x="860" y="676"/>
                    <a:pt x="843" y="701"/>
                  </a:cubicBezTo>
                  <a:cubicBezTo>
                    <a:pt x="826" y="726"/>
                    <a:pt x="820" y="750"/>
                    <a:pt x="839" y="742"/>
                  </a:cubicBezTo>
                  <a:cubicBezTo>
                    <a:pt x="858" y="734"/>
                    <a:pt x="868" y="727"/>
                    <a:pt x="878" y="735"/>
                  </a:cubicBezTo>
                  <a:cubicBezTo>
                    <a:pt x="889" y="742"/>
                    <a:pt x="930" y="747"/>
                    <a:pt x="934" y="729"/>
                  </a:cubicBezTo>
                  <a:cubicBezTo>
                    <a:pt x="938" y="711"/>
                    <a:pt x="952" y="679"/>
                    <a:pt x="938" y="663"/>
                  </a:cubicBezTo>
                  <a:cubicBezTo>
                    <a:pt x="924" y="647"/>
                    <a:pt x="936" y="627"/>
                    <a:pt x="944" y="636"/>
                  </a:cubicBezTo>
                  <a:cubicBezTo>
                    <a:pt x="952" y="645"/>
                    <a:pt x="977" y="680"/>
                    <a:pt x="1003" y="657"/>
                  </a:cubicBezTo>
                  <a:cubicBezTo>
                    <a:pt x="1030" y="633"/>
                    <a:pt x="1036" y="632"/>
                    <a:pt x="1043" y="617"/>
                  </a:cubicBezTo>
                  <a:cubicBezTo>
                    <a:pt x="1050" y="602"/>
                    <a:pt x="1053" y="588"/>
                    <a:pt x="1085" y="584"/>
                  </a:cubicBezTo>
                  <a:cubicBezTo>
                    <a:pt x="1118" y="579"/>
                    <a:pt x="1116" y="570"/>
                    <a:pt x="1129" y="581"/>
                  </a:cubicBezTo>
                  <a:cubicBezTo>
                    <a:pt x="1141" y="592"/>
                    <a:pt x="1160" y="598"/>
                    <a:pt x="1167" y="587"/>
                  </a:cubicBezTo>
                  <a:cubicBezTo>
                    <a:pt x="1175" y="576"/>
                    <a:pt x="1179" y="573"/>
                    <a:pt x="1174" y="557"/>
                  </a:cubicBezTo>
                  <a:cubicBezTo>
                    <a:pt x="1168" y="541"/>
                    <a:pt x="1182" y="534"/>
                    <a:pt x="1189" y="541"/>
                  </a:cubicBezTo>
                  <a:cubicBezTo>
                    <a:pt x="1197" y="548"/>
                    <a:pt x="1206" y="571"/>
                    <a:pt x="1227" y="564"/>
                  </a:cubicBezTo>
                  <a:cubicBezTo>
                    <a:pt x="1247" y="558"/>
                    <a:pt x="1269" y="543"/>
                    <a:pt x="1284" y="532"/>
                  </a:cubicBezTo>
                  <a:cubicBezTo>
                    <a:pt x="1299" y="521"/>
                    <a:pt x="1308" y="519"/>
                    <a:pt x="1326" y="517"/>
                  </a:cubicBezTo>
                  <a:cubicBezTo>
                    <a:pt x="1344" y="514"/>
                    <a:pt x="1366" y="502"/>
                    <a:pt x="1359" y="487"/>
                  </a:cubicBezTo>
                  <a:cubicBezTo>
                    <a:pt x="1353" y="473"/>
                    <a:pt x="1362" y="446"/>
                    <a:pt x="1377" y="446"/>
                  </a:cubicBezTo>
                  <a:cubicBezTo>
                    <a:pt x="1392" y="445"/>
                    <a:pt x="1394" y="439"/>
                    <a:pt x="1389" y="423"/>
                  </a:cubicBezTo>
                  <a:cubicBezTo>
                    <a:pt x="1383" y="407"/>
                    <a:pt x="1396" y="402"/>
                    <a:pt x="1405" y="395"/>
                  </a:cubicBezTo>
                  <a:cubicBezTo>
                    <a:pt x="1414" y="388"/>
                    <a:pt x="1420" y="392"/>
                    <a:pt x="1437" y="392"/>
                  </a:cubicBezTo>
                  <a:cubicBezTo>
                    <a:pt x="1453" y="393"/>
                    <a:pt x="1465" y="394"/>
                    <a:pt x="1458" y="373"/>
                  </a:cubicBezTo>
                  <a:cubicBezTo>
                    <a:pt x="1454" y="362"/>
                    <a:pt x="1455" y="356"/>
                    <a:pt x="1461" y="353"/>
                  </a:cubicBezTo>
                  <a:cubicBezTo>
                    <a:pt x="1461" y="353"/>
                    <a:pt x="1437" y="291"/>
                    <a:pt x="1430" y="277"/>
                  </a:cubicBezTo>
                  <a:cubicBezTo>
                    <a:pt x="1423" y="263"/>
                    <a:pt x="1413" y="229"/>
                    <a:pt x="1407" y="206"/>
                  </a:cubicBezTo>
                  <a:cubicBezTo>
                    <a:pt x="1401" y="184"/>
                    <a:pt x="1368" y="155"/>
                    <a:pt x="1374" y="142"/>
                  </a:cubicBezTo>
                  <a:cubicBezTo>
                    <a:pt x="1379" y="130"/>
                    <a:pt x="1372" y="100"/>
                    <a:pt x="1349" y="117"/>
                  </a:cubicBezTo>
                  <a:cubicBezTo>
                    <a:pt x="1326" y="134"/>
                    <a:pt x="1318" y="150"/>
                    <a:pt x="1305" y="127"/>
                  </a:cubicBezTo>
                  <a:cubicBezTo>
                    <a:pt x="1293" y="104"/>
                    <a:pt x="1273" y="103"/>
                    <a:pt x="1247" y="101"/>
                  </a:cubicBezTo>
                  <a:cubicBezTo>
                    <a:pt x="1221" y="99"/>
                    <a:pt x="1177" y="63"/>
                    <a:pt x="1176" y="81"/>
                  </a:cubicBezTo>
                  <a:cubicBezTo>
                    <a:pt x="1174" y="99"/>
                    <a:pt x="1186" y="104"/>
                    <a:pt x="1170" y="111"/>
                  </a:cubicBezTo>
                  <a:cubicBezTo>
                    <a:pt x="1153" y="118"/>
                    <a:pt x="1156" y="124"/>
                    <a:pt x="1167" y="146"/>
                  </a:cubicBezTo>
                  <a:cubicBezTo>
                    <a:pt x="1178" y="169"/>
                    <a:pt x="1180" y="174"/>
                    <a:pt x="1165" y="180"/>
                  </a:cubicBezTo>
                  <a:cubicBezTo>
                    <a:pt x="1149" y="186"/>
                    <a:pt x="1133" y="165"/>
                    <a:pt x="1123" y="144"/>
                  </a:cubicBezTo>
                  <a:cubicBezTo>
                    <a:pt x="1113" y="124"/>
                    <a:pt x="1100" y="126"/>
                    <a:pt x="1077" y="140"/>
                  </a:cubicBezTo>
                  <a:cubicBezTo>
                    <a:pt x="1055" y="153"/>
                    <a:pt x="1004" y="153"/>
                    <a:pt x="1000" y="168"/>
                  </a:cubicBezTo>
                  <a:cubicBezTo>
                    <a:pt x="996" y="183"/>
                    <a:pt x="978" y="186"/>
                    <a:pt x="966" y="185"/>
                  </a:cubicBezTo>
                  <a:cubicBezTo>
                    <a:pt x="954" y="185"/>
                    <a:pt x="940" y="193"/>
                    <a:pt x="922" y="201"/>
                  </a:cubicBezTo>
                  <a:cubicBezTo>
                    <a:pt x="904" y="209"/>
                    <a:pt x="889" y="198"/>
                    <a:pt x="884" y="177"/>
                  </a:cubicBezTo>
                  <a:cubicBezTo>
                    <a:pt x="879" y="157"/>
                    <a:pt x="878" y="128"/>
                    <a:pt x="891" y="114"/>
                  </a:cubicBezTo>
                  <a:cubicBezTo>
                    <a:pt x="905" y="99"/>
                    <a:pt x="918" y="80"/>
                    <a:pt x="928" y="76"/>
                  </a:cubicBezTo>
                  <a:cubicBezTo>
                    <a:pt x="939" y="72"/>
                    <a:pt x="950" y="66"/>
                    <a:pt x="938" y="45"/>
                  </a:cubicBezTo>
                  <a:cubicBezTo>
                    <a:pt x="926" y="25"/>
                    <a:pt x="909" y="7"/>
                    <a:pt x="879" y="24"/>
                  </a:cubicBezTo>
                  <a:cubicBezTo>
                    <a:pt x="850" y="41"/>
                    <a:pt x="821" y="58"/>
                    <a:pt x="810" y="43"/>
                  </a:cubicBezTo>
                  <a:cubicBezTo>
                    <a:pt x="799" y="28"/>
                    <a:pt x="793" y="21"/>
                    <a:pt x="774" y="32"/>
                  </a:cubicBezTo>
                  <a:cubicBezTo>
                    <a:pt x="755" y="43"/>
                    <a:pt x="694" y="57"/>
                    <a:pt x="684" y="36"/>
                  </a:cubicBezTo>
                  <a:cubicBezTo>
                    <a:pt x="675" y="16"/>
                    <a:pt x="655" y="0"/>
                    <a:pt x="628" y="27"/>
                  </a:cubicBezTo>
                  <a:cubicBezTo>
                    <a:pt x="600" y="53"/>
                    <a:pt x="589" y="60"/>
                    <a:pt x="600" y="93"/>
                  </a:cubicBezTo>
                  <a:cubicBezTo>
                    <a:pt x="611" y="126"/>
                    <a:pt x="618" y="131"/>
                    <a:pt x="597" y="135"/>
                  </a:cubicBezTo>
                  <a:cubicBezTo>
                    <a:pt x="577" y="140"/>
                    <a:pt x="566" y="116"/>
                    <a:pt x="544" y="110"/>
                  </a:cubicBezTo>
                  <a:cubicBezTo>
                    <a:pt x="523" y="104"/>
                    <a:pt x="482" y="98"/>
                    <a:pt x="467" y="109"/>
                  </a:cubicBezTo>
                  <a:cubicBezTo>
                    <a:pt x="452" y="120"/>
                    <a:pt x="441" y="120"/>
                    <a:pt x="447" y="143"/>
                  </a:cubicBezTo>
                  <a:cubicBezTo>
                    <a:pt x="453" y="166"/>
                    <a:pt x="461" y="177"/>
                    <a:pt x="448" y="184"/>
                  </a:cubicBezTo>
                  <a:cubicBezTo>
                    <a:pt x="435" y="191"/>
                    <a:pt x="401" y="202"/>
                    <a:pt x="396" y="216"/>
                  </a:cubicBezTo>
                  <a:cubicBezTo>
                    <a:pt x="390" y="230"/>
                    <a:pt x="276" y="394"/>
                    <a:pt x="276" y="394"/>
                  </a:cubicBezTo>
                  <a:cubicBezTo>
                    <a:pt x="55" y="769"/>
                    <a:pt x="55" y="769"/>
                    <a:pt x="55" y="769"/>
                  </a:cubicBezTo>
                  <a:cubicBezTo>
                    <a:pt x="4" y="910"/>
                    <a:pt x="4" y="910"/>
                    <a:pt x="4" y="910"/>
                  </a:cubicBezTo>
                  <a:cubicBezTo>
                    <a:pt x="8" y="935"/>
                    <a:pt x="8" y="935"/>
                    <a:pt x="8" y="935"/>
                  </a:cubicBezTo>
                  <a:lnTo>
                    <a:pt x="15" y="940"/>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0" name="Freeform 9"/>
            <p:cNvSpPr>
              <a:spLocks noChangeArrowheads="1"/>
            </p:cNvSpPr>
            <p:nvPr/>
          </p:nvSpPr>
          <p:spPr bwMode="auto">
            <a:xfrm>
              <a:off x="2622417" y="4057714"/>
              <a:ext cx="694724" cy="492620"/>
            </a:xfrm>
            <a:custGeom>
              <a:gdLst>
                <a:gd fmla="*/ 300 w 1560" name="T0"/>
                <a:gd fmla="*/ 773 h 1107" name="T1"/>
                <a:gd fmla="*/ 404 w 1560" name="T2"/>
                <a:gd fmla="*/ 801 h 1107" name="T3"/>
                <a:gd fmla="*/ 501 w 1560" name="T4"/>
                <a:gd fmla="*/ 820 h 1107" name="T5"/>
                <a:gd fmla="*/ 490 w 1560" name="T6"/>
                <a:gd fmla="*/ 909 h 1107" name="T7"/>
                <a:gd fmla="*/ 533 w 1560" name="T8"/>
                <a:gd fmla="*/ 1010 h 1107" name="T9"/>
                <a:gd fmla="*/ 690 w 1560" name="T10"/>
                <a:gd fmla="*/ 1070 h 1107" name="T11"/>
                <a:gd fmla="*/ 820 w 1560" name="T12"/>
                <a:gd fmla="*/ 1077 h 1107" name="T13"/>
                <a:gd fmla="*/ 875 w 1560" name="T14"/>
                <a:gd fmla="*/ 1062 h 1107" name="T15"/>
                <a:gd fmla="*/ 949 w 1560" name="T16"/>
                <a:gd fmla="*/ 1075 h 1107" name="T17"/>
                <a:gd fmla="*/ 1075 w 1560" name="T18"/>
                <a:gd fmla="*/ 1088 h 1107" name="T19"/>
                <a:gd fmla="*/ 1162 w 1560" name="T20"/>
                <a:gd fmla="*/ 1035 h 1107" name="T21"/>
                <a:gd fmla="*/ 1243 w 1560" name="T22"/>
                <a:gd fmla="*/ 955 h 1107" name="T23"/>
                <a:gd fmla="*/ 1313 w 1560" name="T24"/>
                <a:gd fmla="*/ 894 h 1107" name="T25"/>
                <a:gd fmla="*/ 1387 w 1560" name="T26"/>
                <a:gd fmla="*/ 788 h 1107" name="T27"/>
                <a:gd fmla="*/ 1430 w 1560" name="T28"/>
                <a:gd fmla="*/ 647 h 1107" name="T29"/>
                <a:gd fmla="*/ 1492 w 1560" name="T30"/>
                <a:gd fmla="*/ 546 h 1107" name="T31"/>
                <a:gd fmla="*/ 1533 w 1560" name="T32"/>
                <a:gd fmla="*/ 449 h 1107" name="T33"/>
                <a:gd fmla="*/ 1530 w 1560" name="T34"/>
                <a:gd fmla="*/ 346 h 1107" name="T35"/>
                <a:gd fmla="*/ 1434 w 1560" name="T36"/>
                <a:gd fmla="*/ 368 h 1107" name="T37"/>
                <a:gd fmla="*/ 1386 w 1560" name="T38"/>
                <a:gd fmla="*/ 270 h 1107" name="T39"/>
                <a:gd fmla="*/ 1334 w 1560" name="T40"/>
                <a:gd fmla="*/ 268 h 1107" name="T41"/>
                <a:gd fmla="*/ 1387 w 1560" name="T42"/>
                <a:gd fmla="*/ 155 h 1107" name="T43"/>
                <a:gd fmla="*/ 1383 w 1560" name="T44"/>
                <a:gd fmla="*/ 99 h 1107" name="T45"/>
                <a:gd fmla="*/ 1350 w 1560" name="T46"/>
                <a:gd fmla="*/ 32 h 1107" name="T47"/>
                <a:gd fmla="*/ 1274 w 1560" name="T48"/>
                <a:gd fmla="*/ 24 h 1107" name="T49"/>
                <a:gd fmla="*/ 1170 w 1560" name="T50"/>
                <a:gd fmla="*/ 86 h 1107" name="T51"/>
                <a:gd fmla="*/ 1103 w 1560" name="T52"/>
                <a:gd fmla="*/ 56 h 1107" name="T53"/>
                <a:gd fmla="*/ 1060 w 1560" name="T54"/>
                <a:gd fmla="*/ 105 h 1107" name="T55"/>
                <a:gd fmla="*/ 676 w 1560" name="T56"/>
                <a:gd fmla="*/ 204 h 1107" name="T57"/>
                <a:gd fmla="*/ 0 w 1560" name="T58"/>
                <a:gd fmla="*/ 356 h 1107" name="T59"/>
                <a:gd fmla="*/ 232 w 1560" name="T60"/>
                <a:gd fmla="*/ 675 h 1107" name="T61"/>
                <a:gd fmla="*/ 254 w 1560" name="T62"/>
                <a:gd fmla="*/ 735 h 1107" name="T63"/>
                <a:gd fmla="*/ 0 60000 65536" name="T64"/>
                <a:gd fmla="*/ 0 60000 65536" name="T65"/>
                <a:gd fmla="*/ 0 60000 65536" name="T66"/>
                <a:gd fmla="*/ 0 60000 65536" name="T67"/>
                <a:gd fmla="*/ 0 60000 65536" name="T68"/>
                <a:gd fmla="*/ 0 60000 65536" name="T69"/>
                <a:gd fmla="*/ 0 60000 65536" name="T70"/>
                <a:gd fmla="*/ 0 60000 65536" name="T71"/>
                <a:gd fmla="*/ 0 60000 65536" name="T72"/>
                <a:gd fmla="*/ 0 60000 65536" name="T73"/>
                <a:gd fmla="*/ 0 60000 65536" name="T74"/>
                <a:gd fmla="*/ 0 60000 65536" name="T75"/>
                <a:gd fmla="*/ 0 60000 65536" name="T76"/>
                <a:gd fmla="*/ 0 60000 65536" name="T77"/>
                <a:gd fmla="*/ 0 60000 65536" name="T78"/>
                <a:gd fmla="*/ 0 60000 65536" name="T79"/>
                <a:gd fmla="*/ 0 60000 65536" name="T80"/>
                <a:gd fmla="*/ 0 60000 65536" name="T81"/>
                <a:gd fmla="*/ 0 60000 65536" name="T82"/>
                <a:gd fmla="*/ 0 60000 65536" name="T83"/>
                <a:gd fmla="*/ 0 60000 65536" name="T84"/>
                <a:gd fmla="*/ 0 60000 65536" name="T85"/>
                <a:gd fmla="*/ 0 60000 65536" name="T86"/>
                <a:gd fmla="*/ 0 60000 65536" name="T87"/>
                <a:gd fmla="*/ 0 60000 65536" name="T88"/>
                <a:gd fmla="*/ 0 60000 65536" name="T89"/>
                <a:gd fmla="*/ 0 60000 65536" name="T90"/>
                <a:gd fmla="*/ 0 60000 65536" name="T91"/>
                <a:gd fmla="*/ 0 60000 65536" name="T92"/>
                <a:gd fmla="*/ 0 60000 65536" name="T93"/>
                <a:gd fmla="*/ 0 60000 65536" name="T94"/>
                <a:gd fmla="*/ 0 60000 65536" name="T95"/>
                <a:gd fmla="*/ 0 w 1560" name="T96"/>
                <a:gd fmla="*/ 0 h 1107" name="T97"/>
                <a:gd fmla="*/ 1560 w 1560" name="T98"/>
                <a:gd fmla="*/ 1107 h 1107" name="T99"/>
              </a:gd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b="T99" l="T96" r="T98" t="T97"/>
              <a:pathLst>
                <a:path h="1107" w="1560">
                  <a:moveTo>
                    <a:pt x="257" y="740"/>
                  </a:moveTo>
                  <a:cubicBezTo>
                    <a:pt x="271" y="756"/>
                    <a:pt x="287" y="769"/>
                    <a:pt x="300" y="773"/>
                  </a:cubicBezTo>
                  <a:cubicBezTo>
                    <a:pt x="318" y="779"/>
                    <a:pt x="347" y="799"/>
                    <a:pt x="371" y="790"/>
                  </a:cubicBezTo>
                  <a:cubicBezTo>
                    <a:pt x="395" y="780"/>
                    <a:pt x="391" y="794"/>
                    <a:pt x="404" y="801"/>
                  </a:cubicBezTo>
                  <a:cubicBezTo>
                    <a:pt x="417" y="807"/>
                    <a:pt x="431" y="807"/>
                    <a:pt x="451" y="801"/>
                  </a:cubicBezTo>
                  <a:cubicBezTo>
                    <a:pt x="472" y="796"/>
                    <a:pt x="492" y="797"/>
                    <a:pt x="501" y="820"/>
                  </a:cubicBezTo>
                  <a:cubicBezTo>
                    <a:pt x="510" y="842"/>
                    <a:pt x="505" y="848"/>
                    <a:pt x="493" y="868"/>
                  </a:cubicBezTo>
                  <a:cubicBezTo>
                    <a:pt x="481" y="887"/>
                    <a:pt x="481" y="898"/>
                    <a:pt x="490" y="909"/>
                  </a:cubicBezTo>
                  <a:cubicBezTo>
                    <a:pt x="500" y="920"/>
                    <a:pt x="499" y="940"/>
                    <a:pt x="496" y="963"/>
                  </a:cubicBezTo>
                  <a:cubicBezTo>
                    <a:pt x="492" y="986"/>
                    <a:pt x="512" y="999"/>
                    <a:pt x="533" y="1010"/>
                  </a:cubicBezTo>
                  <a:cubicBezTo>
                    <a:pt x="554" y="1021"/>
                    <a:pt x="590" y="1053"/>
                    <a:pt x="615" y="1060"/>
                  </a:cubicBezTo>
                  <a:cubicBezTo>
                    <a:pt x="641" y="1067"/>
                    <a:pt x="643" y="1077"/>
                    <a:pt x="690" y="1070"/>
                  </a:cubicBezTo>
                  <a:cubicBezTo>
                    <a:pt x="736" y="1064"/>
                    <a:pt x="732" y="1066"/>
                    <a:pt x="768" y="1080"/>
                  </a:cubicBezTo>
                  <a:cubicBezTo>
                    <a:pt x="803" y="1094"/>
                    <a:pt x="813" y="1084"/>
                    <a:pt x="820" y="1077"/>
                  </a:cubicBezTo>
                  <a:cubicBezTo>
                    <a:pt x="827" y="1069"/>
                    <a:pt x="839" y="1071"/>
                    <a:pt x="847" y="1078"/>
                  </a:cubicBezTo>
                  <a:cubicBezTo>
                    <a:pt x="855" y="1085"/>
                    <a:pt x="877" y="1078"/>
                    <a:pt x="875" y="1062"/>
                  </a:cubicBezTo>
                  <a:cubicBezTo>
                    <a:pt x="873" y="1047"/>
                    <a:pt x="878" y="1035"/>
                    <a:pt x="897" y="1050"/>
                  </a:cubicBezTo>
                  <a:cubicBezTo>
                    <a:pt x="917" y="1065"/>
                    <a:pt x="915" y="1074"/>
                    <a:pt x="949" y="1075"/>
                  </a:cubicBezTo>
                  <a:cubicBezTo>
                    <a:pt x="983" y="1077"/>
                    <a:pt x="975" y="1086"/>
                    <a:pt x="1001" y="1096"/>
                  </a:cubicBezTo>
                  <a:cubicBezTo>
                    <a:pt x="1027" y="1107"/>
                    <a:pt x="1053" y="1104"/>
                    <a:pt x="1075" y="1088"/>
                  </a:cubicBezTo>
                  <a:cubicBezTo>
                    <a:pt x="1097" y="1073"/>
                    <a:pt x="1100" y="1065"/>
                    <a:pt x="1120" y="1081"/>
                  </a:cubicBezTo>
                  <a:cubicBezTo>
                    <a:pt x="1120" y="1081"/>
                    <a:pt x="1168" y="1072"/>
                    <a:pt x="1162" y="1035"/>
                  </a:cubicBezTo>
                  <a:cubicBezTo>
                    <a:pt x="1155" y="998"/>
                    <a:pt x="1193" y="1003"/>
                    <a:pt x="1209" y="997"/>
                  </a:cubicBezTo>
                  <a:cubicBezTo>
                    <a:pt x="1224" y="991"/>
                    <a:pt x="1254" y="989"/>
                    <a:pt x="1243" y="955"/>
                  </a:cubicBezTo>
                  <a:cubicBezTo>
                    <a:pt x="1233" y="921"/>
                    <a:pt x="1246" y="913"/>
                    <a:pt x="1267" y="921"/>
                  </a:cubicBezTo>
                  <a:cubicBezTo>
                    <a:pt x="1289" y="929"/>
                    <a:pt x="1306" y="923"/>
                    <a:pt x="1313" y="894"/>
                  </a:cubicBezTo>
                  <a:cubicBezTo>
                    <a:pt x="1320" y="864"/>
                    <a:pt x="1275" y="846"/>
                    <a:pt x="1319" y="829"/>
                  </a:cubicBezTo>
                  <a:cubicBezTo>
                    <a:pt x="1363" y="812"/>
                    <a:pt x="1377" y="807"/>
                    <a:pt x="1387" y="788"/>
                  </a:cubicBezTo>
                  <a:cubicBezTo>
                    <a:pt x="1397" y="769"/>
                    <a:pt x="1428" y="760"/>
                    <a:pt x="1435" y="732"/>
                  </a:cubicBezTo>
                  <a:cubicBezTo>
                    <a:pt x="1442" y="703"/>
                    <a:pt x="1430" y="669"/>
                    <a:pt x="1430" y="647"/>
                  </a:cubicBezTo>
                  <a:cubicBezTo>
                    <a:pt x="1430" y="624"/>
                    <a:pt x="1447" y="608"/>
                    <a:pt x="1454" y="595"/>
                  </a:cubicBezTo>
                  <a:cubicBezTo>
                    <a:pt x="1460" y="583"/>
                    <a:pt x="1477" y="553"/>
                    <a:pt x="1492" y="546"/>
                  </a:cubicBezTo>
                  <a:cubicBezTo>
                    <a:pt x="1508" y="539"/>
                    <a:pt x="1527" y="513"/>
                    <a:pt x="1521" y="496"/>
                  </a:cubicBezTo>
                  <a:cubicBezTo>
                    <a:pt x="1515" y="479"/>
                    <a:pt x="1507" y="464"/>
                    <a:pt x="1533" y="449"/>
                  </a:cubicBezTo>
                  <a:cubicBezTo>
                    <a:pt x="1560" y="433"/>
                    <a:pt x="1540" y="413"/>
                    <a:pt x="1533" y="392"/>
                  </a:cubicBezTo>
                  <a:cubicBezTo>
                    <a:pt x="1527" y="372"/>
                    <a:pt x="1524" y="356"/>
                    <a:pt x="1530" y="346"/>
                  </a:cubicBezTo>
                  <a:cubicBezTo>
                    <a:pt x="1537" y="337"/>
                    <a:pt x="1505" y="329"/>
                    <a:pt x="1485" y="337"/>
                  </a:cubicBezTo>
                  <a:cubicBezTo>
                    <a:pt x="1466" y="345"/>
                    <a:pt x="1461" y="382"/>
                    <a:pt x="1434" y="368"/>
                  </a:cubicBezTo>
                  <a:cubicBezTo>
                    <a:pt x="1407" y="354"/>
                    <a:pt x="1428" y="329"/>
                    <a:pt x="1428" y="315"/>
                  </a:cubicBezTo>
                  <a:cubicBezTo>
                    <a:pt x="1428" y="300"/>
                    <a:pt x="1430" y="244"/>
                    <a:pt x="1386" y="270"/>
                  </a:cubicBezTo>
                  <a:cubicBezTo>
                    <a:pt x="1342" y="295"/>
                    <a:pt x="1350" y="319"/>
                    <a:pt x="1335" y="312"/>
                  </a:cubicBezTo>
                  <a:cubicBezTo>
                    <a:pt x="1319" y="304"/>
                    <a:pt x="1318" y="297"/>
                    <a:pt x="1334" y="268"/>
                  </a:cubicBezTo>
                  <a:cubicBezTo>
                    <a:pt x="1349" y="240"/>
                    <a:pt x="1362" y="223"/>
                    <a:pt x="1375" y="206"/>
                  </a:cubicBezTo>
                  <a:cubicBezTo>
                    <a:pt x="1387" y="189"/>
                    <a:pt x="1394" y="170"/>
                    <a:pt x="1387" y="155"/>
                  </a:cubicBezTo>
                  <a:cubicBezTo>
                    <a:pt x="1380" y="139"/>
                    <a:pt x="1385" y="137"/>
                    <a:pt x="1395" y="130"/>
                  </a:cubicBezTo>
                  <a:cubicBezTo>
                    <a:pt x="1405" y="123"/>
                    <a:pt x="1402" y="94"/>
                    <a:pt x="1383" y="99"/>
                  </a:cubicBezTo>
                  <a:cubicBezTo>
                    <a:pt x="1363" y="105"/>
                    <a:pt x="1356" y="112"/>
                    <a:pt x="1352" y="90"/>
                  </a:cubicBezTo>
                  <a:cubicBezTo>
                    <a:pt x="1348" y="69"/>
                    <a:pt x="1348" y="49"/>
                    <a:pt x="1350" y="32"/>
                  </a:cubicBezTo>
                  <a:cubicBezTo>
                    <a:pt x="1352" y="14"/>
                    <a:pt x="1323" y="2"/>
                    <a:pt x="1307" y="7"/>
                  </a:cubicBezTo>
                  <a:cubicBezTo>
                    <a:pt x="1291" y="12"/>
                    <a:pt x="1300" y="21"/>
                    <a:pt x="1274" y="24"/>
                  </a:cubicBezTo>
                  <a:cubicBezTo>
                    <a:pt x="1249" y="27"/>
                    <a:pt x="1234" y="0"/>
                    <a:pt x="1209" y="38"/>
                  </a:cubicBezTo>
                  <a:cubicBezTo>
                    <a:pt x="1183" y="76"/>
                    <a:pt x="1188" y="93"/>
                    <a:pt x="1170" y="86"/>
                  </a:cubicBezTo>
                  <a:cubicBezTo>
                    <a:pt x="1151" y="79"/>
                    <a:pt x="1156" y="64"/>
                    <a:pt x="1146" y="46"/>
                  </a:cubicBezTo>
                  <a:cubicBezTo>
                    <a:pt x="1136" y="29"/>
                    <a:pt x="1112" y="33"/>
                    <a:pt x="1103" y="56"/>
                  </a:cubicBezTo>
                  <a:cubicBezTo>
                    <a:pt x="1094" y="80"/>
                    <a:pt x="1107" y="102"/>
                    <a:pt x="1089" y="112"/>
                  </a:cubicBezTo>
                  <a:cubicBezTo>
                    <a:pt x="1070" y="122"/>
                    <a:pt x="1075" y="122"/>
                    <a:pt x="1060" y="105"/>
                  </a:cubicBezTo>
                  <a:cubicBezTo>
                    <a:pt x="1045" y="87"/>
                    <a:pt x="1005" y="78"/>
                    <a:pt x="981" y="85"/>
                  </a:cubicBezTo>
                  <a:cubicBezTo>
                    <a:pt x="958" y="92"/>
                    <a:pt x="676" y="204"/>
                    <a:pt x="676" y="204"/>
                  </a:cubicBezTo>
                  <a:cubicBezTo>
                    <a:pt x="354" y="177"/>
                    <a:pt x="354" y="177"/>
                    <a:pt x="354" y="177"/>
                  </a:cubicBezTo>
                  <a:cubicBezTo>
                    <a:pt x="0" y="356"/>
                    <a:pt x="0" y="356"/>
                    <a:pt x="0" y="356"/>
                  </a:cubicBezTo>
                  <a:cubicBezTo>
                    <a:pt x="20" y="554"/>
                    <a:pt x="20" y="554"/>
                    <a:pt x="20" y="554"/>
                  </a:cubicBezTo>
                  <a:cubicBezTo>
                    <a:pt x="232" y="675"/>
                    <a:pt x="232" y="675"/>
                    <a:pt x="232" y="675"/>
                  </a:cubicBezTo>
                  <a:cubicBezTo>
                    <a:pt x="266" y="712"/>
                    <a:pt x="266" y="712"/>
                    <a:pt x="266" y="712"/>
                  </a:cubicBezTo>
                  <a:cubicBezTo>
                    <a:pt x="254" y="735"/>
                    <a:pt x="254" y="735"/>
                    <a:pt x="254" y="735"/>
                  </a:cubicBezTo>
                  <a:lnTo>
                    <a:pt x="257" y="740"/>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1" name="Freeform 10"/>
            <p:cNvSpPr>
              <a:spLocks noChangeArrowheads="1"/>
            </p:cNvSpPr>
            <p:nvPr/>
          </p:nvSpPr>
          <p:spPr bwMode="auto">
            <a:xfrm>
              <a:off x="2552944" y="3779826"/>
              <a:ext cx="525464" cy="471146"/>
            </a:xfrm>
            <a:custGeom>
              <a:gdLst>
                <a:gd fmla="*/ 212 w 1180" name="T0"/>
                <a:gd fmla="*/ 1055 h 1058" name="T1"/>
                <a:gd fmla="*/ 299 w 1180" name="T2"/>
                <a:gd fmla="*/ 1045 h 1058" name="T3"/>
                <a:gd fmla="*/ 347 w 1180" name="T4"/>
                <a:gd fmla="*/ 993 h 1058" name="T5"/>
                <a:gd fmla="*/ 403 w 1180" name="T6"/>
                <a:gd fmla="*/ 993 h 1058" name="T7"/>
                <a:gd fmla="*/ 477 w 1180" name="T8"/>
                <a:gd fmla="*/ 1018 h 1058" name="T9"/>
                <a:gd fmla="*/ 531 w 1180" name="T10"/>
                <a:gd fmla="*/ 1002 h 1058" name="T11"/>
                <a:gd fmla="*/ 543 w 1180" name="T12"/>
                <a:gd fmla="*/ 961 h 1058" name="T13"/>
                <a:gd fmla="*/ 586 w 1180" name="T14"/>
                <a:gd fmla="*/ 941 h 1058" name="T15"/>
                <a:gd fmla="*/ 620 w 1180" name="T16"/>
                <a:gd fmla="*/ 936 h 1058" name="T17"/>
                <a:gd fmla="*/ 681 w 1180" name="T18"/>
                <a:gd fmla="*/ 923 h 1058" name="T19"/>
                <a:gd fmla="*/ 703 w 1180" name="T20"/>
                <a:gd fmla="*/ 892 h 1058" name="T21"/>
                <a:gd fmla="*/ 733 w 1180" name="T22"/>
                <a:gd fmla="*/ 858 h 1058" name="T23"/>
                <a:gd fmla="*/ 762 w 1180" name="T24"/>
                <a:gd fmla="*/ 862 h 1058" name="T25"/>
                <a:gd fmla="*/ 804 w 1180" name="T26"/>
                <a:gd fmla="*/ 895 h 1058" name="T27"/>
                <a:gd fmla="*/ 836 w 1180" name="T28"/>
                <a:gd fmla="*/ 912 h 1058" name="T29"/>
                <a:gd fmla="*/ 877 w 1180" name="T30"/>
                <a:gd fmla="*/ 932 h 1058" name="T31"/>
                <a:gd fmla="*/ 912 w 1180" name="T32"/>
                <a:gd fmla="*/ 911 h 1058" name="T33"/>
                <a:gd fmla="*/ 934 w 1180" name="T34"/>
                <a:gd fmla="*/ 871 h 1058" name="T35"/>
                <a:gd fmla="*/ 958 w 1180" name="T36"/>
                <a:gd fmla="*/ 845 h 1058" name="T37"/>
                <a:gd fmla="*/ 1001 w 1180" name="T38"/>
                <a:gd fmla="*/ 860 h 1058" name="T39"/>
                <a:gd fmla="*/ 1020 w 1180" name="T40"/>
                <a:gd fmla="*/ 856 h 1058" name="T41"/>
                <a:gd fmla="*/ 1041 w 1180" name="T42"/>
                <a:gd fmla="*/ 823 h 1058" name="T43"/>
                <a:gd fmla="*/ 1070 w 1180" name="T44"/>
                <a:gd fmla="*/ 823 h 1058" name="T45"/>
                <a:gd fmla="*/ 1095 w 1180" name="T46"/>
                <a:gd fmla="*/ 802 h 1058" name="T47"/>
                <a:gd fmla="*/ 1081 w 1180" name="T48"/>
                <a:gd fmla="*/ 778 h 1058" name="T49"/>
                <a:gd fmla="*/ 1124 w 1180" name="T50"/>
                <a:gd fmla="*/ 771 h 1058" name="T51"/>
                <a:gd fmla="*/ 1156 w 1180" name="T52"/>
                <a:gd fmla="*/ 752 h 1058" name="T53"/>
                <a:gd fmla="*/ 1168 w 1180" name="T54"/>
                <a:gd fmla="*/ 687 h 1058" name="T55"/>
                <a:gd fmla="*/ 1146 w 1180" name="T56"/>
                <a:gd fmla="*/ 631 h 1058" name="T57"/>
                <a:gd fmla="*/ 1154 w 1180" name="T58"/>
                <a:gd fmla="*/ 580 h 1058" name="T59"/>
                <a:gd fmla="*/ 1154 w 1180" name="T60"/>
                <a:gd fmla="*/ 554 h 1058" name="T61"/>
                <a:gd fmla="*/ 1177 w 1180" name="T62"/>
                <a:gd fmla="*/ 515 h 1058" name="T63"/>
                <a:gd fmla="*/ 1161 w 1180" name="T64"/>
                <a:gd fmla="*/ 479 h 1058" name="T65"/>
                <a:gd fmla="*/ 1100 w 1180" name="T66"/>
                <a:gd fmla="*/ 487 h 1058" name="T67"/>
                <a:gd fmla="*/ 1049 w 1180" name="T68"/>
                <a:gd fmla="*/ 501 h 1058" name="T69"/>
                <a:gd fmla="*/ 1065 w 1180" name="T70"/>
                <a:gd fmla="*/ 468 h 1058" name="T71"/>
                <a:gd fmla="*/ 1117 w 1180" name="T72"/>
                <a:gd fmla="*/ 427 h 1058" name="T73"/>
                <a:gd fmla="*/ 1158 w 1180" name="T74"/>
                <a:gd fmla="*/ 359 h 1058" name="T75"/>
                <a:gd fmla="*/ 1134 w 1180" name="T76"/>
                <a:gd fmla="*/ 284 h 1058" name="T77"/>
                <a:gd fmla="*/ 1129 w 1180" name="T78"/>
                <a:gd fmla="*/ 250 h 1058" name="T79"/>
                <a:gd fmla="*/ 1120 w 1180" name="T80"/>
                <a:gd fmla="*/ 198 h 1058" name="T81"/>
                <a:gd fmla="*/ 1078 w 1180" name="T82"/>
                <a:gd fmla="*/ 169 h 1058" name="T83"/>
                <a:gd fmla="*/ 992 w 1180" name="T84"/>
                <a:gd fmla="*/ 83 h 1058" name="T85"/>
                <a:gd fmla="*/ 841 w 1180" name="T86"/>
                <a:gd fmla="*/ 0 h 1058" name="T87"/>
                <a:gd fmla="*/ 725 w 1180" name="T88"/>
                <a:gd fmla="*/ 25 h 1058" name="T89"/>
                <a:gd fmla="*/ 567 w 1180" name="T90"/>
                <a:gd fmla="*/ 74 h 1058" name="T91"/>
                <a:gd fmla="*/ 391 w 1180" name="T92"/>
                <a:gd fmla="*/ 133 h 1058" name="T93"/>
                <a:gd fmla="*/ 276 w 1180" name="T94"/>
                <a:gd fmla="*/ 387 h 1058" name="T95"/>
                <a:gd fmla="*/ 21 w 1180" name="T96"/>
                <a:gd fmla="*/ 422 h 1058" name="T97"/>
                <a:gd fmla="*/ 0 w 1180" name="T98"/>
                <a:gd fmla="*/ 498 h 1058" name="T99"/>
                <a:gd fmla="*/ 80 w 1180" name="T100"/>
                <a:gd fmla="*/ 819 h 1058" name="T101"/>
                <a:gd fmla="*/ 170 w 1180" name="T102"/>
                <a:gd fmla="*/ 1044 h 1058" name="T103"/>
                <a:gd fmla="*/ 212 w 1180" name="T104"/>
                <a:gd fmla="*/ 1055 h 1058"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60000 65536" name="T147"/>
                <a:gd fmla="*/ 0 60000 65536" name="T148"/>
                <a:gd fmla="*/ 0 60000 65536" name="T149"/>
                <a:gd fmla="*/ 0 60000 65536" name="T150"/>
                <a:gd fmla="*/ 0 60000 65536" name="T151"/>
                <a:gd fmla="*/ 0 60000 65536" name="T152"/>
                <a:gd fmla="*/ 0 60000 65536" name="T153"/>
                <a:gd fmla="*/ 0 60000 65536" name="T154"/>
                <a:gd fmla="*/ 0 60000 65536" name="T155"/>
                <a:gd fmla="*/ 0 60000 65536" name="T156"/>
                <a:gd fmla="*/ 0 60000 65536" name="T157"/>
                <a:gd fmla="*/ 0 60000 65536" name="T158"/>
                <a:gd fmla="*/ 0 w 1180" name="T159"/>
                <a:gd fmla="*/ 0 h 1058" name="T160"/>
                <a:gd fmla="*/ 1180 w 1180" name="T161"/>
                <a:gd fmla="*/ 1058 h 1058" name="T162"/>
              </a:gd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b="T162" l="T159" r="T161" t="T160"/>
              <a:pathLst>
                <a:path h="1058" w="1180">
                  <a:moveTo>
                    <a:pt x="212" y="1055"/>
                  </a:moveTo>
                  <a:cubicBezTo>
                    <a:pt x="212" y="1055"/>
                    <a:pt x="283" y="1058"/>
                    <a:pt x="299" y="1045"/>
                  </a:cubicBezTo>
                  <a:cubicBezTo>
                    <a:pt x="315" y="1031"/>
                    <a:pt x="343" y="1010"/>
                    <a:pt x="347" y="993"/>
                  </a:cubicBezTo>
                  <a:cubicBezTo>
                    <a:pt x="352" y="976"/>
                    <a:pt x="373" y="975"/>
                    <a:pt x="403" y="993"/>
                  </a:cubicBezTo>
                  <a:cubicBezTo>
                    <a:pt x="434" y="1011"/>
                    <a:pt x="456" y="1012"/>
                    <a:pt x="477" y="1018"/>
                  </a:cubicBezTo>
                  <a:cubicBezTo>
                    <a:pt x="497" y="1024"/>
                    <a:pt x="530" y="1021"/>
                    <a:pt x="531" y="1002"/>
                  </a:cubicBezTo>
                  <a:cubicBezTo>
                    <a:pt x="533" y="983"/>
                    <a:pt x="519" y="970"/>
                    <a:pt x="543" y="961"/>
                  </a:cubicBezTo>
                  <a:cubicBezTo>
                    <a:pt x="567" y="951"/>
                    <a:pt x="580" y="946"/>
                    <a:pt x="586" y="941"/>
                  </a:cubicBezTo>
                  <a:cubicBezTo>
                    <a:pt x="592" y="936"/>
                    <a:pt x="610" y="951"/>
                    <a:pt x="620" y="936"/>
                  </a:cubicBezTo>
                  <a:cubicBezTo>
                    <a:pt x="630" y="922"/>
                    <a:pt x="666" y="927"/>
                    <a:pt x="681" y="923"/>
                  </a:cubicBezTo>
                  <a:cubicBezTo>
                    <a:pt x="696" y="920"/>
                    <a:pt x="700" y="910"/>
                    <a:pt x="703" y="892"/>
                  </a:cubicBezTo>
                  <a:cubicBezTo>
                    <a:pt x="705" y="873"/>
                    <a:pt x="712" y="865"/>
                    <a:pt x="733" y="858"/>
                  </a:cubicBezTo>
                  <a:cubicBezTo>
                    <a:pt x="753" y="851"/>
                    <a:pt x="747" y="846"/>
                    <a:pt x="762" y="862"/>
                  </a:cubicBezTo>
                  <a:cubicBezTo>
                    <a:pt x="777" y="879"/>
                    <a:pt x="790" y="886"/>
                    <a:pt x="804" y="895"/>
                  </a:cubicBezTo>
                  <a:cubicBezTo>
                    <a:pt x="817" y="903"/>
                    <a:pt x="820" y="894"/>
                    <a:pt x="836" y="912"/>
                  </a:cubicBezTo>
                  <a:cubicBezTo>
                    <a:pt x="852" y="931"/>
                    <a:pt x="868" y="949"/>
                    <a:pt x="877" y="932"/>
                  </a:cubicBezTo>
                  <a:cubicBezTo>
                    <a:pt x="886" y="915"/>
                    <a:pt x="895" y="912"/>
                    <a:pt x="912" y="911"/>
                  </a:cubicBezTo>
                  <a:cubicBezTo>
                    <a:pt x="929" y="910"/>
                    <a:pt x="934" y="892"/>
                    <a:pt x="934" y="871"/>
                  </a:cubicBezTo>
                  <a:cubicBezTo>
                    <a:pt x="934" y="850"/>
                    <a:pt x="943" y="852"/>
                    <a:pt x="958" y="845"/>
                  </a:cubicBezTo>
                  <a:cubicBezTo>
                    <a:pt x="973" y="839"/>
                    <a:pt x="983" y="837"/>
                    <a:pt x="1001" y="860"/>
                  </a:cubicBezTo>
                  <a:cubicBezTo>
                    <a:pt x="1018" y="882"/>
                    <a:pt x="1020" y="878"/>
                    <a:pt x="1020" y="856"/>
                  </a:cubicBezTo>
                  <a:cubicBezTo>
                    <a:pt x="1020" y="834"/>
                    <a:pt x="1029" y="828"/>
                    <a:pt x="1041" y="823"/>
                  </a:cubicBezTo>
                  <a:cubicBezTo>
                    <a:pt x="1054" y="817"/>
                    <a:pt x="1049" y="813"/>
                    <a:pt x="1070" y="823"/>
                  </a:cubicBezTo>
                  <a:cubicBezTo>
                    <a:pt x="1091" y="832"/>
                    <a:pt x="1103" y="811"/>
                    <a:pt x="1095" y="802"/>
                  </a:cubicBezTo>
                  <a:cubicBezTo>
                    <a:pt x="1087" y="792"/>
                    <a:pt x="1072" y="791"/>
                    <a:pt x="1081" y="778"/>
                  </a:cubicBezTo>
                  <a:cubicBezTo>
                    <a:pt x="1090" y="766"/>
                    <a:pt x="1098" y="762"/>
                    <a:pt x="1124" y="771"/>
                  </a:cubicBezTo>
                  <a:cubicBezTo>
                    <a:pt x="1150" y="780"/>
                    <a:pt x="1145" y="773"/>
                    <a:pt x="1156" y="752"/>
                  </a:cubicBezTo>
                  <a:cubicBezTo>
                    <a:pt x="1168" y="731"/>
                    <a:pt x="1180" y="709"/>
                    <a:pt x="1168" y="687"/>
                  </a:cubicBezTo>
                  <a:cubicBezTo>
                    <a:pt x="1156" y="665"/>
                    <a:pt x="1129" y="649"/>
                    <a:pt x="1146" y="631"/>
                  </a:cubicBezTo>
                  <a:cubicBezTo>
                    <a:pt x="1163" y="613"/>
                    <a:pt x="1164" y="588"/>
                    <a:pt x="1154" y="580"/>
                  </a:cubicBezTo>
                  <a:cubicBezTo>
                    <a:pt x="1144" y="571"/>
                    <a:pt x="1135" y="565"/>
                    <a:pt x="1154" y="554"/>
                  </a:cubicBezTo>
                  <a:cubicBezTo>
                    <a:pt x="1172" y="544"/>
                    <a:pt x="1173" y="532"/>
                    <a:pt x="1177" y="515"/>
                  </a:cubicBezTo>
                  <a:cubicBezTo>
                    <a:pt x="1180" y="498"/>
                    <a:pt x="1171" y="485"/>
                    <a:pt x="1161" y="479"/>
                  </a:cubicBezTo>
                  <a:cubicBezTo>
                    <a:pt x="1151" y="473"/>
                    <a:pt x="1123" y="478"/>
                    <a:pt x="1100" y="487"/>
                  </a:cubicBezTo>
                  <a:cubicBezTo>
                    <a:pt x="1076" y="497"/>
                    <a:pt x="1061" y="522"/>
                    <a:pt x="1049" y="501"/>
                  </a:cubicBezTo>
                  <a:cubicBezTo>
                    <a:pt x="1037" y="481"/>
                    <a:pt x="1048" y="480"/>
                    <a:pt x="1065" y="468"/>
                  </a:cubicBezTo>
                  <a:cubicBezTo>
                    <a:pt x="1082" y="457"/>
                    <a:pt x="1098" y="440"/>
                    <a:pt x="1117" y="427"/>
                  </a:cubicBezTo>
                  <a:cubicBezTo>
                    <a:pt x="1137" y="415"/>
                    <a:pt x="1162" y="384"/>
                    <a:pt x="1158" y="359"/>
                  </a:cubicBezTo>
                  <a:cubicBezTo>
                    <a:pt x="1155" y="334"/>
                    <a:pt x="1130" y="297"/>
                    <a:pt x="1134" y="284"/>
                  </a:cubicBezTo>
                  <a:cubicBezTo>
                    <a:pt x="1137" y="272"/>
                    <a:pt x="1119" y="271"/>
                    <a:pt x="1129" y="250"/>
                  </a:cubicBezTo>
                  <a:cubicBezTo>
                    <a:pt x="1139" y="230"/>
                    <a:pt x="1121" y="214"/>
                    <a:pt x="1120" y="198"/>
                  </a:cubicBezTo>
                  <a:cubicBezTo>
                    <a:pt x="1119" y="181"/>
                    <a:pt x="1097" y="165"/>
                    <a:pt x="1078" y="169"/>
                  </a:cubicBezTo>
                  <a:cubicBezTo>
                    <a:pt x="1060" y="173"/>
                    <a:pt x="992" y="83"/>
                    <a:pt x="992" y="83"/>
                  </a:cubicBezTo>
                  <a:cubicBezTo>
                    <a:pt x="841" y="0"/>
                    <a:pt x="841" y="0"/>
                    <a:pt x="841" y="0"/>
                  </a:cubicBezTo>
                  <a:cubicBezTo>
                    <a:pt x="725" y="25"/>
                    <a:pt x="725" y="25"/>
                    <a:pt x="725" y="25"/>
                  </a:cubicBezTo>
                  <a:cubicBezTo>
                    <a:pt x="567" y="74"/>
                    <a:pt x="567" y="74"/>
                    <a:pt x="567" y="74"/>
                  </a:cubicBezTo>
                  <a:cubicBezTo>
                    <a:pt x="391" y="133"/>
                    <a:pt x="391" y="133"/>
                    <a:pt x="391" y="133"/>
                  </a:cubicBezTo>
                  <a:cubicBezTo>
                    <a:pt x="276" y="387"/>
                    <a:pt x="276" y="387"/>
                    <a:pt x="276" y="387"/>
                  </a:cubicBezTo>
                  <a:cubicBezTo>
                    <a:pt x="21" y="422"/>
                    <a:pt x="21" y="422"/>
                    <a:pt x="21" y="422"/>
                  </a:cubicBezTo>
                  <a:cubicBezTo>
                    <a:pt x="0" y="498"/>
                    <a:pt x="0" y="498"/>
                    <a:pt x="0" y="498"/>
                  </a:cubicBezTo>
                  <a:cubicBezTo>
                    <a:pt x="80" y="819"/>
                    <a:pt x="80" y="819"/>
                    <a:pt x="80" y="819"/>
                  </a:cubicBezTo>
                  <a:cubicBezTo>
                    <a:pt x="170" y="1044"/>
                    <a:pt x="170" y="1044"/>
                    <a:pt x="170" y="1044"/>
                  </a:cubicBezTo>
                  <a:lnTo>
                    <a:pt x="212" y="1055"/>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2" name="Freeform 11"/>
            <p:cNvSpPr>
              <a:spLocks noChangeArrowheads="1"/>
            </p:cNvSpPr>
            <p:nvPr/>
          </p:nvSpPr>
          <p:spPr bwMode="auto">
            <a:xfrm>
              <a:off x="2699468" y="3484254"/>
              <a:ext cx="452202" cy="409253"/>
            </a:xfrm>
            <a:custGeom>
              <a:gdLst>
                <a:gd fmla="*/ 234 w 1016" name="T0"/>
                <a:gd fmla="*/ 858 h 920" name="T1"/>
                <a:gd fmla="*/ 259 w 1016" name="T2"/>
                <a:gd fmla="*/ 836 h 920" name="T3"/>
                <a:gd fmla="*/ 276 w 1016" name="T4"/>
                <a:gd fmla="*/ 824 h 920" name="T5"/>
                <a:gd fmla="*/ 291 w 1016" name="T6"/>
                <a:gd fmla="*/ 871 h 920" name="T7"/>
                <a:gd fmla="*/ 307 w 1016" name="T8"/>
                <a:gd fmla="*/ 827 h 920" name="T9"/>
                <a:gd fmla="*/ 331 w 1016" name="T10"/>
                <a:gd fmla="*/ 788 h 920" name="T11"/>
                <a:gd fmla="*/ 396 w 1016" name="T12"/>
                <a:gd fmla="*/ 795 h 920" name="T13"/>
                <a:gd fmla="*/ 430 w 1016" name="T14"/>
                <a:gd fmla="*/ 780 h 920" name="T15"/>
                <a:gd fmla="*/ 430 w 1016" name="T16"/>
                <a:gd fmla="*/ 738 h 920" name="T17"/>
                <a:gd fmla="*/ 444 w 1016" name="T18"/>
                <a:gd fmla="*/ 706 h 920" name="T19"/>
                <a:gd fmla="*/ 501 w 1016" name="T20"/>
                <a:gd fmla="*/ 725 h 920" name="T21"/>
                <a:gd fmla="*/ 516 w 1016" name="T22"/>
                <a:gd fmla="*/ 754 h 920" name="T23"/>
                <a:gd fmla="*/ 552 w 1016" name="T24"/>
                <a:gd fmla="*/ 734 h 920" name="T25"/>
                <a:gd fmla="*/ 613 w 1016" name="T26"/>
                <a:gd fmla="*/ 770 h 920" name="T27"/>
                <a:gd fmla="*/ 640 w 1016" name="T28"/>
                <a:gd fmla="*/ 793 h 920" name="T29"/>
                <a:gd fmla="*/ 649 w 1016" name="T30"/>
                <a:gd fmla="*/ 847 h 920" name="T31"/>
                <a:gd fmla="*/ 685 w 1016" name="T32"/>
                <a:gd fmla="*/ 853 h 920" name="T33"/>
                <a:gd fmla="*/ 685 w 1016" name="T34"/>
                <a:gd fmla="*/ 908 h 920" name="T35"/>
                <a:gd fmla="*/ 758 w 1016" name="T36"/>
                <a:gd fmla="*/ 888 h 920" name="T37"/>
                <a:gd fmla="*/ 780 w 1016" name="T38"/>
                <a:gd fmla="*/ 809 h 920" name="T39"/>
                <a:gd fmla="*/ 763 w 1016" name="T40"/>
                <a:gd fmla="*/ 673 h 920" name="T41"/>
                <a:gd fmla="*/ 758 w 1016" name="T42"/>
                <a:gd fmla="*/ 469 h 920" name="T43"/>
                <a:gd fmla="*/ 1015 w 1016" name="T44"/>
                <a:gd fmla="*/ 276 h 920" name="T45"/>
                <a:gd fmla="*/ 980 w 1016" name="T46"/>
                <a:gd fmla="*/ 89 h 920" name="T47"/>
                <a:gd fmla="*/ 750 w 1016" name="T48"/>
                <a:gd fmla="*/ 44 h 920" name="T49"/>
                <a:gd fmla="*/ 613 w 1016" name="T50"/>
                <a:gd fmla="*/ 0 h 920" name="T51"/>
                <a:gd fmla="*/ 563 w 1016" name="T52"/>
                <a:gd fmla="*/ 72 h 920" name="T53"/>
                <a:gd fmla="*/ 426 w 1016" name="T54"/>
                <a:gd fmla="*/ 264 h 920" name="T55"/>
                <a:gd fmla="*/ 71 w 1016" name="T56"/>
                <a:gd fmla="*/ 382 h 920" name="T57"/>
                <a:gd fmla="*/ 0 w 1016" name="T58"/>
                <a:gd fmla="*/ 576 h 920" name="T59"/>
                <a:gd fmla="*/ 25 w 1016" name="T60"/>
                <a:gd fmla="*/ 772 h 920" name="T61"/>
                <a:gd fmla="*/ 130 w 1016" name="T62"/>
                <a:gd fmla="*/ 795 h 920" name="T63"/>
                <a:gd fmla="*/ 186 w 1016" name="T64"/>
                <a:gd fmla="*/ 810 h 920" name="T65"/>
                <a:gd fmla="*/ 222 w 1016" name="T66"/>
                <a:gd fmla="*/ 844 h 920" name="T67"/>
                <a:gd fmla="*/ 234 w 1016" name="T68"/>
                <a:gd fmla="*/ 858 h 920" name="T69"/>
                <a:gd fmla="*/ 0 60000 65536" name="T70"/>
                <a:gd fmla="*/ 0 60000 65536" name="T71"/>
                <a:gd fmla="*/ 0 60000 65536" name="T72"/>
                <a:gd fmla="*/ 0 60000 65536" name="T73"/>
                <a:gd fmla="*/ 0 60000 65536" name="T74"/>
                <a:gd fmla="*/ 0 60000 65536" name="T75"/>
                <a:gd fmla="*/ 0 60000 65536" name="T76"/>
                <a:gd fmla="*/ 0 60000 65536" name="T77"/>
                <a:gd fmla="*/ 0 60000 65536" name="T78"/>
                <a:gd fmla="*/ 0 60000 65536" name="T79"/>
                <a:gd fmla="*/ 0 60000 65536" name="T80"/>
                <a:gd fmla="*/ 0 60000 65536" name="T81"/>
                <a:gd fmla="*/ 0 60000 65536" name="T82"/>
                <a:gd fmla="*/ 0 60000 65536" name="T83"/>
                <a:gd fmla="*/ 0 60000 65536" name="T84"/>
                <a:gd fmla="*/ 0 60000 65536" name="T85"/>
                <a:gd fmla="*/ 0 60000 65536" name="T86"/>
                <a:gd fmla="*/ 0 60000 65536" name="T87"/>
                <a:gd fmla="*/ 0 60000 65536" name="T88"/>
                <a:gd fmla="*/ 0 60000 65536" name="T89"/>
                <a:gd fmla="*/ 0 60000 65536" name="T90"/>
                <a:gd fmla="*/ 0 60000 65536" name="T91"/>
                <a:gd fmla="*/ 0 60000 65536" name="T92"/>
                <a:gd fmla="*/ 0 60000 65536" name="T93"/>
                <a:gd fmla="*/ 0 60000 65536" name="T94"/>
                <a:gd fmla="*/ 0 60000 65536" name="T95"/>
                <a:gd fmla="*/ 0 60000 65536" name="T96"/>
                <a:gd fmla="*/ 0 60000 65536" name="T97"/>
                <a:gd fmla="*/ 0 60000 65536" name="T98"/>
                <a:gd fmla="*/ 0 60000 65536" name="T99"/>
                <a:gd fmla="*/ 0 60000 65536" name="T100"/>
                <a:gd fmla="*/ 0 60000 65536" name="T101"/>
                <a:gd fmla="*/ 0 60000 65536" name="T102"/>
                <a:gd fmla="*/ 0 60000 65536" name="T103"/>
                <a:gd fmla="*/ 0 60000 65536" name="T104"/>
                <a:gd fmla="*/ 0 w 1016" name="T105"/>
                <a:gd fmla="*/ 0 h 920" name="T106"/>
                <a:gd fmla="*/ 1016 w 1016" name="T107"/>
                <a:gd fmla="*/ 920 h 920" name="T108"/>
              </a:gd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b="T108" l="T105" r="T107" t="T106"/>
              <a:pathLst>
                <a:path h="920" w="1016">
                  <a:moveTo>
                    <a:pt x="234" y="858"/>
                  </a:moveTo>
                  <a:cubicBezTo>
                    <a:pt x="234" y="858"/>
                    <a:pt x="260" y="858"/>
                    <a:pt x="259" y="836"/>
                  </a:cubicBezTo>
                  <a:cubicBezTo>
                    <a:pt x="258" y="815"/>
                    <a:pt x="272" y="804"/>
                    <a:pt x="276" y="824"/>
                  </a:cubicBezTo>
                  <a:cubicBezTo>
                    <a:pt x="280" y="843"/>
                    <a:pt x="274" y="868"/>
                    <a:pt x="291" y="871"/>
                  </a:cubicBezTo>
                  <a:cubicBezTo>
                    <a:pt x="307" y="874"/>
                    <a:pt x="310" y="842"/>
                    <a:pt x="307" y="827"/>
                  </a:cubicBezTo>
                  <a:cubicBezTo>
                    <a:pt x="304" y="812"/>
                    <a:pt x="306" y="787"/>
                    <a:pt x="331" y="788"/>
                  </a:cubicBezTo>
                  <a:cubicBezTo>
                    <a:pt x="355" y="789"/>
                    <a:pt x="385" y="787"/>
                    <a:pt x="396" y="795"/>
                  </a:cubicBezTo>
                  <a:cubicBezTo>
                    <a:pt x="407" y="803"/>
                    <a:pt x="424" y="791"/>
                    <a:pt x="430" y="780"/>
                  </a:cubicBezTo>
                  <a:cubicBezTo>
                    <a:pt x="436" y="769"/>
                    <a:pt x="432" y="750"/>
                    <a:pt x="430" y="738"/>
                  </a:cubicBezTo>
                  <a:cubicBezTo>
                    <a:pt x="428" y="725"/>
                    <a:pt x="424" y="699"/>
                    <a:pt x="444" y="706"/>
                  </a:cubicBezTo>
                  <a:cubicBezTo>
                    <a:pt x="465" y="713"/>
                    <a:pt x="512" y="712"/>
                    <a:pt x="501" y="725"/>
                  </a:cubicBezTo>
                  <a:cubicBezTo>
                    <a:pt x="489" y="739"/>
                    <a:pt x="506" y="755"/>
                    <a:pt x="516" y="754"/>
                  </a:cubicBezTo>
                  <a:cubicBezTo>
                    <a:pt x="526" y="753"/>
                    <a:pt x="530" y="732"/>
                    <a:pt x="552" y="734"/>
                  </a:cubicBezTo>
                  <a:cubicBezTo>
                    <a:pt x="573" y="736"/>
                    <a:pt x="596" y="764"/>
                    <a:pt x="613" y="770"/>
                  </a:cubicBezTo>
                  <a:cubicBezTo>
                    <a:pt x="630" y="775"/>
                    <a:pt x="635" y="774"/>
                    <a:pt x="640" y="793"/>
                  </a:cubicBezTo>
                  <a:cubicBezTo>
                    <a:pt x="645" y="813"/>
                    <a:pt x="634" y="832"/>
                    <a:pt x="649" y="847"/>
                  </a:cubicBezTo>
                  <a:cubicBezTo>
                    <a:pt x="665" y="863"/>
                    <a:pt x="679" y="831"/>
                    <a:pt x="685" y="853"/>
                  </a:cubicBezTo>
                  <a:cubicBezTo>
                    <a:pt x="691" y="874"/>
                    <a:pt x="659" y="896"/>
                    <a:pt x="685" y="908"/>
                  </a:cubicBezTo>
                  <a:cubicBezTo>
                    <a:pt x="712" y="920"/>
                    <a:pt x="751" y="911"/>
                    <a:pt x="758" y="888"/>
                  </a:cubicBezTo>
                  <a:cubicBezTo>
                    <a:pt x="765" y="866"/>
                    <a:pt x="779" y="828"/>
                    <a:pt x="780" y="809"/>
                  </a:cubicBezTo>
                  <a:cubicBezTo>
                    <a:pt x="781" y="790"/>
                    <a:pt x="777" y="701"/>
                    <a:pt x="763" y="673"/>
                  </a:cubicBezTo>
                  <a:cubicBezTo>
                    <a:pt x="749" y="646"/>
                    <a:pt x="758" y="469"/>
                    <a:pt x="758" y="469"/>
                  </a:cubicBezTo>
                  <a:cubicBezTo>
                    <a:pt x="758" y="469"/>
                    <a:pt x="1016" y="282"/>
                    <a:pt x="1015" y="276"/>
                  </a:cubicBezTo>
                  <a:cubicBezTo>
                    <a:pt x="1014" y="269"/>
                    <a:pt x="980" y="89"/>
                    <a:pt x="980" y="89"/>
                  </a:cubicBezTo>
                  <a:cubicBezTo>
                    <a:pt x="750" y="44"/>
                    <a:pt x="750" y="44"/>
                    <a:pt x="750" y="44"/>
                  </a:cubicBezTo>
                  <a:cubicBezTo>
                    <a:pt x="613" y="0"/>
                    <a:pt x="613" y="0"/>
                    <a:pt x="613" y="0"/>
                  </a:cubicBezTo>
                  <a:cubicBezTo>
                    <a:pt x="563" y="72"/>
                    <a:pt x="563" y="72"/>
                    <a:pt x="563" y="72"/>
                  </a:cubicBezTo>
                  <a:cubicBezTo>
                    <a:pt x="426" y="264"/>
                    <a:pt x="426" y="264"/>
                    <a:pt x="426" y="264"/>
                  </a:cubicBezTo>
                  <a:cubicBezTo>
                    <a:pt x="71" y="382"/>
                    <a:pt x="71" y="382"/>
                    <a:pt x="71" y="382"/>
                  </a:cubicBezTo>
                  <a:cubicBezTo>
                    <a:pt x="0" y="576"/>
                    <a:pt x="0" y="576"/>
                    <a:pt x="0" y="576"/>
                  </a:cubicBezTo>
                  <a:cubicBezTo>
                    <a:pt x="25" y="772"/>
                    <a:pt x="25" y="772"/>
                    <a:pt x="25" y="772"/>
                  </a:cubicBezTo>
                  <a:cubicBezTo>
                    <a:pt x="130" y="795"/>
                    <a:pt x="130" y="795"/>
                    <a:pt x="130" y="795"/>
                  </a:cubicBezTo>
                  <a:cubicBezTo>
                    <a:pt x="186" y="810"/>
                    <a:pt x="186" y="810"/>
                    <a:pt x="186" y="810"/>
                  </a:cubicBezTo>
                  <a:cubicBezTo>
                    <a:pt x="222" y="844"/>
                    <a:pt x="222" y="844"/>
                    <a:pt x="222" y="844"/>
                  </a:cubicBezTo>
                  <a:lnTo>
                    <a:pt x="234" y="858"/>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3" name="Freeform 12"/>
            <p:cNvSpPr>
              <a:spLocks noChangeArrowheads="1"/>
            </p:cNvSpPr>
            <p:nvPr/>
          </p:nvSpPr>
          <p:spPr bwMode="auto">
            <a:xfrm>
              <a:off x="2962200" y="3364258"/>
              <a:ext cx="675777" cy="443357"/>
            </a:xfrm>
            <a:custGeom>
              <a:gdLst>
                <a:gd fmla="*/ 222 w 1517" name="T0"/>
                <a:gd fmla="*/ 392 h 996" name="T1"/>
                <a:gd fmla="*/ 266 w 1517" name="T2"/>
                <a:gd fmla="*/ 392 h 996" name="T3"/>
                <a:gd fmla="*/ 297 w 1517" name="T4"/>
                <a:gd fmla="*/ 408 h 996" name="T5"/>
                <a:gd fmla="*/ 309 w 1517" name="T6"/>
                <a:gd fmla="*/ 451 h 996" name="T7"/>
                <a:gd fmla="*/ 331 w 1517" name="T8"/>
                <a:gd fmla="*/ 526 h 996" name="T9"/>
                <a:gd fmla="*/ 334 w 1517" name="T10"/>
                <a:gd fmla="*/ 572 h 996" name="T11"/>
                <a:gd fmla="*/ 301 w 1517" name="T12"/>
                <a:gd fmla="*/ 590 h 996" name="T13"/>
                <a:gd fmla="*/ 241 w 1517" name="T14"/>
                <a:gd fmla="*/ 620 h 996" name="T15"/>
                <a:gd fmla="*/ 179 w 1517" name="T16"/>
                <a:gd fmla="*/ 660 h 996" name="T17"/>
                <a:gd fmla="*/ 96 w 1517" name="T18"/>
                <a:gd fmla="*/ 673 h 996" name="T19"/>
                <a:gd fmla="*/ 30 w 1517" name="T20"/>
                <a:gd fmla="*/ 690 h 996" name="T21"/>
                <a:gd fmla="*/ 23 w 1517" name="T22"/>
                <a:gd fmla="*/ 720 h 996" name="T23"/>
                <a:gd fmla="*/ 41 w 1517" name="T24"/>
                <a:gd fmla="*/ 760 h 996" name="T25"/>
                <a:gd fmla="*/ 62 w 1517" name="T26"/>
                <a:gd fmla="*/ 842 h 996" name="T27"/>
                <a:gd fmla="*/ 109 w 1517" name="T28"/>
                <a:gd fmla="*/ 884 h 996" name="T29"/>
                <a:gd fmla="*/ 140 w 1517" name="T30"/>
                <a:gd fmla="*/ 946 h 996" name="T31"/>
                <a:gd fmla="*/ 185 w 1517" name="T32"/>
                <a:gd fmla="*/ 964 h 996" name="T33"/>
                <a:gd fmla="*/ 214 w 1517" name="T34"/>
                <a:gd fmla="*/ 887 h 996" name="T35"/>
                <a:gd fmla="*/ 270 w 1517" name="T36"/>
                <a:gd fmla="*/ 850 h 996" name="T37"/>
                <a:gd fmla="*/ 332 w 1517" name="T38"/>
                <a:gd fmla="*/ 835 h 996" name="T39"/>
                <a:gd fmla="*/ 380 w 1517" name="T40"/>
                <a:gd fmla="*/ 863 h 996" name="T41"/>
                <a:gd fmla="*/ 436 w 1517" name="T42"/>
                <a:gd fmla="*/ 819 h 996" name="T43"/>
                <a:gd fmla="*/ 418 w 1517" name="T44"/>
                <a:gd fmla="*/ 764 h 996" name="T45"/>
                <a:gd fmla="*/ 461 w 1517" name="T46"/>
                <a:gd fmla="*/ 749 h 996" name="T47"/>
                <a:gd fmla="*/ 505 w 1517" name="T48"/>
                <a:gd fmla="*/ 757 h 996" name="T49"/>
                <a:gd fmla="*/ 547 w 1517" name="T50"/>
                <a:gd fmla="*/ 767 h 996" name="T51"/>
                <a:gd fmla="*/ 623 w 1517" name="T52"/>
                <a:gd fmla="*/ 789 h 996" name="T53"/>
                <a:gd fmla="*/ 689 w 1517" name="T54"/>
                <a:gd fmla="*/ 809 h 996" name="T55"/>
                <a:gd fmla="*/ 739 w 1517" name="T56"/>
                <a:gd fmla="*/ 839 h 996" name="T57"/>
                <a:gd fmla="*/ 797 w 1517" name="T58"/>
                <a:gd fmla="*/ 831 h 996" name="T59"/>
                <a:gd fmla="*/ 858 w 1517" name="T60"/>
                <a:gd fmla="*/ 798 h 996" name="T61"/>
                <a:gd fmla="*/ 858 w 1517" name="T62"/>
                <a:gd fmla="*/ 839 h 996" name="T63"/>
                <a:gd fmla="*/ 908 w 1517" name="T64"/>
                <a:gd fmla="*/ 856 h 996" name="T65"/>
                <a:gd fmla="*/ 944 w 1517" name="T66"/>
                <a:gd fmla="*/ 804 h 996" name="T67"/>
                <a:gd fmla="*/ 991 w 1517" name="T68"/>
                <a:gd fmla="*/ 798 h 996" name="T69"/>
                <a:gd fmla="*/ 1011 w 1517" name="T70"/>
                <a:gd fmla="*/ 842 h 996" name="T71"/>
                <a:gd fmla="*/ 1029 w 1517" name="T72"/>
                <a:gd fmla="*/ 926 h 996" name="T73"/>
                <a:gd fmla="*/ 1061 w 1517" name="T74"/>
                <a:gd fmla="*/ 945 h 996" name="T75"/>
                <a:gd fmla="*/ 1106 w 1517" name="T76"/>
                <a:gd fmla="*/ 903 h 996" name="T77"/>
                <a:gd fmla="*/ 1133 w 1517" name="T78"/>
                <a:gd fmla="*/ 875 h 996" name="T79"/>
                <a:gd fmla="*/ 1166 w 1517" name="T80"/>
                <a:gd fmla="*/ 866 h 996" name="T81"/>
                <a:gd fmla="*/ 1216 w 1517" name="T82"/>
                <a:gd fmla="*/ 852 h 996" name="T83"/>
                <a:gd fmla="*/ 1259 w 1517" name="T84"/>
                <a:gd fmla="*/ 806 h 996" name="T85"/>
                <a:gd fmla="*/ 1313 w 1517" name="T86"/>
                <a:gd fmla="*/ 787 h 996" name="T87"/>
                <a:gd fmla="*/ 1375 w 1517" name="T88"/>
                <a:gd fmla="*/ 749 h 996" name="T89"/>
                <a:gd fmla="*/ 1420 w 1517" name="T90"/>
                <a:gd fmla="*/ 756 h 996" name="T91"/>
                <a:gd fmla="*/ 1506 w 1517" name="T92"/>
                <a:gd fmla="*/ 710 h 996" name="T93"/>
                <a:gd fmla="*/ 1517 w 1517" name="T94"/>
                <a:gd fmla="*/ 435 h 996" name="T95"/>
                <a:gd fmla="*/ 1179 w 1517" name="T96"/>
                <a:gd fmla="*/ 220 h 996" name="T97"/>
                <a:gd fmla="*/ 694 w 1517" name="T98"/>
                <a:gd fmla="*/ 43 h 996" name="T99"/>
                <a:gd fmla="*/ 367 w 1517" name="T100"/>
                <a:gd fmla="*/ 0 h 996" name="T101"/>
                <a:gd fmla="*/ 110 w 1517" name="T102"/>
                <a:gd fmla="*/ 36 h 996" name="T103"/>
                <a:gd fmla="*/ 73 w 1517" name="T104"/>
                <a:gd fmla="*/ 162 h 996" name="T105"/>
                <a:gd fmla="*/ 170 w 1517" name="T106"/>
                <a:gd fmla="*/ 353 h 996" name="T107"/>
                <a:gd fmla="*/ 222 w 1517" name="T108"/>
                <a:gd fmla="*/ 392 h 99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60000 65536" name="T147"/>
                <a:gd fmla="*/ 0 60000 65536" name="T148"/>
                <a:gd fmla="*/ 0 60000 65536" name="T149"/>
                <a:gd fmla="*/ 0 60000 65536" name="T150"/>
                <a:gd fmla="*/ 0 60000 65536" name="T151"/>
                <a:gd fmla="*/ 0 60000 65536" name="T152"/>
                <a:gd fmla="*/ 0 60000 65536" name="T153"/>
                <a:gd fmla="*/ 0 60000 65536" name="T154"/>
                <a:gd fmla="*/ 0 60000 65536" name="T155"/>
                <a:gd fmla="*/ 0 60000 65536" name="T156"/>
                <a:gd fmla="*/ 0 60000 65536" name="T157"/>
                <a:gd fmla="*/ 0 60000 65536" name="T158"/>
                <a:gd fmla="*/ 0 60000 65536" name="T159"/>
                <a:gd fmla="*/ 0 60000 65536" name="T160"/>
                <a:gd fmla="*/ 0 60000 65536" name="T161"/>
                <a:gd fmla="*/ 0 60000 65536" name="T162"/>
                <a:gd fmla="*/ 0 60000 65536" name="T163"/>
                <a:gd fmla="*/ 0 60000 65536" name="T164"/>
                <a:gd fmla="*/ 0 w 1517" name="T165"/>
                <a:gd fmla="*/ 0 h 996" name="T166"/>
                <a:gd fmla="*/ 1517 w 1517" name="T167"/>
                <a:gd fmla="*/ 996 h 996" name="T168"/>
              </a:gdLst>
              <a:cxnLst>
                <a:cxn ang="T110">
                  <a:pos x="T0" y="T1"/>
                </a:cxn>
                <a:cxn ang="T111">
                  <a:pos x="T2" y="T3"/>
                </a:cxn>
                <a:cxn ang="T112">
                  <a:pos x="T4" y="T5"/>
                </a:cxn>
                <a:cxn ang="T113">
                  <a:pos x="T6" y="T7"/>
                </a:cxn>
                <a:cxn ang="T114">
                  <a:pos x="T8" y="T9"/>
                </a:cxn>
                <a:cxn ang="T115">
                  <a:pos x="T10" y="T11"/>
                </a:cxn>
                <a:cxn ang="T116">
                  <a:pos x="T12" y="T13"/>
                </a:cxn>
                <a:cxn ang="T117">
                  <a:pos x="T14" y="T15"/>
                </a:cxn>
                <a:cxn ang="T118">
                  <a:pos x="T16" y="T17"/>
                </a:cxn>
                <a:cxn ang="T119">
                  <a:pos x="T18" y="T19"/>
                </a:cxn>
                <a:cxn ang="T120">
                  <a:pos x="T20" y="T21"/>
                </a:cxn>
                <a:cxn ang="T121">
                  <a:pos x="T22" y="T23"/>
                </a:cxn>
                <a:cxn ang="T122">
                  <a:pos x="T24" y="T25"/>
                </a:cxn>
                <a:cxn ang="T123">
                  <a:pos x="T26" y="T27"/>
                </a:cxn>
                <a:cxn ang="T124">
                  <a:pos x="T28" y="T29"/>
                </a:cxn>
                <a:cxn ang="T125">
                  <a:pos x="T30" y="T31"/>
                </a:cxn>
                <a:cxn ang="T126">
                  <a:pos x="T32" y="T33"/>
                </a:cxn>
                <a:cxn ang="T127">
                  <a:pos x="T34" y="T35"/>
                </a:cxn>
                <a:cxn ang="T128">
                  <a:pos x="T36" y="T37"/>
                </a:cxn>
                <a:cxn ang="T129">
                  <a:pos x="T38" y="T39"/>
                </a:cxn>
                <a:cxn ang="T130">
                  <a:pos x="T40" y="T41"/>
                </a:cxn>
                <a:cxn ang="T131">
                  <a:pos x="T42" y="T43"/>
                </a:cxn>
                <a:cxn ang="T132">
                  <a:pos x="T44" y="T45"/>
                </a:cxn>
                <a:cxn ang="T133">
                  <a:pos x="T46" y="T47"/>
                </a:cxn>
                <a:cxn ang="T134">
                  <a:pos x="T48" y="T49"/>
                </a:cxn>
                <a:cxn ang="T135">
                  <a:pos x="T50" y="T51"/>
                </a:cxn>
                <a:cxn ang="T136">
                  <a:pos x="T52" y="T53"/>
                </a:cxn>
                <a:cxn ang="T137">
                  <a:pos x="T54" y="T55"/>
                </a:cxn>
                <a:cxn ang="T138">
                  <a:pos x="T56" y="T57"/>
                </a:cxn>
                <a:cxn ang="T139">
                  <a:pos x="T58" y="T59"/>
                </a:cxn>
                <a:cxn ang="T140">
                  <a:pos x="T60" y="T61"/>
                </a:cxn>
                <a:cxn ang="T141">
                  <a:pos x="T62" y="T63"/>
                </a:cxn>
                <a:cxn ang="T142">
                  <a:pos x="T64" y="T65"/>
                </a:cxn>
                <a:cxn ang="T143">
                  <a:pos x="T66" y="T67"/>
                </a:cxn>
                <a:cxn ang="T144">
                  <a:pos x="T68" y="T69"/>
                </a:cxn>
                <a:cxn ang="T145">
                  <a:pos x="T70" y="T71"/>
                </a:cxn>
                <a:cxn ang="T146">
                  <a:pos x="T72" y="T73"/>
                </a:cxn>
                <a:cxn ang="T147">
                  <a:pos x="T74" y="T75"/>
                </a:cxn>
                <a:cxn ang="T148">
                  <a:pos x="T76" y="T77"/>
                </a:cxn>
                <a:cxn ang="T149">
                  <a:pos x="T78" y="T79"/>
                </a:cxn>
                <a:cxn ang="T150">
                  <a:pos x="T80" y="T81"/>
                </a:cxn>
                <a:cxn ang="T151">
                  <a:pos x="T82" y="T83"/>
                </a:cxn>
                <a:cxn ang="T152">
                  <a:pos x="T84" y="T85"/>
                </a:cxn>
                <a:cxn ang="T153">
                  <a:pos x="T86" y="T87"/>
                </a:cxn>
                <a:cxn ang="T154">
                  <a:pos x="T88" y="T89"/>
                </a:cxn>
                <a:cxn ang="T155">
                  <a:pos x="T90" y="T91"/>
                </a:cxn>
                <a:cxn ang="T156">
                  <a:pos x="T92" y="T93"/>
                </a:cxn>
                <a:cxn ang="T157">
                  <a:pos x="T94" y="T95"/>
                </a:cxn>
                <a:cxn ang="T158">
                  <a:pos x="T96" y="T97"/>
                </a:cxn>
                <a:cxn ang="T159">
                  <a:pos x="T98" y="T99"/>
                </a:cxn>
                <a:cxn ang="T160">
                  <a:pos x="T100" y="T101"/>
                </a:cxn>
                <a:cxn ang="T161">
                  <a:pos x="T102" y="T103"/>
                </a:cxn>
                <a:cxn ang="T162">
                  <a:pos x="T104" y="T105"/>
                </a:cxn>
                <a:cxn ang="T163">
                  <a:pos x="T106" y="T107"/>
                </a:cxn>
                <a:cxn ang="T164">
                  <a:pos x="T108" y="T109"/>
                </a:cxn>
              </a:cxnLst>
              <a:rect b="T168" l="T165" r="T167" t="T166"/>
              <a:pathLst>
                <a:path h="996" w="1517">
                  <a:moveTo>
                    <a:pt x="222" y="392"/>
                  </a:moveTo>
                  <a:cubicBezTo>
                    <a:pt x="222" y="392"/>
                    <a:pt x="248" y="389"/>
                    <a:pt x="266" y="392"/>
                  </a:cubicBezTo>
                  <a:cubicBezTo>
                    <a:pt x="284" y="395"/>
                    <a:pt x="306" y="384"/>
                    <a:pt x="297" y="408"/>
                  </a:cubicBezTo>
                  <a:cubicBezTo>
                    <a:pt x="289" y="432"/>
                    <a:pt x="283" y="432"/>
                    <a:pt x="309" y="451"/>
                  </a:cubicBezTo>
                  <a:cubicBezTo>
                    <a:pt x="335" y="470"/>
                    <a:pt x="338" y="503"/>
                    <a:pt x="331" y="526"/>
                  </a:cubicBezTo>
                  <a:cubicBezTo>
                    <a:pt x="324" y="550"/>
                    <a:pt x="341" y="557"/>
                    <a:pt x="334" y="572"/>
                  </a:cubicBezTo>
                  <a:cubicBezTo>
                    <a:pt x="327" y="588"/>
                    <a:pt x="327" y="594"/>
                    <a:pt x="301" y="590"/>
                  </a:cubicBezTo>
                  <a:cubicBezTo>
                    <a:pt x="276" y="586"/>
                    <a:pt x="259" y="600"/>
                    <a:pt x="241" y="620"/>
                  </a:cubicBezTo>
                  <a:cubicBezTo>
                    <a:pt x="224" y="640"/>
                    <a:pt x="209" y="660"/>
                    <a:pt x="179" y="660"/>
                  </a:cubicBezTo>
                  <a:cubicBezTo>
                    <a:pt x="148" y="660"/>
                    <a:pt x="112" y="665"/>
                    <a:pt x="96" y="673"/>
                  </a:cubicBezTo>
                  <a:cubicBezTo>
                    <a:pt x="80" y="682"/>
                    <a:pt x="54" y="687"/>
                    <a:pt x="30" y="690"/>
                  </a:cubicBezTo>
                  <a:cubicBezTo>
                    <a:pt x="7" y="692"/>
                    <a:pt x="0" y="705"/>
                    <a:pt x="23" y="720"/>
                  </a:cubicBezTo>
                  <a:cubicBezTo>
                    <a:pt x="47" y="735"/>
                    <a:pt x="44" y="733"/>
                    <a:pt x="41" y="760"/>
                  </a:cubicBezTo>
                  <a:cubicBezTo>
                    <a:pt x="38" y="787"/>
                    <a:pt x="47" y="825"/>
                    <a:pt x="62" y="842"/>
                  </a:cubicBezTo>
                  <a:cubicBezTo>
                    <a:pt x="78" y="859"/>
                    <a:pt x="100" y="862"/>
                    <a:pt x="109" y="884"/>
                  </a:cubicBezTo>
                  <a:cubicBezTo>
                    <a:pt x="118" y="906"/>
                    <a:pt x="122" y="930"/>
                    <a:pt x="140" y="946"/>
                  </a:cubicBezTo>
                  <a:cubicBezTo>
                    <a:pt x="158" y="962"/>
                    <a:pt x="176" y="996"/>
                    <a:pt x="185" y="964"/>
                  </a:cubicBezTo>
                  <a:cubicBezTo>
                    <a:pt x="193" y="932"/>
                    <a:pt x="198" y="904"/>
                    <a:pt x="214" y="887"/>
                  </a:cubicBezTo>
                  <a:cubicBezTo>
                    <a:pt x="230" y="871"/>
                    <a:pt x="243" y="865"/>
                    <a:pt x="270" y="850"/>
                  </a:cubicBezTo>
                  <a:cubicBezTo>
                    <a:pt x="297" y="835"/>
                    <a:pt x="310" y="825"/>
                    <a:pt x="332" y="835"/>
                  </a:cubicBezTo>
                  <a:cubicBezTo>
                    <a:pt x="353" y="846"/>
                    <a:pt x="353" y="869"/>
                    <a:pt x="380" y="863"/>
                  </a:cubicBezTo>
                  <a:cubicBezTo>
                    <a:pt x="407" y="858"/>
                    <a:pt x="430" y="837"/>
                    <a:pt x="436" y="819"/>
                  </a:cubicBezTo>
                  <a:cubicBezTo>
                    <a:pt x="442" y="800"/>
                    <a:pt x="394" y="773"/>
                    <a:pt x="418" y="764"/>
                  </a:cubicBezTo>
                  <a:cubicBezTo>
                    <a:pt x="442" y="755"/>
                    <a:pt x="450" y="759"/>
                    <a:pt x="461" y="749"/>
                  </a:cubicBezTo>
                  <a:cubicBezTo>
                    <a:pt x="471" y="739"/>
                    <a:pt x="491" y="752"/>
                    <a:pt x="505" y="757"/>
                  </a:cubicBezTo>
                  <a:cubicBezTo>
                    <a:pt x="519" y="761"/>
                    <a:pt x="528" y="751"/>
                    <a:pt x="547" y="767"/>
                  </a:cubicBezTo>
                  <a:cubicBezTo>
                    <a:pt x="567" y="783"/>
                    <a:pt x="607" y="796"/>
                    <a:pt x="623" y="789"/>
                  </a:cubicBezTo>
                  <a:cubicBezTo>
                    <a:pt x="638" y="781"/>
                    <a:pt x="679" y="800"/>
                    <a:pt x="689" y="809"/>
                  </a:cubicBezTo>
                  <a:cubicBezTo>
                    <a:pt x="698" y="817"/>
                    <a:pt x="709" y="835"/>
                    <a:pt x="739" y="839"/>
                  </a:cubicBezTo>
                  <a:cubicBezTo>
                    <a:pt x="768" y="843"/>
                    <a:pt x="774" y="846"/>
                    <a:pt x="797" y="831"/>
                  </a:cubicBezTo>
                  <a:cubicBezTo>
                    <a:pt x="821" y="816"/>
                    <a:pt x="847" y="786"/>
                    <a:pt x="858" y="798"/>
                  </a:cubicBezTo>
                  <a:cubicBezTo>
                    <a:pt x="868" y="811"/>
                    <a:pt x="844" y="818"/>
                    <a:pt x="858" y="839"/>
                  </a:cubicBezTo>
                  <a:cubicBezTo>
                    <a:pt x="871" y="861"/>
                    <a:pt x="889" y="874"/>
                    <a:pt x="908" y="856"/>
                  </a:cubicBezTo>
                  <a:cubicBezTo>
                    <a:pt x="927" y="837"/>
                    <a:pt x="937" y="822"/>
                    <a:pt x="944" y="804"/>
                  </a:cubicBezTo>
                  <a:cubicBezTo>
                    <a:pt x="950" y="786"/>
                    <a:pt x="974" y="784"/>
                    <a:pt x="991" y="798"/>
                  </a:cubicBezTo>
                  <a:cubicBezTo>
                    <a:pt x="1008" y="813"/>
                    <a:pt x="1007" y="815"/>
                    <a:pt x="1011" y="842"/>
                  </a:cubicBezTo>
                  <a:cubicBezTo>
                    <a:pt x="1015" y="869"/>
                    <a:pt x="1012" y="904"/>
                    <a:pt x="1029" y="926"/>
                  </a:cubicBezTo>
                  <a:cubicBezTo>
                    <a:pt x="1046" y="949"/>
                    <a:pt x="1050" y="958"/>
                    <a:pt x="1061" y="945"/>
                  </a:cubicBezTo>
                  <a:cubicBezTo>
                    <a:pt x="1073" y="932"/>
                    <a:pt x="1090" y="906"/>
                    <a:pt x="1106" y="903"/>
                  </a:cubicBezTo>
                  <a:cubicBezTo>
                    <a:pt x="1123" y="899"/>
                    <a:pt x="1129" y="888"/>
                    <a:pt x="1133" y="875"/>
                  </a:cubicBezTo>
                  <a:cubicBezTo>
                    <a:pt x="1136" y="862"/>
                    <a:pt x="1138" y="858"/>
                    <a:pt x="1166" y="866"/>
                  </a:cubicBezTo>
                  <a:cubicBezTo>
                    <a:pt x="1194" y="874"/>
                    <a:pt x="1191" y="867"/>
                    <a:pt x="1216" y="852"/>
                  </a:cubicBezTo>
                  <a:cubicBezTo>
                    <a:pt x="1240" y="836"/>
                    <a:pt x="1231" y="815"/>
                    <a:pt x="1259" y="806"/>
                  </a:cubicBezTo>
                  <a:cubicBezTo>
                    <a:pt x="1288" y="796"/>
                    <a:pt x="1297" y="813"/>
                    <a:pt x="1313" y="787"/>
                  </a:cubicBezTo>
                  <a:cubicBezTo>
                    <a:pt x="1328" y="761"/>
                    <a:pt x="1362" y="754"/>
                    <a:pt x="1375" y="749"/>
                  </a:cubicBezTo>
                  <a:cubicBezTo>
                    <a:pt x="1388" y="744"/>
                    <a:pt x="1397" y="729"/>
                    <a:pt x="1420" y="756"/>
                  </a:cubicBezTo>
                  <a:cubicBezTo>
                    <a:pt x="1443" y="783"/>
                    <a:pt x="1496" y="734"/>
                    <a:pt x="1506" y="710"/>
                  </a:cubicBezTo>
                  <a:cubicBezTo>
                    <a:pt x="1515" y="685"/>
                    <a:pt x="1517" y="435"/>
                    <a:pt x="1517" y="435"/>
                  </a:cubicBezTo>
                  <a:cubicBezTo>
                    <a:pt x="1179" y="220"/>
                    <a:pt x="1179" y="220"/>
                    <a:pt x="1179" y="220"/>
                  </a:cubicBezTo>
                  <a:cubicBezTo>
                    <a:pt x="694" y="43"/>
                    <a:pt x="694" y="43"/>
                    <a:pt x="694" y="43"/>
                  </a:cubicBezTo>
                  <a:cubicBezTo>
                    <a:pt x="367" y="0"/>
                    <a:pt x="367" y="0"/>
                    <a:pt x="367" y="0"/>
                  </a:cubicBezTo>
                  <a:cubicBezTo>
                    <a:pt x="110" y="36"/>
                    <a:pt x="110" y="36"/>
                    <a:pt x="110" y="36"/>
                  </a:cubicBezTo>
                  <a:cubicBezTo>
                    <a:pt x="73" y="162"/>
                    <a:pt x="73" y="162"/>
                    <a:pt x="73" y="162"/>
                  </a:cubicBezTo>
                  <a:cubicBezTo>
                    <a:pt x="170" y="353"/>
                    <a:pt x="170" y="353"/>
                    <a:pt x="170" y="353"/>
                  </a:cubicBezTo>
                  <a:lnTo>
                    <a:pt x="222" y="392"/>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4" name="Freeform 13"/>
            <p:cNvSpPr>
              <a:spLocks noChangeArrowheads="1"/>
            </p:cNvSpPr>
            <p:nvPr/>
          </p:nvSpPr>
          <p:spPr bwMode="auto">
            <a:xfrm>
              <a:off x="3785763" y="3458992"/>
              <a:ext cx="356204" cy="445884"/>
            </a:xfrm>
            <a:custGeom>
              <a:gdLst>
                <a:gd fmla="*/ 553 w 800" name="T0"/>
                <a:gd fmla="*/ 211 h 1002" name="T1"/>
                <a:gd fmla="*/ 515 w 800" name="T2"/>
                <a:gd fmla="*/ 227 h 1002" name="T3"/>
                <a:gd fmla="*/ 498 w 800" name="T4"/>
                <a:gd fmla="*/ 265 h 1002" name="T5"/>
                <a:gd fmla="*/ 456 w 800" name="T6"/>
                <a:gd fmla="*/ 289 h 1002" name="T7"/>
                <a:gd fmla="*/ 437 w 800" name="T8"/>
                <a:gd fmla="*/ 314 h 1002" name="T9"/>
                <a:gd fmla="*/ 467 w 800" name="T10"/>
                <a:gd fmla="*/ 331 h 1002" name="T11"/>
                <a:gd fmla="*/ 517 w 800" name="T12"/>
                <a:gd fmla="*/ 297 h 1002" name="T13"/>
                <a:gd fmla="*/ 584 w 800" name="T14"/>
                <a:gd fmla="*/ 282 h 1002" name="T15"/>
                <a:gd fmla="*/ 644 w 800" name="T16"/>
                <a:gd fmla="*/ 337 h 1002" name="T17"/>
                <a:gd fmla="*/ 672 w 800" name="T18"/>
                <a:gd fmla="*/ 315 h 1002" name="T19"/>
                <a:gd fmla="*/ 710 w 800" name="T20"/>
                <a:gd fmla="*/ 258 h 1002" name="T21"/>
                <a:gd fmla="*/ 741 w 800" name="T22"/>
                <a:gd fmla="*/ 284 h 1002" name="T23"/>
                <a:gd fmla="*/ 777 w 800" name="T24"/>
                <a:gd fmla="*/ 320 h 1002" name="T25"/>
                <a:gd fmla="*/ 772 w 800" name="T26"/>
                <a:gd fmla="*/ 364 h 1002" name="T27"/>
                <a:gd fmla="*/ 724 w 800" name="T28"/>
                <a:gd fmla="*/ 379 h 1002" name="T29"/>
                <a:gd fmla="*/ 682 w 800" name="T30"/>
                <a:gd fmla="*/ 411 h 1002" name="T31"/>
                <a:gd fmla="*/ 641 w 800" name="T32"/>
                <a:gd fmla="*/ 448 h 1002" name="T33"/>
                <a:gd fmla="*/ 657 w 800" name="T34"/>
                <a:gd fmla="*/ 466 h 1002" name="T35"/>
                <a:gd fmla="*/ 683 w 800" name="T36"/>
                <a:gd fmla="*/ 440 h 1002" name="T37"/>
                <a:gd fmla="*/ 692 w 800" name="T38"/>
                <a:gd fmla="*/ 428 h 1002" name="T39"/>
                <a:gd fmla="*/ 710 w 800" name="T40"/>
                <a:gd fmla="*/ 447 h 1002" name="T41"/>
                <a:gd fmla="*/ 693 w 800" name="T42"/>
                <a:gd fmla="*/ 494 h 1002" name="T43"/>
                <a:gd fmla="*/ 656 w 800" name="T44"/>
                <a:gd fmla="*/ 515 h 1002" name="T45"/>
                <a:gd fmla="*/ 678 w 800" name="T46"/>
                <a:gd fmla="*/ 551 h 1002" name="T47"/>
                <a:gd fmla="*/ 678 w 800" name="T48"/>
                <a:gd fmla="*/ 612 h 1002" name="T49"/>
                <a:gd fmla="*/ 672 w 800" name="T50"/>
                <a:gd fmla="*/ 649 h 1002" name="T51"/>
                <a:gd fmla="*/ 691 w 800" name="T52"/>
                <a:gd fmla="*/ 698 h 1002" name="T53"/>
                <a:gd fmla="*/ 668 w 800" name="T54"/>
                <a:gd fmla="*/ 709 h 1002" name="T55"/>
                <a:gd fmla="*/ 639 w 800" name="T56"/>
                <a:gd fmla="*/ 746 h 1002" name="T57"/>
                <a:gd fmla="*/ 622 w 800" name="T58"/>
                <a:gd fmla="*/ 791 h 1002" name="T59"/>
                <a:gd fmla="*/ 592 w 800" name="T60"/>
                <a:gd fmla="*/ 816 h 1002" name="T61"/>
                <a:gd fmla="*/ 566 w 800" name="T62"/>
                <a:gd fmla="*/ 832 h 1002" name="T63"/>
                <a:gd fmla="*/ 538 w 800" name="T64"/>
                <a:gd fmla="*/ 860 h 1002" name="T65"/>
                <a:gd fmla="*/ 531 w 800" name="T66"/>
                <a:gd fmla="*/ 897 h 1002" name="T67"/>
                <a:gd fmla="*/ 531 w 800" name="T68"/>
                <a:gd fmla="*/ 945 h 1002" name="T69"/>
                <a:gd fmla="*/ 525 w 800" name="T70"/>
                <a:gd fmla="*/ 980 h 1002" name="T71"/>
                <a:gd fmla="*/ 492 w 800" name="T72"/>
                <a:gd fmla="*/ 971 h 1002" name="T73"/>
                <a:gd fmla="*/ 413 w 800" name="T74"/>
                <a:gd fmla="*/ 947 h 1002" name="T75"/>
                <a:gd fmla="*/ 348 w 800" name="T76"/>
                <a:gd fmla="*/ 945 h 1002" name="T77"/>
                <a:gd fmla="*/ 323 w 800" name="T78"/>
                <a:gd fmla="*/ 900 h 1002" name="T79"/>
                <a:gd fmla="*/ 306 w 800" name="T80"/>
                <a:gd fmla="*/ 923 h 1002" name="T81"/>
                <a:gd fmla="*/ 272 w 800" name="T82"/>
                <a:gd fmla="*/ 952 h 1002" name="T83"/>
                <a:gd fmla="*/ 223 w 800" name="T84"/>
                <a:gd fmla="*/ 955 h 1002" name="T85"/>
                <a:gd fmla="*/ 195 w 800" name="T86"/>
                <a:gd fmla="*/ 936 h 1002" name="T87"/>
                <a:gd fmla="*/ 165 w 800" name="T88"/>
                <a:gd fmla="*/ 870 h 1002" name="T89"/>
                <a:gd fmla="*/ 155 w 800" name="T90"/>
                <a:gd fmla="*/ 821 h 1002" name="T91"/>
                <a:gd fmla="*/ 134 w 800" name="T92"/>
                <a:gd fmla="*/ 787 h 1002" name="T93"/>
                <a:gd fmla="*/ 88 w 800" name="T94"/>
                <a:gd fmla="*/ 781 h 1002" name="T95"/>
                <a:gd fmla="*/ 69 w 800" name="T96"/>
                <a:gd fmla="*/ 704 h 1002" name="T97"/>
                <a:gd fmla="*/ 2 w 800" name="T98"/>
                <a:gd fmla="*/ 625 h 1002" name="T99"/>
                <a:gd fmla="*/ 17 w 800" name="T100"/>
                <a:gd fmla="*/ 563 h 1002" name="T101"/>
                <a:gd fmla="*/ 27 w 800" name="T102"/>
                <a:gd fmla="*/ 500 h 1002" name="T103"/>
                <a:gd fmla="*/ 143 w 800" name="T104"/>
                <a:gd fmla="*/ 205 h 1002" name="T105"/>
                <a:gd fmla="*/ 229 w 800" name="T106"/>
                <a:gd fmla="*/ 0 h 1002" name="T107"/>
                <a:gd fmla="*/ 410 w 800" name="T108"/>
                <a:gd fmla="*/ 39 h 1002" name="T109"/>
                <a:gd fmla="*/ 547 w 800" name="T110"/>
                <a:gd fmla="*/ 125 h 1002" name="T111"/>
                <a:gd fmla="*/ 557 w 800" name="T112"/>
                <a:gd fmla="*/ 209 h 1002" name="T113"/>
                <a:gd fmla="*/ 553 w 800" name="T114"/>
                <a:gd fmla="*/ 211 h 1002"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60000 65536" name="T147"/>
                <a:gd fmla="*/ 0 60000 65536" name="T148"/>
                <a:gd fmla="*/ 0 60000 65536" name="T149"/>
                <a:gd fmla="*/ 0 60000 65536" name="T150"/>
                <a:gd fmla="*/ 0 60000 65536" name="T151"/>
                <a:gd fmla="*/ 0 60000 65536" name="T152"/>
                <a:gd fmla="*/ 0 60000 65536" name="T153"/>
                <a:gd fmla="*/ 0 60000 65536" name="T154"/>
                <a:gd fmla="*/ 0 60000 65536" name="T155"/>
                <a:gd fmla="*/ 0 60000 65536" name="T156"/>
                <a:gd fmla="*/ 0 60000 65536" name="T157"/>
                <a:gd fmla="*/ 0 60000 65536" name="T158"/>
                <a:gd fmla="*/ 0 60000 65536" name="T159"/>
                <a:gd fmla="*/ 0 60000 65536" name="T160"/>
                <a:gd fmla="*/ 0 60000 65536" name="T161"/>
                <a:gd fmla="*/ 0 60000 65536" name="T162"/>
                <a:gd fmla="*/ 0 60000 65536" name="T163"/>
                <a:gd fmla="*/ 0 60000 65536" name="T164"/>
                <a:gd fmla="*/ 0 60000 65536" name="T165"/>
                <a:gd fmla="*/ 0 60000 65536" name="T166"/>
                <a:gd fmla="*/ 0 60000 65536" name="T167"/>
                <a:gd fmla="*/ 0 60000 65536" name="T168"/>
                <a:gd fmla="*/ 0 60000 65536" name="T169"/>
                <a:gd fmla="*/ 0 60000 65536" name="T170"/>
                <a:gd fmla="*/ 0 60000 65536" name="T171"/>
                <a:gd fmla="*/ 0 60000 65536" name="T172"/>
                <a:gd fmla="*/ 0 60000 65536" name="T173"/>
                <a:gd fmla="*/ 0 w 800" name="T174"/>
                <a:gd fmla="*/ 0 h 1002" name="T175"/>
                <a:gd fmla="*/ 800 w 800" name="T176"/>
                <a:gd fmla="*/ 1002 h 1002" name="T177"/>
              </a:gdLst>
              <a:cxnLst>
                <a:cxn ang="T116">
                  <a:pos x="T0" y="T1"/>
                </a:cxn>
                <a:cxn ang="T117">
                  <a:pos x="T2" y="T3"/>
                </a:cxn>
                <a:cxn ang="T118">
                  <a:pos x="T4" y="T5"/>
                </a:cxn>
                <a:cxn ang="T119">
                  <a:pos x="T6" y="T7"/>
                </a:cxn>
                <a:cxn ang="T120">
                  <a:pos x="T8" y="T9"/>
                </a:cxn>
                <a:cxn ang="T121">
                  <a:pos x="T10" y="T11"/>
                </a:cxn>
                <a:cxn ang="T122">
                  <a:pos x="T12" y="T13"/>
                </a:cxn>
                <a:cxn ang="T123">
                  <a:pos x="T14" y="T15"/>
                </a:cxn>
                <a:cxn ang="T124">
                  <a:pos x="T16" y="T17"/>
                </a:cxn>
                <a:cxn ang="T125">
                  <a:pos x="T18" y="T19"/>
                </a:cxn>
                <a:cxn ang="T126">
                  <a:pos x="T20" y="T21"/>
                </a:cxn>
                <a:cxn ang="T127">
                  <a:pos x="T22" y="T23"/>
                </a:cxn>
                <a:cxn ang="T128">
                  <a:pos x="T24" y="T25"/>
                </a:cxn>
                <a:cxn ang="T129">
                  <a:pos x="T26" y="T27"/>
                </a:cxn>
                <a:cxn ang="T130">
                  <a:pos x="T28" y="T29"/>
                </a:cxn>
                <a:cxn ang="T131">
                  <a:pos x="T30" y="T31"/>
                </a:cxn>
                <a:cxn ang="T132">
                  <a:pos x="T32" y="T33"/>
                </a:cxn>
                <a:cxn ang="T133">
                  <a:pos x="T34" y="T35"/>
                </a:cxn>
                <a:cxn ang="T134">
                  <a:pos x="T36" y="T37"/>
                </a:cxn>
                <a:cxn ang="T135">
                  <a:pos x="T38" y="T39"/>
                </a:cxn>
                <a:cxn ang="T136">
                  <a:pos x="T40" y="T41"/>
                </a:cxn>
                <a:cxn ang="T137">
                  <a:pos x="T42" y="T43"/>
                </a:cxn>
                <a:cxn ang="T138">
                  <a:pos x="T44" y="T45"/>
                </a:cxn>
                <a:cxn ang="T139">
                  <a:pos x="T46" y="T47"/>
                </a:cxn>
                <a:cxn ang="T140">
                  <a:pos x="T48" y="T49"/>
                </a:cxn>
                <a:cxn ang="T141">
                  <a:pos x="T50" y="T51"/>
                </a:cxn>
                <a:cxn ang="T142">
                  <a:pos x="T52" y="T53"/>
                </a:cxn>
                <a:cxn ang="T143">
                  <a:pos x="T54" y="T55"/>
                </a:cxn>
                <a:cxn ang="T144">
                  <a:pos x="T56" y="T57"/>
                </a:cxn>
                <a:cxn ang="T145">
                  <a:pos x="T58" y="T59"/>
                </a:cxn>
                <a:cxn ang="T146">
                  <a:pos x="T60" y="T61"/>
                </a:cxn>
                <a:cxn ang="T147">
                  <a:pos x="T62" y="T63"/>
                </a:cxn>
                <a:cxn ang="T148">
                  <a:pos x="T64" y="T65"/>
                </a:cxn>
                <a:cxn ang="T149">
                  <a:pos x="T66" y="T67"/>
                </a:cxn>
                <a:cxn ang="T150">
                  <a:pos x="T68" y="T69"/>
                </a:cxn>
                <a:cxn ang="T151">
                  <a:pos x="T70" y="T71"/>
                </a:cxn>
                <a:cxn ang="T152">
                  <a:pos x="T72" y="T73"/>
                </a:cxn>
                <a:cxn ang="T153">
                  <a:pos x="T74" y="T75"/>
                </a:cxn>
                <a:cxn ang="T154">
                  <a:pos x="T76" y="T77"/>
                </a:cxn>
                <a:cxn ang="T155">
                  <a:pos x="T78" y="T79"/>
                </a:cxn>
                <a:cxn ang="T156">
                  <a:pos x="T80" y="T81"/>
                </a:cxn>
                <a:cxn ang="T157">
                  <a:pos x="T82" y="T83"/>
                </a:cxn>
                <a:cxn ang="T158">
                  <a:pos x="T84" y="T85"/>
                </a:cxn>
                <a:cxn ang="T159">
                  <a:pos x="T86" y="T87"/>
                </a:cxn>
                <a:cxn ang="T160">
                  <a:pos x="T88" y="T89"/>
                </a:cxn>
                <a:cxn ang="T161">
                  <a:pos x="T90" y="T91"/>
                </a:cxn>
                <a:cxn ang="T162">
                  <a:pos x="T92" y="T93"/>
                </a:cxn>
                <a:cxn ang="T163">
                  <a:pos x="T94" y="T95"/>
                </a:cxn>
                <a:cxn ang="T164">
                  <a:pos x="T96" y="T97"/>
                </a:cxn>
                <a:cxn ang="T165">
                  <a:pos x="T98" y="T99"/>
                </a:cxn>
                <a:cxn ang="T166">
                  <a:pos x="T100" y="T101"/>
                </a:cxn>
                <a:cxn ang="T167">
                  <a:pos x="T102" y="T103"/>
                </a:cxn>
                <a:cxn ang="T168">
                  <a:pos x="T104" y="T105"/>
                </a:cxn>
                <a:cxn ang="T169">
                  <a:pos x="T106" y="T107"/>
                </a:cxn>
                <a:cxn ang="T170">
                  <a:pos x="T108" y="T109"/>
                </a:cxn>
                <a:cxn ang="T171">
                  <a:pos x="T110" y="T111"/>
                </a:cxn>
                <a:cxn ang="T172">
                  <a:pos x="T112" y="T113"/>
                </a:cxn>
                <a:cxn ang="T173">
                  <a:pos x="T114" y="T115"/>
                </a:cxn>
              </a:cxnLst>
              <a:rect b="T177" l="T174" r="T176" t="T175"/>
              <a:pathLst>
                <a:path h="1002" w="800">
                  <a:moveTo>
                    <a:pt x="553" y="211"/>
                  </a:moveTo>
                  <a:cubicBezTo>
                    <a:pt x="542" y="216"/>
                    <a:pt x="530" y="221"/>
                    <a:pt x="515" y="227"/>
                  </a:cubicBezTo>
                  <a:cubicBezTo>
                    <a:pt x="489" y="238"/>
                    <a:pt x="505" y="240"/>
                    <a:pt x="498" y="265"/>
                  </a:cubicBezTo>
                  <a:cubicBezTo>
                    <a:pt x="491" y="291"/>
                    <a:pt x="474" y="292"/>
                    <a:pt x="456" y="289"/>
                  </a:cubicBezTo>
                  <a:cubicBezTo>
                    <a:pt x="437" y="287"/>
                    <a:pt x="431" y="292"/>
                    <a:pt x="437" y="314"/>
                  </a:cubicBezTo>
                  <a:cubicBezTo>
                    <a:pt x="443" y="336"/>
                    <a:pt x="457" y="330"/>
                    <a:pt x="467" y="331"/>
                  </a:cubicBezTo>
                  <a:cubicBezTo>
                    <a:pt x="478" y="332"/>
                    <a:pt x="510" y="307"/>
                    <a:pt x="517" y="297"/>
                  </a:cubicBezTo>
                  <a:cubicBezTo>
                    <a:pt x="525" y="288"/>
                    <a:pt x="566" y="270"/>
                    <a:pt x="584" y="282"/>
                  </a:cubicBezTo>
                  <a:cubicBezTo>
                    <a:pt x="603" y="293"/>
                    <a:pt x="620" y="317"/>
                    <a:pt x="644" y="337"/>
                  </a:cubicBezTo>
                  <a:cubicBezTo>
                    <a:pt x="668" y="357"/>
                    <a:pt x="664" y="322"/>
                    <a:pt x="672" y="315"/>
                  </a:cubicBezTo>
                  <a:cubicBezTo>
                    <a:pt x="681" y="308"/>
                    <a:pt x="693" y="284"/>
                    <a:pt x="710" y="258"/>
                  </a:cubicBezTo>
                  <a:cubicBezTo>
                    <a:pt x="727" y="232"/>
                    <a:pt x="739" y="259"/>
                    <a:pt x="741" y="284"/>
                  </a:cubicBezTo>
                  <a:cubicBezTo>
                    <a:pt x="742" y="308"/>
                    <a:pt x="754" y="300"/>
                    <a:pt x="777" y="320"/>
                  </a:cubicBezTo>
                  <a:cubicBezTo>
                    <a:pt x="800" y="340"/>
                    <a:pt x="780" y="348"/>
                    <a:pt x="772" y="364"/>
                  </a:cubicBezTo>
                  <a:cubicBezTo>
                    <a:pt x="765" y="381"/>
                    <a:pt x="744" y="388"/>
                    <a:pt x="724" y="379"/>
                  </a:cubicBezTo>
                  <a:cubicBezTo>
                    <a:pt x="703" y="371"/>
                    <a:pt x="687" y="399"/>
                    <a:pt x="682" y="411"/>
                  </a:cubicBezTo>
                  <a:cubicBezTo>
                    <a:pt x="677" y="422"/>
                    <a:pt x="678" y="429"/>
                    <a:pt x="641" y="448"/>
                  </a:cubicBezTo>
                  <a:cubicBezTo>
                    <a:pt x="604" y="466"/>
                    <a:pt x="645" y="472"/>
                    <a:pt x="657" y="466"/>
                  </a:cubicBezTo>
                  <a:cubicBezTo>
                    <a:pt x="668" y="461"/>
                    <a:pt x="682" y="450"/>
                    <a:pt x="683" y="440"/>
                  </a:cubicBezTo>
                  <a:cubicBezTo>
                    <a:pt x="685" y="429"/>
                    <a:pt x="682" y="450"/>
                    <a:pt x="692" y="428"/>
                  </a:cubicBezTo>
                  <a:cubicBezTo>
                    <a:pt x="702" y="406"/>
                    <a:pt x="710" y="434"/>
                    <a:pt x="710" y="447"/>
                  </a:cubicBezTo>
                  <a:cubicBezTo>
                    <a:pt x="710" y="460"/>
                    <a:pt x="698" y="481"/>
                    <a:pt x="693" y="494"/>
                  </a:cubicBezTo>
                  <a:cubicBezTo>
                    <a:pt x="687" y="507"/>
                    <a:pt x="678" y="506"/>
                    <a:pt x="656" y="515"/>
                  </a:cubicBezTo>
                  <a:cubicBezTo>
                    <a:pt x="634" y="524"/>
                    <a:pt x="662" y="531"/>
                    <a:pt x="678" y="551"/>
                  </a:cubicBezTo>
                  <a:cubicBezTo>
                    <a:pt x="695" y="571"/>
                    <a:pt x="693" y="591"/>
                    <a:pt x="678" y="612"/>
                  </a:cubicBezTo>
                  <a:cubicBezTo>
                    <a:pt x="664" y="632"/>
                    <a:pt x="661" y="630"/>
                    <a:pt x="672" y="649"/>
                  </a:cubicBezTo>
                  <a:cubicBezTo>
                    <a:pt x="682" y="667"/>
                    <a:pt x="681" y="669"/>
                    <a:pt x="691" y="698"/>
                  </a:cubicBezTo>
                  <a:cubicBezTo>
                    <a:pt x="701" y="726"/>
                    <a:pt x="670" y="694"/>
                    <a:pt x="668" y="709"/>
                  </a:cubicBezTo>
                  <a:cubicBezTo>
                    <a:pt x="666" y="724"/>
                    <a:pt x="656" y="730"/>
                    <a:pt x="639" y="746"/>
                  </a:cubicBezTo>
                  <a:cubicBezTo>
                    <a:pt x="622" y="763"/>
                    <a:pt x="623" y="774"/>
                    <a:pt x="622" y="791"/>
                  </a:cubicBezTo>
                  <a:cubicBezTo>
                    <a:pt x="620" y="807"/>
                    <a:pt x="605" y="817"/>
                    <a:pt x="592" y="816"/>
                  </a:cubicBezTo>
                  <a:cubicBezTo>
                    <a:pt x="579" y="815"/>
                    <a:pt x="573" y="814"/>
                    <a:pt x="566" y="832"/>
                  </a:cubicBezTo>
                  <a:cubicBezTo>
                    <a:pt x="560" y="849"/>
                    <a:pt x="553" y="858"/>
                    <a:pt x="538" y="860"/>
                  </a:cubicBezTo>
                  <a:cubicBezTo>
                    <a:pt x="524" y="861"/>
                    <a:pt x="523" y="871"/>
                    <a:pt x="531" y="897"/>
                  </a:cubicBezTo>
                  <a:cubicBezTo>
                    <a:pt x="538" y="923"/>
                    <a:pt x="534" y="929"/>
                    <a:pt x="531" y="945"/>
                  </a:cubicBezTo>
                  <a:cubicBezTo>
                    <a:pt x="528" y="959"/>
                    <a:pt x="536" y="961"/>
                    <a:pt x="525" y="980"/>
                  </a:cubicBezTo>
                  <a:cubicBezTo>
                    <a:pt x="525" y="980"/>
                    <a:pt x="505" y="1002"/>
                    <a:pt x="492" y="971"/>
                  </a:cubicBezTo>
                  <a:cubicBezTo>
                    <a:pt x="480" y="940"/>
                    <a:pt x="454" y="919"/>
                    <a:pt x="413" y="947"/>
                  </a:cubicBezTo>
                  <a:cubicBezTo>
                    <a:pt x="372" y="976"/>
                    <a:pt x="359" y="983"/>
                    <a:pt x="348" y="945"/>
                  </a:cubicBezTo>
                  <a:cubicBezTo>
                    <a:pt x="337" y="907"/>
                    <a:pt x="348" y="902"/>
                    <a:pt x="323" y="900"/>
                  </a:cubicBezTo>
                  <a:cubicBezTo>
                    <a:pt x="299" y="898"/>
                    <a:pt x="311" y="909"/>
                    <a:pt x="306" y="923"/>
                  </a:cubicBezTo>
                  <a:cubicBezTo>
                    <a:pt x="301" y="937"/>
                    <a:pt x="281" y="939"/>
                    <a:pt x="272" y="952"/>
                  </a:cubicBezTo>
                  <a:cubicBezTo>
                    <a:pt x="263" y="964"/>
                    <a:pt x="245" y="948"/>
                    <a:pt x="223" y="955"/>
                  </a:cubicBezTo>
                  <a:cubicBezTo>
                    <a:pt x="200" y="961"/>
                    <a:pt x="187" y="961"/>
                    <a:pt x="195" y="936"/>
                  </a:cubicBezTo>
                  <a:cubicBezTo>
                    <a:pt x="203" y="912"/>
                    <a:pt x="178" y="885"/>
                    <a:pt x="165" y="870"/>
                  </a:cubicBezTo>
                  <a:cubicBezTo>
                    <a:pt x="153" y="854"/>
                    <a:pt x="142" y="844"/>
                    <a:pt x="155" y="821"/>
                  </a:cubicBezTo>
                  <a:cubicBezTo>
                    <a:pt x="169" y="799"/>
                    <a:pt x="158" y="776"/>
                    <a:pt x="134" y="787"/>
                  </a:cubicBezTo>
                  <a:cubicBezTo>
                    <a:pt x="109" y="797"/>
                    <a:pt x="97" y="810"/>
                    <a:pt x="88" y="781"/>
                  </a:cubicBezTo>
                  <a:cubicBezTo>
                    <a:pt x="78" y="753"/>
                    <a:pt x="96" y="734"/>
                    <a:pt x="69" y="704"/>
                  </a:cubicBezTo>
                  <a:cubicBezTo>
                    <a:pt x="42" y="673"/>
                    <a:pt x="3" y="661"/>
                    <a:pt x="2" y="625"/>
                  </a:cubicBezTo>
                  <a:cubicBezTo>
                    <a:pt x="0" y="589"/>
                    <a:pt x="9" y="573"/>
                    <a:pt x="17" y="563"/>
                  </a:cubicBezTo>
                  <a:cubicBezTo>
                    <a:pt x="25" y="553"/>
                    <a:pt x="27" y="503"/>
                    <a:pt x="27" y="500"/>
                  </a:cubicBezTo>
                  <a:cubicBezTo>
                    <a:pt x="27" y="497"/>
                    <a:pt x="143" y="205"/>
                    <a:pt x="143" y="205"/>
                  </a:cubicBezTo>
                  <a:cubicBezTo>
                    <a:pt x="229" y="0"/>
                    <a:pt x="229" y="0"/>
                    <a:pt x="229" y="0"/>
                  </a:cubicBezTo>
                  <a:cubicBezTo>
                    <a:pt x="410" y="39"/>
                    <a:pt x="410" y="39"/>
                    <a:pt x="410" y="39"/>
                  </a:cubicBezTo>
                  <a:cubicBezTo>
                    <a:pt x="547" y="125"/>
                    <a:pt x="547" y="125"/>
                    <a:pt x="547" y="125"/>
                  </a:cubicBezTo>
                  <a:cubicBezTo>
                    <a:pt x="557" y="209"/>
                    <a:pt x="557" y="209"/>
                    <a:pt x="557" y="209"/>
                  </a:cubicBezTo>
                  <a:lnTo>
                    <a:pt x="553" y="211"/>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5" name="Freeform 14"/>
            <p:cNvSpPr>
              <a:spLocks noChangeArrowheads="1"/>
            </p:cNvSpPr>
            <p:nvPr/>
          </p:nvSpPr>
          <p:spPr bwMode="auto">
            <a:xfrm>
              <a:off x="3987865" y="3466571"/>
              <a:ext cx="93472" cy="85893"/>
            </a:xfrm>
            <a:custGeom>
              <a:gdLst>
                <a:gd fmla="*/ 104 w 210" name="T0"/>
                <a:gd fmla="*/ 193 h 193" name="T1"/>
                <a:gd fmla="*/ 120 w 210" name="T2"/>
                <a:gd fmla="*/ 182 h 193" name="T3"/>
                <a:gd fmla="*/ 185 w 210" name="T4"/>
                <a:gd fmla="*/ 135 h 193" name="T5"/>
                <a:gd fmla="*/ 195 w 210" name="T6"/>
                <a:gd fmla="*/ 100 h 193" name="T7"/>
                <a:gd fmla="*/ 153 w 210" name="T8"/>
                <a:gd fmla="*/ 41 h 193" name="T9"/>
                <a:gd fmla="*/ 86 w 210" name="T10"/>
                <a:gd fmla="*/ 13 h 193" name="T11"/>
                <a:gd fmla="*/ 81 w 210" name="T12"/>
                <a:gd fmla="*/ 8 h 193" name="T13"/>
                <a:gd fmla="*/ 73 w 210" name="T14"/>
                <a:gd fmla="*/ 0 h 193" name="T15"/>
                <a:gd fmla="*/ 0 w 210" name="T16"/>
                <a:gd fmla="*/ 49 h 193" name="T17"/>
                <a:gd fmla="*/ 8 w 210" name="T18"/>
                <a:gd fmla="*/ 94 h 193" name="T19"/>
                <a:gd fmla="*/ 25 w 210" name="T20"/>
                <a:gd fmla="*/ 116 h 193" name="T21"/>
                <a:gd fmla="*/ 33 w 210" name="T22"/>
                <a:gd fmla="*/ 139 h 193" name="T23"/>
                <a:gd fmla="*/ 54 w 210" name="T24"/>
                <a:gd fmla="*/ 163 h 193" name="T25"/>
                <a:gd fmla="*/ 87 w 210" name="T26"/>
                <a:gd fmla="*/ 183 h 193" name="T27"/>
                <a:gd fmla="*/ 104 w 210" name="T28"/>
                <a:gd fmla="*/ 193 h 193" name="T29"/>
                <a:gd fmla="*/ 0 60000 65536" name="T30"/>
                <a:gd fmla="*/ 0 60000 65536" name="T31"/>
                <a:gd fmla="*/ 0 60000 65536" name="T32"/>
                <a:gd fmla="*/ 0 60000 65536" name="T33"/>
                <a:gd fmla="*/ 0 60000 65536" name="T34"/>
                <a:gd fmla="*/ 0 60000 65536" name="T35"/>
                <a:gd fmla="*/ 0 60000 65536" name="T36"/>
                <a:gd fmla="*/ 0 60000 65536" name="T37"/>
                <a:gd fmla="*/ 0 60000 65536" name="T38"/>
                <a:gd fmla="*/ 0 60000 65536" name="T39"/>
                <a:gd fmla="*/ 0 60000 65536" name="T40"/>
                <a:gd fmla="*/ 0 60000 65536" name="T41"/>
                <a:gd fmla="*/ 0 60000 65536" name="T42"/>
                <a:gd fmla="*/ 0 60000 65536" name="T43"/>
                <a:gd fmla="*/ 0 60000 65536" name="T44"/>
                <a:gd fmla="*/ 0 w 210" name="T45"/>
                <a:gd fmla="*/ 0 h 193" name="T46"/>
                <a:gd fmla="*/ 210 w 210" name="T47"/>
                <a:gd fmla="*/ 193 h 193" name="T48"/>
              </a:gd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b="T48" l="T45" r="T47" t="T46"/>
              <a:pathLst>
                <a:path h="193" w="210">
                  <a:moveTo>
                    <a:pt x="104" y="193"/>
                  </a:moveTo>
                  <a:cubicBezTo>
                    <a:pt x="111" y="189"/>
                    <a:pt x="113" y="187"/>
                    <a:pt x="120" y="182"/>
                  </a:cubicBezTo>
                  <a:cubicBezTo>
                    <a:pt x="135" y="167"/>
                    <a:pt x="161" y="140"/>
                    <a:pt x="185" y="135"/>
                  </a:cubicBezTo>
                  <a:cubicBezTo>
                    <a:pt x="210" y="130"/>
                    <a:pt x="210" y="135"/>
                    <a:pt x="195" y="100"/>
                  </a:cubicBezTo>
                  <a:cubicBezTo>
                    <a:pt x="180" y="66"/>
                    <a:pt x="172" y="55"/>
                    <a:pt x="153" y="41"/>
                  </a:cubicBezTo>
                  <a:cubicBezTo>
                    <a:pt x="135" y="27"/>
                    <a:pt x="113" y="41"/>
                    <a:pt x="86" y="13"/>
                  </a:cubicBezTo>
                  <a:cubicBezTo>
                    <a:pt x="84" y="11"/>
                    <a:pt x="83" y="9"/>
                    <a:pt x="81" y="8"/>
                  </a:cubicBezTo>
                  <a:cubicBezTo>
                    <a:pt x="73" y="0"/>
                    <a:pt x="73" y="0"/>
                    <a:pt x="73" y="0"/>
                  </a:cubicBezTo>
                  <a:cubicBezTo>
                    <a:pt x="0" y="49"/>
                    <a:pt x="0" y="49"/>
                    <a:pt x="0" y="49"/>
                  </a:cubicBezTo>
                  <a:cubicBezTo>
                    <a:pt x="8" y="94"/>
                    <a:pt x="8" y="94"/>
                    <a:pt x="8" y="94"/>
                  </a:cubicBezTo>
                  <a:cubicBezTo>
                    <a:pt x="25" y="116"/>
                    <a:pt x="25" y="116"/>
                    <a:pt x="25" y="116"/>
                  </a:cubicBezTo>
                  <a:cubicBezTo>
                    <a:pt x="25" y="116"/>
                    <a:pt x="33" y="130"/>
                    <a:pt x="33" y="139"/>
                  </a:cubicBezTo>
                  <a:cubicBezTo>
                    <a:pt x="33" y="148"/>
                    <a:pt x="30" y="152"/>
                    <a:pt x="54" y="163"/>
                  </a:cubicBezTo>
                  <a:cubicBezTo>
                    <a:pt x="79" y="175"/>
                    <a:pt x="82" y="177"/>
                    <a:pt x="87" y="183"/>
                  </a:cubicBezTo>
                  <a:cubicBezTo>
                    <a:pt x="92" y="189"/>
                    <a:pt x="104" y="193"/>
                    <a:pt x="104" y="193"/>
                  </a:cubicBez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6" name="Freeform 15"/>
            <p:cNvSpPr>
              <a:spLocks noChangeArrowheads="1"/>
            </p:cNvSpPr>
            <p:nvPr/>
          </p:nvSpPr>
          <p:spPr bwMode="auto">
            <a:xfrm>
              <a:off x="3437138" y="3158368"/>
              <a:ext cx="457255" cy="550723"/>
            </a:xfrm>
            <a:custGeom>
              <a:gdLst>
                <a:gd fmla="*/ 214 w 1029" name="T0"/>
                <a:gd fmla="*/ 858 h 1236" name="T1"/>
                <a:gd fmla="*/ 247 w 1029" name="T2"/>
                <a:gd fmla="*/ 893 h 1236" name="T3"/>
                <a:gd fmla="*/ 274 w 1029" name="T4"/>
                <a:gd fmla="*/ 902 h 1236" name="T5"/>
                <a:gd fmla="*/ 331 w 1029" name="T6"/>
                <a:gd fmla="*/ 918 h 1236" name="T7"/>
                <a:gd fmla="*/ 341 w 1029" name="T8"/>
                <a:gd fmla="*/ 954 h 1236" name="T9"/>
                <a:gd fmla="*/ 315 w 1029" name="T10"/>
                <a:gd fmla="*/ 990 h 1236" name="T11"/>
                <a:gd fmla="*/ 327 w 1029" name="T12"/>
                <a:gd fmla="*/ 1022 h 1236" name="T13"/>
                <a:gd fmla="*/ 343 w 1029" name="T14"/>
                <a:gd fmla="*/ 1061 h 1236" name="T15"/>
                <a:gd fmla="*/ 359 w 1029" name="T16"/>
                <a:gd fmla="*/ 1093 h 1236" name="T17"/>
                <a:gd fmla="*/ 389 w 1029" name="T18"/>
                <a:gd fmla="*/ 1133 h 1236" name="T19"/>
                <a:gd fmla="*/ 408 w 1029" name="T20"/>
                <a:gd fmla="*/ 1193 h 1236" name="T21"/>
                <a:gd fmla="*/ 456 w 1029" name="T22"/>
                <a:gd fmla="*/ 1193 h 1236" name="T23"/>
                <a:gd fmla="*/ 502 w 1029" name="T24"/>
                <a:gd fmla="*/ 1138 h 1236" name="T25"/>
                <a:gd fmla="*/ 538 w 1029" name="T26"/>
                <a:gd fmla="*/ 1152 h 1236" name="T27"/>
                <a:gd fmla="*/ 515 w 1029" name="T28"/>
                <a:gd fmla="*/ 1191 h 1236" name="T29"/>
                <a:gd fmla="*/ 518 w 1029" name="T30"/>
                <a:gd fmla="*/ 1232 h 1236" name="T31"/>
                <a:gd fmla="*/ 565 w 1029" name="T32"/>
                <a:gd fmla="*/ 1213 h 1236" name="T33"/>
                <a:gd fmla="*/ 584 w 1029" name="T34"/>
                <a:gd fmla="*/ 1165 h 1236" name="T35"/>
                <a:gd fmla="*/ 602 w 1029" name="T36"/>
                <a:gd fmla="*/ 1151 h 1236" name="T37"/>
                <a:gd fmla="*/ 645 w 1029" name="T38"/>
                <a:gd fmla="*/ 1193 h 1236" name="T39"/>
                <a:gd fmla="*/ 725 w 1029" name="T40"/>
                <a:gd fmla="*/ 1202 h 1236" name="T41"/>
                <a:gd fmla="*/ 784 w 1029" name="T42"/>
                <a:gd fmla="*/ 1219 h 1236" name="T43"/>
                <a:gd fmla="*/ 841 w 1029" name="T44"/>
                <a:gd fmla="*/ 1197 h 1236" name="T45"/>
                <a:gd fmla="*/ 899 w 1029" name="T46"/>
                <a:gd fmla="*/ 1124 h 1236" name="T47"/>
                <a:gd fmla="*/ 905 w 1029" name="T48"/>
                <a:gd fmla="*/ 1045 h 1236" name="T49"/>
                <a:gd fmla="*/ 923 w 1029" name="T50"/>
                <a:gd fmla="*/ 1014 h 1236" name="T51"/>
                <a:gd fmla="*/ 973 w 1029" name="T52"/>
                <a:gd fmla="*/ 992 h 1236" name="T53"/>
                <a:gd fmla="*/ 968 w 1029" name="T54"/>
                <a:gd fmla="*/ 966 h 1236" name="T55"/>
                <a:gd fmla="*/ 967 w 1029" name="T56"/>
                <a:gd fmla="*/ 935 h 1236" name="T57"/>
                <a:gd fmla="*/ 1003 w 1029" name="T58"/>
                <a:gd fmla="*/ 889 h 1236" name="T59"/>
                <a:gd fmla="*/ 1019 w 1029" name="T60"/>
                <a:gd fmla="*/ 761 h 1236" name="T61"/>
                <a:gd fmla="*/ 966 w 1029" name="T62"/>
                <a:gd fmla="*/ 464 h 1236" name="T63"/>
                <a:gd fmla="*/ 763 w 1029" name="T64"/>
                <a:gd fmla="*/ 244 h 1236" name="T65"/>
                <a:gd fmla="*/ 423 w 1029" name="T66"/>
                <a:gd fmla="*/ 0 h 1236" name="T67"/>
                <a:gd fmla="*/ 103 w 1029" name="T68"/>
                <a:gd fmla="*/ 244 h 1236" name="T69"/>
                <a:gd fmla="*/ 0 w 1029" name="T70"/>
                <a:gd fmla="*/ 560 h 1236" name="T71"/>
                <a:gd fmla="*/ 173 w 1029" name="T72"/>
                <a:gd fmla="*/ 732 h 1236" name="T73"/>
                <a:gd fmla="*/ 214 w 1029" name="T74"/>
                <a:gd fmla="*/ 858 h 1236" name="T75"/>
                <a:gd fmla="*/ 0 60000 65536" name="T76"/>
                <a:gd fmla="*/ 0 60000 65536" name="T77"/>
                <a:gd fmla="*/ 0 60000 65536" name="T78"/>
                <a:gd fmla="*/ 0 60000 65536" name="T79"/>
                <a:gd fmla="*/ 0 60000 65536" name="T80"/>
                <a:gd fmla="*/ 0 60000 65536" name="T81"/>
                <a:gd fmla="*/ 0 60000 65536" name="T82"/>
                <a:gd fmla="*/ 0 60000 65536" name="T83"/>
                <a:gd fmla="*/ 0 60000 65536" name="T84"/>
                <a:gd fmla="*/ 0 60000 65536" name="T85"/>
                <a:gd fmla="*/ 0 60000 65536" name="T86"/>
                <a:gd fmla="*/ 0 60000 65536" name="T87"/>
                <a:gd fmla="*/ 0 60000 65536" name="T88"/>
                <a:gd fmla="*/ 0 60000 65536" name="T89"/>
                <a:gd fmla="*/ 0 60000 65536" name="T90"/>
                <a:gd fmla="*/ 0 60000 65536" name="T91"/>
                <a:gd fmla="*/ 0 60000 65536" name="T92"/>
                <a:gd fmla="*/ 0 60000 65536" name="T93"/>
                <a:gd fmla="*/ 0 60000 65536" name="T94"/>
                <a:gd fmla="*/ 0 60000 65536" name="T95"/>
                <a:gd fmla="*/ 0 60000 65536" name="T96"/>
                <a:gd fmla="*/ 0 60000 65536"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w 1029" name="T114"/>
                <a:gd fmla="*/ 0 h 1236" name="T115"/>
                <a:gd fmla="*/ 1029 w 1029" name="T116"/>
                <a:gd fmla="*/ 1236 h 1236" name="T117"/>
              </a:gdLst>
              <a:cxnLst>
                <a:cxn ang="T76">
                  <a:pos x="T0" y="T1"/>
                </a:cxn>
                <a:cxn ang="T77">
                  <a:pos x="T2" y="T3"/>
                </a:cxn>
                <a:cxn ang="T78">
                  <a:pos x="T4" y="T5"/>
                </a:cxn>
                <a:cxn ang="T79">
                  <a:pos x="T6" y="T7"/>
                </a:cxn>
                <a:cxn ang="T80">
                  <a:pos x="T8" y="T9"/>
                </a:cxn>
                <a:cxn ang="T81">
                  <a:pos x="T10" y="T11"/>
                </a:cxn>
                <a:cxn ang="T82">
                  <a:pos x="T12" y="T13"/>
                </a:cxn>
                <a:cxn ang="T83">
                  <a:pos x="T14" y="T15"/>
                </a:cxn>
                <a:cxn ang="T84">
                  <a:pos x="T16" y="T17"/>
                </a:cxn>
                <a:cxn ang="T85">
                  <a:pos x="T18" y="T19"/>
                </a:cxn>
                <a:cxn ang="T86">
                  <a:pos x="T20" y="T21"/>
                </a:cxn>
                <a:cxn ang="T87">
                  <a:pos x="T22" y="T23"/>
                </a:cxn>
                <a:cxn ang="T88">
                  <a:pos x="T24" y="T25"/>
                </a:cxn>
                <a:cxn ang="T89">
                  <a:pos x="T26" y="T27"/>
                </a:cxn>
                <a:cxn ang="T90">
                  <a:pos x="T28" y="T29"/>
                </a:cxn>
                <a:cxn ang="T91">
                  <a:pos x="T30" y="T31"/>
                </a:cxn>
                <a:cxn ang="T92">
                  <a:pos x="T32" y="T33"/>
                </a:cxn>
                <a:cxn ang="T93">
                  <a:pos x="T34" y="T35"/>
                </a:cxn>
                <a:cxn ang="T94">
                  <a:pos x="T36" y="T37"/>
                </a:cxn>
                <a:cxn ang="T95">
                  <a:pos x="T38" y="T39"/>
                </a:cxn>
                <a:cxn ang="T96">
                  <a:pos x="T40" y="T41"/>
                </a:cxn>
                <a:cxn ang="T97">
                  <a:pos x="T42" y="T43"/>
                </a:cxn>
                <a:cxn ang="T98">
                  <a:pos x="T44" y="T45"/>
                </a:cxn>
                <a:cxn ang="T99">
                  <a:pos x="T46" y="T47"/>
                </a:cxn>
                <a:cxn ang="T100">
                  <a:pos x="T48" y="T49"/>
                </a:cxn>
                <a:cxn ang="T101">
                  <a:pos x="T50" y="T51"/>
                </a:cxn>
                <a:cxn ang="T102">
                  <a:pos x="T52" y="T53"/>
                </a:cxn>
                <a:cxn ang="T103">
                  <a:pos x="T54" y="T55"/>
                </a:cxn>
                <a:cxn ang="T104">
                  <a:pos x="T56" y="T57"/>
                </a:cxn>
                <a:cxn ang="T105">
                  <a:pos x="T58" y="T59"/>
                </a:cxn>
                <a:cxn ang="T106">
                  <a:pos x="T60" y="T61"/>
                </a:cxn>
                <a:cxn ang="T107">
                  <a:pos x="T62" y="T63"/>
                </a:cxn>
                <a:cxn ang="T108">
                  <a:pos x="T64" y="T65"/>
                </a:cxn>
                <a:cxn ang="T109">
                  <a:pos x="T66" y="T67"/>
                </a:cxn>
                <a:cxn ang="T110">
                  <a:pos x="T68" y="T69"/>
                </a:cxn>
                <a:cxn ang="T111">
                  <a:pos x="T70" y="T71"/>
                </a:cxn>
                <a:cxn ang="T112">
                  <a:pos x="T72" y="T73"/>
                </a:cxn>
                <a:cxn ang="T113">
                  <a:pos x="T74" y="T75"/>
                </a:cxn>
              </a:cxnLst>
              <a:rect b="T117" l="T114" r="T116" t="T115"/>
              <a:pathLst>
                <a:path h="1236" w="1029">
                  <a:moveTo>
                    <a:pt x="214" y="858"/>
                  </a:moveTo>
                  <a:cubicBezTo>
                    <a:pt x="214" y="858"/>
                    <a:pt x="241" y="883"/>
                    <a:pt x="247" y="893"/>
                  </a:cubicBezTo>
                  <a:cubicBezTo>
                    <a:pt x="252" y="903"/>
                    <a:pt x="258" y="903"/>
                    <a:pt x="274" y="902"/>
                  </a:cubicBezTo>
                  <a:cubicBezTo>
                    <a:pt x="291" y="901"/>
                    <a:pt x="314" y="895"/>
                    <a:pt x="331" y="918"/>
                  </a:cubicBezTo>
                  <a:cubicBezTo>
                    <a:pt x="347" y="942"/>
                    <a:pt x="354" y="944"/>
                    <a:pt x="341" y="954"/>
                  </a:cubicBezTo>
                  <a:cubicBezTo>
                    <a:pt x="327" y="965"/>
                    <a:pt x="318" y="979"/>
                    <a:pt x="315" y="990"/>
                  </a:cubicBezTo>
                  <a:cubicBezTo>
                    <a:pt x="312" y="1001"/>
                    <a:pt x="317" y="1013"/>
                    <a:pt x="327" y="1022"/>
                  </a:cubicBezTo>
                  <a:cubicBezTo>
                    <a:pt x="338" y="1031"/>
                    <a:pt x="341" y="1051"/>
                    <a:pt x="343" y="1061"/>
                  </a:cubicBezTo>
                  <a:cubicBezTo>
                    <a:pt x="345" y="1071"/>
                    <a:pt x="350" y="1088"/>
                    <a:pt x="359" y="1093"/>
                  </a:cubicBezTo>
                  <a:cubicBezTo>
                    <a:pt x="368" y="1098"/>
                    <a:pt x="381" y="1109"/>
                    <a:pt x="389" y="1133"/>
                  </a:cubicBezTo>
                  <a:cubicBezTo>
                    <a:pt x="397" y="1156"/>
                    <a:pt x="391" y="1172"/>
                    <a:pt x="408" y="1193"/>
                  </a:cubicBezTo>
                  <a:cubicBezTo>
                    <a:pt x="425" y="1215"/>
                    <a:pt x="446" y="1204"/>
                    <a:pt x="456" y="1193"/>
                  </a:cubicBezTo>
                  <a:cubicBezTo>
                    <a:pt x="465" y="1182"/>
                    <a:pt x="484" y="1141"/>
                    <a:pt x="502" y="1138"/>
                  </a:cubicBezTo>
                  <a:cubicBezTo>
                    <a:pt x="519" y="1135"/>
                    <a:pt x="541" y="1136"/>
                    <a:pt x="538" y="1152"/>
                  </a:cubicBezTo>
                  <a:cubicBezTo>
                    <a:pt x="534" y="1169"/>
                    <a:pt x="524" y="1181"/>
                    <a:pt x="515" y="1191"/>
                  </a:cubicBezTo>
                  <a:cubicBezTo>
                    <a:pt x="506" y="1201"/>
                    <a:pt x="506" y="1228"/>
                    <a:pt x="518" y="1232"/>
                  </a:cubicBezTo>
                  <a:cubicBezTo>
                    <a:pt x="530" y="1236"/>
                    <a:pt x="557" y="1219"/>
                    <a:pt x="565" y="1213"/>
                  </a:cubicBezTo>
                  <a:cubicBezTo>
                    <a:pt x="573" y="1206"/>
                    <a:pt x="592" y="1180"/>
                    <a:pt x="584" y="1165"/>
                  </a:cubicBezTo>
                  <a:cubicBezTo>
                    <a:pt x="575" y="1151"/>
                    <a:pt x="588" y="1135"/>
                    <a:pt x="602" y="1151"/>
                  </a:cubicBezTo>
                  <a:cubicBezTo>
                    <a:pt x="616" y="1167"/>
                    <a:pt x="627" y="1188"/>
                    <a:pt x="645" y="1193"/>
                  </a:cubicBezTo>
                  <a:cubicBezTo>
                    <a:pt x="664" y="1198"/>
                    <a:pt x="706" y="1204"/>
                    <a:pt x="725" y="1202"/>
                  </a:cubicBezTo>
                  <a:cubicBezTo>
                    <a:pt x="745" y="1200"/>
                    <a:pt x="768" y="1208"/>
                    <a:pt x="784" y="1219"/>
                  </a:cubicBezTo>
                  <a:cubicBezTo>
                    <a:pt x="801" y="1229"/>
                    <a:pt x="819" y="1216"/>
                    <a:pt x="841" y="1197"/>
                  </a:cubicBezTo>
                  <a:cubicBezTo>
                    <a:pt x="862" y="1179"/>
                    <a:pt x="891" y="1142"/>
                    <a:pt x="899" y="1124"/>
                  </a:cubicBezTo>
                  <a:cubicBezTo>
                    <a:pt x="907" y="1107"/>
                    <a:pt x="912" y="1077"/>
                    <a:pt x="905" y="1045"/>
                  </a:cubicBezTo>
                  <a:cubicBezTo>
                    <a:pt x="899" y="1014"/>
                    <a:pt x="903" y="1012"/>
                    <a:pt x="923" y="1014"/>
                  </a:cubicBezTo>
                  <a:cubicBezTo>
                    <a:pt x="942" y="1016"/>
                    <a:pt x="959" y="1001"/>
                    <a:pt x="973" y="992"/>
                  </a:cubicBezTo>
                  <a:cubicBezTo>
                    <a:pt x="987" y="983"/>
                    <a:pt x="992" y="976"/>
                    <a:pt x="968" y="966"/>
                  </a:cubicBezTo>
                  <a:cubicBezTo>
                    <a:pt x="943" y="955"/>
                    <a:pt x="950" y="944"/>
                    <a:pt x="967" y="935"/>
                  </a:cubicBezTo>
                  <a:cubicBezTo>
                    <a:pt x="983" y="926"/>
                    <a:pt x="996" y="902"/>
                    <a:pt x="1003" y="889"/>
                  </a:cubicBezTo>
                  <a:cubicBezTo>
                    <a:pt x="1010" y="875"/>
                    <a:pt x="1029" y="790"/>
                    <a:pt x="1019" y="761"/>
                  </a:cubicBezTo>
                  <a:cubicBezTo>
                    <a:pt x="1009" y="731"/>
                    <a:pt x="966" y="464"/>
                    <a:pt x="966" y="464"/>
                  </a:cubicBezTo>
                  <a:cubicBezTo>
                    <a:pt x="763" y="244"/>
                    <a:pt x="763" y="244"/>
                    <a:pt x="763" y="244"/>
                  </a:cubicBezTo>
                  <a:cubicBezTo>
                    <a:pt x="423" y="0"/>
                    <a:pt x="423" y="0"/>
                    <a:pt x="423" y="0"/>
                  </a:cubicBezTo>
                  <a:cubicBezTo>
                    <a:pt x="103" y="244"/>
                    <a:pt x="103" y="244"/>
                    <a:pt x="103" y="244"/>
                  </a:cubicBezTo>
                  <a:cubicBezTo>
                    <a:pt x="0" y="560"/>
                    <a:pt x="0" y="560"/>
                    <a:pt x="0" y="560"/>
                  </a:cubicBezTo>
                  <a:cubicBezTo>
                    <a:pt x="173" y="732"/>
                    <a:pt x="173" y="732"/>
                    <a:pt x="173" y="732"/>
                  </a:cubicBezTo>
                  <a:lnTo>
                    <a:pt x="214" y="858"/>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7" name="Freeform 16"/>
            <p:cNvSpPr>
              <a:spLocks noChangeArrowheads="1"/>
            </p:cNvSpPr>
            <p:nvPr/>
          </p:nvSpPr>
          <p:spPr bwMode="auto">
            <a:xfrm>
              <a:off x="3068303" y="3042160"/>
              <a:ext cx="553253" cy="500198"/>
            </a:xfrm>
            <a:custGeom>
              <a:gdLst>
                <a:gd fmla="*/ 219 w 1241" name="T0"/>
                <a:gd fmla="*/ 769 h 1123" name="T1"/>
                <a:gd fmla="*/ 261 w 1241" name="T2"/>
                <a:gd fmla="*/ 836 h 1123" name="T3"/>
                <a:gd fmla="*/ 334 w 1241" name="T4"/>
                <a:gd fmla="*/ 905 h 1123" name="T5"/>
                <a:gd fmla="*/ 448 w 1241" name="T6"/>
                <a:gd fmla="*/ 954 h 1123" name="T7"/>
                <a:gd fmla="*/ 585 w 1241" name="T8"/>
                <a:gd fmla="*/ 954 h 1123" name="T9"/>
                <a:gd fmla="*/ 692 w 1241" name="T10"/>
                <a:gd fmla="*/ 937 h 1123" name="T11"/>
                <a:gd fmla="*/ 739 w 1241" name="T12"/>
                <a:gd fmla="*/ 959 h 1123" name="T13"/>
                <a:gd fmla="*/ 753 w 1241" name="T14"/>
                <a:gd fmla="*/ 1021 h 1123" name="T15"/>
                <a:gd fmla="*/ 781 w 1241" name="T16"/>
                <a:gd fmla="*/ 1067 h 1123" name="T17"/>
                <a:gd fmla="*/ 859 w 1241" name="T18"/>
                <a:gd fmla="*/ 1063 h 1123" name="T19"/>
                <a:gd fmla="*/ 905 w 1241" name="T20"/>
                <a:gd fmla="*/ 1085 h 1123" name="T21"/>
                <a:gd fmla="*/ 974 w 1241" name="T22"/>
                <a:gd fmla="*/ 1110 h 1123" name="T23"/>
                <a:gd fmla="*/ 1019 w 1241" name="T24"/>
                <a:gd fmla="*/ 1105 h 1123" name="T25"/>
                <a:gd fmla="*/ 1046 w 1241" name="T26"/>
                <a:gd fmla="*/ 1104 h 1123" name="T27"/>
                <a:gd fmla="*/ 1089 w 1241" name="T28"/>
                <a:gd fmla="*/ 1041 h 1123" name="T29"/>
                <a:gd fmla="*/ 1141 w 1241" name="T30"/>
                <a:gd fmla="*/ 992 h 1123" name="T31"/>
                <a:gd fmla="*/ 1130 w 1241" name="T32"/>
                <a:gd fmla="*/ 903 h 1123" name="T33"/>
                <a:gd fmla="*/ 1108 w 1241" name="T34"/>
                <a:gd fmla="*/ 872 h 1123" name="T35"/>
                <a:gd fmla="*/ 1019 w 1241" name="T36"/>
                <a:gd fmla="*/ 866 h 1123" name="T37"/>
                <a:gd fmla="*/ 964 w 1241" name="T38"/>
                <a:gd fmla="*/ 807 h 1123" name="T39"/>
                <a:gd fmla="*/ 924 w 1241" name="T40"/>
                <a:gd fmla="*/ 769 h 1123" name="T41"/>
                <a:gd fmla="*/ 955 w 1241" name="T42"/>
                <a:gd fmla="*/ 761 h 1123" name="T43"/>
                <a:gd fmla="*/ 1001 w 1241" name="T44"/>
                <a:gd fmla="*/ 740 h 1123" name="T45"/>
                <a:gd fmla="*/ 1006 w 1241" name="T46"/>
                <a:gd fmla="*/ 658 h 1123" name="T47"/>
                <a:gd fmla="*/ 1047 w 1241" name="T48"/>
                <a:gd fmla="*/ 637 h 1123" name="T49"/>
                <a:gd fmla="*/ 1039 w 1241" name="T50"/>
                <a:gd fmla="*/ 549 h 1123" name="T51"/>
                <a:gd fmla="*/ 1100 w 1241" name="T52"/>
                <a:gd fmla="*/ 555 h 1123" name="T53"/>
                <a:gd fmla="*/ 1141 w 1241" name="T54"/>
                <a:gd fmla="*/ 606 h 1123" name="T55"/>
                <a:gd fmla="*/ 1201 w 1241" name="T56"/>
                <a:gd fmla="*/ 566 h 1123" name="T57"/>
                <a:gd fmla="*/ 1229 w 1241" name="T58"/>
                <a:gd fmla="*/ 522 h 1123" name="T59"/>
                <a:gd fmla="*/ 1207 w 1241" name="T60"/>
                <a:gd fmla="*/ 471 h 1123" name="T61"/>
                <a:gd fmla="*/ 1180 w 1241" name="T62"/>
                <a:gd fmla="*/ 455 h 1123" name="T63"/>
                <a:gd fmla="*/ 1146 w 1241" name="T64"/>
                <a:gd fmla="*/ 395 h 1123" name="T65"/>
                <a:gd fmla="*/ 1157 w 1241" name="T66"/>
                <a:gd fmla="*/ 192 h 1123" name="T67"/>
                <a:gd fmla="*/ 1119 w 1241" name="T68"/>
                <a:gd fmla="*/ 49 h 1123" name="T69"/>
                <a:gd fmla="*/ 827 w 1241" name="T70"/>
                <a:gd fmla="*/ 0 h 1123" name="T71"/>
                <a:gd fmla="*/ 522 w 1241" name="T72"/>
                <a:gd fmla="*/ 64 h 1123" name="T73"/>
                <a:gd fmla="*/ 0 w 1241" name="T74"/>
                <a:gd fmla="*/ 432 h 1123" name="T75"/>
                <a:gd fmla="*/ 32 w 1241" name="T76"/>
                <a:gd fmla="*/ 658 h 1123" name="T77"/>
                <a:gd fmla="*/ 196 w 1241" name="T78"/>
                <a:gd fmla="*/ 750 h 1123" name="T79"/>
                <a:gd fmla="*/ 219 w 1241" name="T80"/>
                <a:gd fmla="*/ 769 h 1123" name="T81"/>
                <a:gd fmla="*/ 0 60000 65536" name="T82"/>
                <a:gd fmla="*/ 0 60000 65536" name="T83"/>
                <a:gd fmla="*/ 0 60000 65536" name="T84"/>
                <a:gd fmla="*/ 0 60000 65536" name="T85"/>
                <a:gd fmla="*/ 0 60000 65536" name="T86"/>
                <a:gd fmla="*/ 0 60000 65536" name="T87"/>
                <a:gd fmla="*/ 0 60000 65536" name="T88"/>
                <a:gd fmla="*/ 0 60000 65536" name="T89"/>
                <a:gd fmla="*/ 0 60000 65536" name="T90"/>
                <a:gd fmla="*/ 0 60000 65536" name="T91"/>
                <a:gd fmla="*/ 0 60000 65536" name="T92"/>
                <a:gd fmla="*/ 0 60000 65536" name="T93"/>
                <a:gd fmla="*/ 0 60000 65536" name="T94"/>
                <a:gd fmla="*/ 0 60000 65536" name="T95"/>
                <a:gd fmla="*/ 0 60000 65536" name="T96"/>
                <a:gd fmla="*/ 0 60000 65536"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w 1241" name="T123"/>
                <a:gd fmla="*/ 0 h 1123" name="T124"/>
                <a:gd fmla="*/ 1241 w 1241" name="T125"/>
                <a:gd fmla="*/ 1123 h 1123" name="T126"/>
              </a:gdLst>
              <a:cxnLst>
                <a:cxn ang="T82">
                  <a:pos x="T0" y="T1"/>
                </a:cxn>
                <a:cxn ang="T83">
                  <a:pos x="T2" y="T3"/>
                </a:cxn>
                <a:cxn ang="T84">
                  <a:pos x="T4" y="T5"/>
                </a:cxn>
                <a:cxn ang="T85">
                  <a:pos x="T6" y="T7"/>
                </a:cxn>
                <a:cxn ang="T86">
                  <a:pos x="T8" y="T9"/>
                </a:cxn>
                <a:cxn ang="T87">
                  <a:pos x="T10" y="T11"/>
                </a:cxn>
                <a:cxn ang="T88">
                  <a:pos x="T12" y="T13"/>
                </a:cxn>
                <a:cxn ang="T89">
                  <a:pos x="T14" y="T15"/>
                </a:cxn>
                <a:cxn ang="T90">
                  <a:pos x="T16" y="T17"/>
                </a:cxn>
                <a:cxn ang="T91">
                  <a:pos x="T18" y="T19"/>
                </a:cxn>
                <a:cxn ang="T92">
                  <a:pos x="T20" y="T21"/>
                </a:cxn>
                <a:cxn ang="T93">
                  <a:pos x="T22" y="T23"/>
                </a:cxn>
                <a:cxn ang="T94">
                  <a:pos x="T24" y="T25"/>
                </a:cxn>
                <a:cxn ang="T95">
                  <a:pos x="T26" y="T27"/>
                </a:cxn>
                <a:cxn ang="T96">
                  <a:pos x="T28" y="T29"/>
                </a:cxn>
                <a:cxn ang="T97">
                  <a:pos x="T30" y="T31"/>
                </a:cxn>
                <a:cxn ang="T98">
                  <a:pos x="T32" y="T33"/>
                </a:cxn>
                <a:cxn ang="T99">
                  <a:pos x="T34" y="T35"/>
                </a:cxn>
                <a:cxn ang="T100">
                  <a:pos x="T36" y="T37"/>
                </a:cxn>
                <a:cxn ang="T101">
                  <a:pos x="T38" y="T39"/>
                </a:cxn>
                <a:cxn ang="T102">
                  <a:pos x="T40" y="T41"/>
                </a:cxn>
                <a:cxn ang="T103">
                  <a:pos x="T42" y="T43"/>
                </a:cxn>
                <a:cxn ang="T104">
                  <a:pos x="T44" y="T45"/>
                </a:cxn>
                <a:cxn ang="T105">
                  <a:pos x="T46" y="T47"/>
                </a:cxn>
                <a:cxn ang="T106">
                  <a:pos x="T48" y="T49"/>
                </a:cxn>
                <a:cxn ang="T107">
                  <a:pos x="T50" y="T51"/>
                </a:cxn>
                <a:cxn ang="T108">
                  <a:pos x="T52" y="T53"/>
                </a:cxn>
                <a:cxn ang="T109">
                  <a:pos x="T54" y="T55"/>
                </a:cxn>
                <a:cxn ang="T110">
                  <a:pos x="T56" y="T57"/>
                </a:cxn>
                <a:cxn ang="T111">
                  <a:pos x="T58" y="T59"/>
                </a:cxn>
                <a:cxn ang="T112">
                  <a:pos x="T60" y="T61"/>
                </a:cxn>
                <a:cxn ang="T113">
                  <a:pos x="T62" y="T63"/>
                </a:cxn>
                <a:cxn ang="T114">
                  <a:pos x="T64" y="T65"/>
                </a:cxn>
                <a:cxn ang="T115">
                  <a:pos x="T66" y="T67"/>
                </a:cxn>
                <a:cxn ang="T116">
                  <a:pos x="T68" y="T69"/>
                </a:cxn>
                <a:cxn ang="T117">
                  <a:pos x="T70" y="T71"/>
                </a:cxn>
                <a:cxn ang="T118">
                  <a:pos x="T72" y="T73"/>
                </a:cxn>
                <a:cxn ang="T119">
                  <a:pos x="T74" y="T75"/>
                </a:cxn>
                <a:cxn ang="T120">
                  <a:pos x="T76" y="T77"/>
                </a:cxn>
                <a:cxn ang="T121">
                  <a:pos x="T78" y="T79"/>
                </a:cxn>
                <a:cxn ang="T122">
                  <a:pos x="T80" y="T81"/>
                </a:cxn>
              </a:cxnLst>
              <a:rect b="T126" l="T123" r="T125" t="T124"/>
              <a:pathLst>
                <a:path h="1123" w="1241">
                  <a:moveTo>
                    <a:pt x="219" y="769"/>
                  </a:moveTo>
                  <a:cubicBezTo>
                    <a:pt x="219" y="769"/>
                    <a:pt x="252" y="824"/>
                    <a:pt x="261" y="836"/>
                  </a:cubicBezTo>
                  <a:cubicBezTo>
                    <a:pt x="270" y="849"/>
                    <a:pt x="304" y="880"/>
                    <a:pt x="334" y="905"/>
                  </a:cubicBezTo>
                  <a:cubicBezTo>
                    <a:pt x="363" y="929"/>
                    <a:pt x="405" y="941"/>
                    <a:pt x="448" y="954"/>
                  </a:cubicBezTo>
                  <a:cubicBezTo>
                    <a:pt x="491" y="967"/>
                    <a:pt x="548" y="968"/>
                    <a:pt x="585" y="954"/>
                  </a:cubicBezTo>
                  <a:cubicBezTo>
                    <a:pt x="622" y="940"/>
                    <a:pt x="669" y="934"/>
                    <a:pt x="692" y="937"/>
                  </a:cubicBezTo>
                  <a:cubicBezTo>
                    <a:pt x="716" y="940"/>
                    <a:pt x="737" y="922"/>
                    <a:pt x="739" y="959"/>
                  </a:cubicBezTo>
                  <a:cubicBezTo>
                    <a:pt x="742" y="995"/>
                    <a:pt x="744" y="993"/>
                    <a:pt x="753" y="1021"/>
                  </a:cubicBezTo>
                  <a:cubicBezTo>
                    <a:pt x="762" y="1048"/>
                    <a:pt x="747" y="1076"/>
                    <a:pt x="781" y="1067"/>
                  </a:cubicBezTo>
                  <a:cubicBezTo>
                    <a:pt x="816" y="1058"/>
                    <a:pt x="832" y="1050"/>
                    <a:pt x="859" y="1063"/>
                  </a:cubicBezTo>
                  <a:cubicBezTo>
                    <a:pt x="887" y="1075"/>
                    <a:pt x="883" y="1050"/>
                    <a:pt x="905" y="1085"/>
                  </a:cubicBezTo>
                  <a:cubicBezTo>
                    <a:pt x="928" y="1120"/>
                    <a:pt x="943" y="1116"/>
                    <a:pt x="974" y="1110"/>
                  </a:cubicBezTo>
                  <a:cubicBezTo>
                    <a:pt x="1005" y="1104"/>
                    <a:pt x="1004" y="1086"/>
                    <a:pt x="1019" y="1105"/>
                  </a:cubicBezTo>
                  <a:cubicBezTo>
                    <a:pt x="1035" y="1123"/>
                    <a:pt x="1047" y="1123"/>
                    <a:pt x="1046" y="1104"/>
                  </a:cubicBezTo>
                  <a:cubicBezTo>
                    <a:pt x="1045" y="1084"/>
                    <a:pt x="1069" y="1056"/>
                    <a:pt x="1089" y="1041"/>
                  </a:cubicBezTo>
                  <a:cubicBezTo>
                    <a:pt x="1108" y="1027"/>
                    <a:pt x="1143" y="1024"/>
                    <a:pt x="1141" y="992"/>
                  </a:cubicBezTo>
                  <a:cubicBezTo>
                    <a:pt x="1139" y="960"/>
                    <a:pt x="1127" y="924"/>
                    <a:pt x="1130" y="903"/>
                  </a:cubicBezTo>
                  <a:cubicBezTo>
                    <a:pt x="1132" y="881"/>
                    <a:pt x="1126" y="851"/>
                    <a:pt x="1108" y="872"/>
                  </a:cubicBezTo>
                  <a:cubicBezTo>
                    <a:pt x="1091" y="894"/>
                    <a:pt x="1042" y="891"/>
                    <a:pt x="1019" y="866"/>
                  </a:cubicBezTo>
                  <a:cubicBezTo>
                    <a:pt x="997" y="841"/>
                    <a:pt x="992" y="807"/>
                    <a:pt x="964" y="807"/>
                  </a:cubicBezTo>
                  <a:cubicBezTo>
                    <a:pt x="936" y="807"/>
                    <a:pt x="917" y="788"/>
                    <a:pt x="924" y="769"/>
                  </a:cubicBezTo>
                  <a:cubicBezTo>
                    <a:pt x="931" y="751"/>
                    <a:pt x="942" y="759"/>
                    <a:pt x="955" y="761"/>
                  </a:cubicBezTo>
                  <a:cubicBezTo>
                    <a:pt x="967" y="763"/>
                    <a:pt x="992" y="765"/>
                    <a:pt x="1001" y="740"/>
                  </a:cubicBezTo>
                  <a:cubicBezTo>
                    <a:pt x="1010" y="715"/>
                    <a:pt x="992" y="668"/>
                    <a:pt x="1006" y="658"/>
                  </a:cubicBezTo>
                  <a:cubicBezTo>
                    <a:pt x="1020" y="648"/>
                    <a:pt x="1054" y="663"/>
                    <a:pt x="1047" y="637"/>
                  </a:cubicBezTo>
                  <a:cubicBezTo>
                    <a:pt x="1040" y="612"/>
                    <a:pt x="1020" y="555"/>
                    <a:pt x="1039" y="549"/>
                  </a:cubicBezTo>
                  <a:cubicBezTo>
                    <a:pt x="1057" y="543"/>
                    <a:pt x="1091" y="542"/>
                    <a:pt x="1100" y="555"/>
                  </a:cubicBezTo>
                  <a:cubicBezTo>
                    <a:pt x="1109" y="569"/>
                    <a:pt x="1125" y="606"/>
                    <a:pt x="1141" y="606"/>
                  </a:cubicBezTo>
                  <a:cubicBezTo>
                    <a:pt x="1158" y="606"/>
                    <a:pt x="1161" y="577"/>
                    <a:pt x="1201" y="566"/>
                  </a:cubicBezTo>
                  <a:cubicBezTo>
                    <a:pt x="1241" y="554"/>
                    <a:pt x="1238" y="540"/>
                    <a:pt x="1229" y="522"/>
                  </a:cubicBezTo>
                  <a:cubicBezTo>
                    <a:pt x="1220" y="503"/>
                    <a:pt x="1199" y="485"/>
                    <a:pt x="1207" y="471"/>
                  </a:cubicBezTo>
                  <a:cubicBezTo>
                    <a:pt x="1215" y="458"/>
                    <a:pt x="1206" y="457"/>
                    <a:pt x="1180" y="455"/>
                  </a:cubicBezTo>
                  <a:cubicBezTo>
                    <a:pt x="1154" y="453"/>
                    <a:pt x="1136" y="439"/>
                    <a:pt x="1146" y="395"/>
                  </a:cubicBezTo>
                  <a:cubicBezTo>
                    <a:pt x="1157" y="351"/>
                    <a:pt x="1157" y="192"/>
                    <a:pt x="1157" y="192"/>
                  </a:cubicBezTo>
                  <a:cubicBezTo>
                    <a:pt x="1119" y="49"/>
                    <a:pt x="1119" y="49"/>
                    <a:pt x="1119" y="49"/>
                  </a:cubicBezTo>
                  <a:cubicBezTo>
                    <a:pt x="827" y="0"/>
                    <a:pt x="827" y="0"/>
                    <a:pt x="827" y="0"/>
                  </a:cubicBezTo>
                  <a:cubicBezTo>
                    <a:pt x="522" y="64"/>
                    <a:pt x="522" y="64"/>
                    <a:pt x="522" y="64"/>
                  </a:cubicBezTo>
                  <a:cubicBezTo>
                    <a:pt x="0" y="432"/>
                    <a:pt x="0" y="432"/>
                    <a:pt x="0" y="432"/>
                  </a:cubicBezTo>
                  <a:cubicBezTo>
                    <a:pt x="32" y="658"/>
                    <a:pt x="32" y="658"/>
                    <a:pt x="32" y="658"/>
                  </a:cubicBezTo>
                  <a:cubicBezTo>
                    <a:pt x="196" y="750"/>
                    <a:pt x="196" y="750"/>
                    <a:pt x="196" y="750"/>
                  </a:cubicBezTo>
                  <a:lnTo>
                    <a:pt x="219" y="769"/>
                  </a:lnTo>
                  <a:close/>
                </a:path>
              </a:pathLst>
            </a:custGeom>
            <a:solidFill>
              <a:srgbClr val="00544A"/>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8" name="Freeform 17"/>
            <p:cNvSpPr>
              <a:spLocks noChangeArrowheads="1"/>
            </p:cNvSpPr>
            <p:nvPr/>
          </p:nvSpPr>
          <p:spPr bwMode="auto">
            <a:xfrm>
              <a:off x="3560926" y="3111632"/>
              <a:ext cx="512832" cy="426937"/>
            </a:xfrm>
            <a:custGeom>
              <a:gdLst>
                <a:gd fmla="*/ 584 w 1153" name="T0"/>
                <a:gd fmla="*/ 79 h 960" name="T1"/>
                <a:gd fmla="*/ 572 w 1153" name="T2"/>
                <a:gd fmla="*/ 95 h 960" name="T3"/>
                <a:gd fmla="*/ 565 w 1153" name="T4"/>
                <a:gd fmla="*/ 127 h 960" name="T5"/>
                <a:gd fmla="*/ 589 w 1153" name="T6"/>
                <a:gd fmla="*/ 141 h 960" name="T7"/>
                <a:gd fmla="*/ 611 w 1153" name="T8"/>
                <a:gd fmla="*/ 155 h 960" name="T9"/>
                <a:gd fmla="*/ 632 w 1153" name="T10"/>
                <a:gd fmla="*/ 175 h 960" name="T11"/>
                <a:gd fmla="*/ 666 w 1153" name="T12"/>
                <a:gd fmla="*/ 199 h 960" name="T13"/>
                <a:gd fmla="*/ 677 w 1153" name="T14"/>
                <a:gd fmla="*/ 215 h 960" name="T15"/>
                <a:gd fmla="*/ 717 w 1153" name="T16"/>
                <a:gd fmla="*/ 206 h 960" name="T17"/>
                <a:gd fmla="*/ 781 w 1153" name="T18"/>
                <a:gd fmla="*/ 247 h 960" name="T19"/>
                <a:gd fmla="*/ 811 w 1153" name="T20"/>
                <a:gd fmla="*/ 311 h 960" name="T21"/>
                <a:gd fmla="*/ 825 w 1153" name="T22"/>
                <a:gd fmla="*/ 328 h 960" name="T23"/>
                <a:gd fmla="*/ 846 w 1153" name="T24"/>
                <a:gd fmla="*/ 360 h 960" name="T25"/>
                <a:gd fmla="*/ 868 w 1153" name="T26"/>
                <a:gd fmla="*/ 440 h 960" name="T27"/>
                <a:gd fmla="*/ 904 w 1153" name="T28"/>
                <a:gd fmla="*/ 498 h 960" name="T29"/>
                <a:gd fmla="*/ 924 w 1153" name="T30"/>
                <a:gd fmla="*/ 553 h 960" name="T31"/>
                <a:gd fmla="*/ 992 w 1153" name="T32"/>
                <a:gd fmla="*/ 598 h 960" name="T33"/>
                <a:gd fmla="*/ 1031 w 1153" name="T34"/>
                <a:gd fmla="*/ 637 h 960" name="T35"/>
                <a:gd fmla="*/ 1063 w 1153" name="T36"/>
                <a:gd fmla="*/ 665 h 960" name="T37"/>
                <a:gd fmla="*/ 1111 w 1153" name="T38"/>
                <a:gd fmla="*/ 695 h 960" name="T39"/>
                <a:gd fmla="*/ 1143 w 1153" name="T40"/>
                <a:gd fmla="*/ 736 h 960" name="T41"/>
                <a:gd fmla="*/ 1138 w 1153" name="T42"/>
                <a:gd fmla="*/ 794 h 960" name="T43"/>
                <a:gd fmla="*/ 1108 w 1153" name="T44"/>
                <a:gd fmla="*/ 802 h 960" name="T45"/>
                <a:gd fmla="*/ 1038 w 1153" name="T46"/>
                <a:gd fmla="*/ 774 h 960" name="T47"/>
                <a:gd fmla="*/ 945 w 1153" name="T48"/>
                <a:gd fmla="*/ 729 h 960" name="T49"/>
                <a:gd fmla="*/ 928 w 1153" name="T50"/>
                <a:gd fmla="*/ 736 h 960" name="T51"/>
                <a:gd fmla="*/ 990 w 1153" name="T52"/>
                <a:gd fmla="*/ 769 h 960" name="T53"/>
                <a:gd fmla="*/ 1032 w 1153" name="T54"/>
                <a:gd fmla="*/ 797 h 960" name="T55"/>
                <a:gd fmla="*/ 1014 w 1153" name="T56"/>
                <a:gd fmla="*/ 831 h 960" name="T57"/>
                <a:gd fmla="*/ 989 w 1153" name="T58"/>
                <a:gd fmla="*/ 890 h 960" name="T59"/>
                <a:gd fmla="*/ 959 w 1153" name="T60"/>
                <a:gd fmla="*/ 926 h 960" name="T61"/>
                <a:gd fmla="*/ 891 w 1153" name="T62"/>
                <a:gd fmla="*/ 933 h 960" name="T63"/>
                <a:gd fmla="*/ 833 w 1153" name="T64"/>
                <a:gd fmla="*/ 843 h 960" name="T65"/>
                <a:gd fmla="*/ 792 w 1153" name="T66"/>
                <a:gd fmla="*/ 869 h 960" name="T67"/>
                <a:gd fmla="*/ 755 w 1153" name="T68"/>
                <a:gd fmla="*/ 920 h 960" name="T69"/>
                <a:gd fmla="*/ 646 w 1153" name="T70"/>
                <a:gd fmla="*/ 906 h 960" name="T71"/>
                <a:gd fmla="*/ 570 w 1153" name="T72"/>
                <a:gd fmla="*/ 919 h 960" name="T73"/>
                <a:gd fmla="*/ 589 w 1153" name="T74"/>
                <a:gd fmla="*/ 867 h 960" name="T75"/>
                <a:gd fmla="*/ 525 w 1153" name="T76"/>
                <a:gd fmla="*/ 823 h 960" name="T77"/>
                <a:gd fmla="*/ 478 w 1153" name="T78"/>
                <a:gd fmla="*/ 769 h 960" name="T79"/>
                <a:gd fmla="*/ 524 w 1153" name="T80"/>
                <a:gd fmla="*/ 700 h 960" name="T81"/>
                <a:gd fmla="*/ 495 w 1153" name="T82"/>
                <a:gd fmla="*/ 649 h 960" name="T83"/>
                <a:gd fmla="*/ 511 w 1153" name="T84"/>
                <a:gd fmla="*/ 628 h 960" name="T85"/>
                <a:gd fmla="*/ 586 w 1153" name="T86"/>
                <a:gd fmla="*/ 639 h 960" name="T87"/>
                <a:gd fmla="*/ 602 w 1153" name="T88"/>
                <a:gd fmla="*/ 623 h 960" name="T89"/>
                <a:gd fmla="*/ 583 w 1153" name="T90"/>
                <a:gd fmla="*/ 570 h 960" name="T91"/>
                <a:gd fmla="*/ 532 w 1153" name="T92"/>
                <a:gd fmla="*/ 563 h 960" name="T93"/>
                <a:gd fmla="*/ 474 w 1153" name="T94"/>
                <a:gd fmla="*/ 604 h 960" name="T95"/>
                <a:gd fmla="*/ 424 w 1153" name="T96"/>
                <a:gd fmla="*/ 557 h 960" name="T97"/>
                <a:gd fmla="*/ 384 w 1153" name="T98"/>
                <a:gd fmla="*/ 477 h 960" name="T99"/>
                <a:gd fmla="*/ 393 w 1153" name="T100"/>
                <a:gd fmla="*/ 429 h 960" name="T101"/>
                <a:gd fmla="*/ 361 w 1153" name="T102"/>
                <a:gd fmla="*/ 392 h 960" name="T103"/>
                <a:gd fmla="*/ 312 w 1153" name="T104"/>
                <a:gd fmla="*/ 380 h 960" name="T105"/>
                <a:gd fmla="*/ 243 w 1153" name="T106"/>
                <a:gd fmla="*/ 344 h 960" name="T107"/>
                <a:gd fmla="*/ 162 w 1153" name="T108"/>
                <a:gd fmla="*/ 294 h 960" name="T109"/>
                <a:gd fmla="*/ 99 w 1153" name="T110"/>
                <a:gd fmla="*/ 253 h 960" name="T111"/>
                <a:gd fmla="*/ 31 w 1153" name="T112"/>
                <a:gd fmla="*/ 184 h 960" name="T113"/>
                <a:gd fmla="*/ 399 w 1153" name="T114"/>
                <a:gd fmla="*/ 0 h 960" name="T115"/>
                <a:gd fmla="*/ 491 w 1153" name="T116"/>
                <a:gd fmla="*/ 26 h 960" name="T117"/>
                <a:gd fmla="*/ 542 w 1153" name="T118"/>
                <a:gd fmla="*/ 52 h 960" name="T119"/>
                <a:gd fmla="*/ 586 w 1153" name="T120"/>
                <a:gd fmla="*/ 75 h 960" name="T121"/>
                <a:gd fmla="*/ 584 w 1153" name="T122"/>
                <a:gd fmla="*/ 79 h 960"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60000 65536" name="T147"/>
                <a:gd fmla="*/ 0 60000 65536" name="T148"/>
                <a:gd fmla="*/ 0 60000 65536" name="T149"/>
                <a:gd fmla="*/ 0 60000 65536" name="T150"/>
                <a:gd fmla="*/ 0 60000 65536" name="T151"/>
                <a:gd fmla="*/ 0 60000 65536" name="T152"/>
                <a:gd fmla="*/ 0 60000 65536" name="T153"/>
                <a:gd fmla="*/ 0 60000 65536" name="T154"/>
                <a:gd fmla="*/ 0 60000 65536" name="T155"/>
                <a:gd fmla="*/ 0 60000 65536" name="T156"/>
                <a:gd fmla="*/ 0 60000 65536" name="T157"/>
                <a:gd fmla="*/ 0 60000 65536" name="T158"/>
                <a:gd fmla="*/ 0 60000 65536" name="T159"/>
                <a:gd fmla="*/ 0 60000 65536" name="T160"/>
                <a:gd fmla="*/ 0 60000 65536" name="T161"/>
                <a:gd fmla="*/ 0 60000 65536" name="T162"/>
                <a:gd fmla="*/ 0 60000 65536" name="T163"/>
                <a:gd fmla="*/ 0 60000 65536" name="T164"/>
                <a:gd fmla="*/ 0 60000 65536" name="T165"/>
                <a:gd fmla="*/ 0 60000 65536" name="T166"/>
                <a:gd fmla="*/ 0 60000 65536" name="T167"/>
                <a:gd fmla="*/ 0 60000 65536" name="T168"/>
                <a:gd fmla="*/ 0 60000 65536" name="T169"/>
                <a:gd fmla="*/ 0 60000 65536" name="T170"/>
                <a:gd fmla="*/ 0 60000 65536" name="T171"/>
                <a:gd fmla="*/ 0 60000 65536" name="T172"/>
                <a:gd fmla="*/ 0 60000 65536" name="T173"/>
                <a:gd fmla="*/ 0 60000 65536" name="T174"/>
                <a:gd fmla="*/ 0 60000 65536" name="T175"/>
                <a:gd fmla="*/ 0 60000 65536" name="T176"/>
                <a:gd fmla="*/ 0 60000 65536" name="T177"/>
                <a:gd fmla="*/ 0 60000 65536" name="T178"/>
                <a:gd fmla="*/ 0 60000 65536" name="T179"/>
                <a:gd fmla="*/ 0 60000 65536" name="T180"/>
                <a:gd fmla="*/ 0 60000 65536" name="T181"/>
                <a:gd fmla="*/ 0 60000 65536" name="T182"/>
                <a:gd fmla="*/ 0 60000 65536" name="T183"/>
                <a:gd fmla="*/ 0 60000 65536" name="T184"/>
                <a:gd fmla="*/ 0 60000 65536" name="T185"/>
                <a:gd fmla="*/ 0 w 1153" name="T186"/>
                <a:gd fmla="*/ 0 h 960" name="T187"/>
                <a:gd fmla="*/ 1153 w 1153" name="T188"/>
                <a:gd fmla="*/ 960 h 960" name="T189"/>
              </a:gdLst>
              <a:cxnLst>
                <a:cxn ang="T124">
                  <a:pos x="T0" y="T1"/>
                </a:cxn>
                <a:cxn ang="T125">
                  <a:pos x="T2" y="T3"/>
                </a:cxn>
                <a:cxn ang="T126">
                  <a:pos x="T4" y="T5"/>
                </a:cxn>
                <a:cxn ang="T127">
                  <a:pos x="T6" y="T7"/>
                </a:cxn>
                <a:cxn ang="T128">
                  <a:pos x="T8" y="T9"/>
                </a:cxn>
                <a:cxn ang="T129">
                  <a:pos x="T10" y="T11"/>
                </a:cxn>
                <a:cxn ang="T130">
                  <a:pos x="T12" y="T13"/>
                </a:cxn>
                <a:cxn ang="T131">
                  <a:pos x="T14" y="T15"/>
                </a:cxn>
                <a:cxn ang="T132">
                  <a:pos x="T16" y="T17"/>
                </a:cxn>
                <a:cxn ang="T133">
                  <a:pos x="T18" y="T19"/>
                </a:cxn>
                <a:cxn ang="T134">
                  <a:pos x="T20" y="T21"/>
                </a:cxn>
                <a:cxn ang="T135">
                  <a:pos x="T22" y="T23"/>
                </a:cxn>
                <a:cxn ang="T136">
                  <a:pos x="T24" y="T25"/>
                </a:cxn>
                <a:cxn ang="T137">
                  <a:pos x="T26" y="T27"/>
                </a:cxn>
                <a:cxn ang="T138">
                  <a:pos x="T28" y="T29"/>
                </a:cxn>
                <a:cxn ang="T139">
                  <a:pos x="T30" y="T31"/>
                </a:cxn>
                <a:cxn ang="T140">
                  <a:pos x="T32" y="T33"/>
                </a:cxn>
                <a:cxn ang="T141">
                  <a:pos x="T34" y="T35"/>
                </a:cxn>
                <a:cxn ang="T142">
                  <a:pos x="T36" y="T37"/>
                </a:cxn>
                <a:cxn ang="T143">
                  <a:pos x="T38" y="T39"/>
                </a:cxn>
                <a:cxn ang="T144">
                  <a:pos x="T40" y="T41"/>
                </a:cxn>
                <a:cxn ang="T145">
                  <a:pos x="T42" y="T43"/>
                </a:cxn>
                <a:cxn ang="T146">
                  <a:pos x="T44" y="T45"/>
                </a:cxn>
                <a:cxn ang="T147">
                  <a:pos x="T46" y="T47"/>
                </a:cxn>
                <a:cxn ang="T148">
                  <a:pos x="T48" y="T49"/>
                </a:cxn>
                <a:cxn ang="T149">
                  <a:pos x="T50" y="T51"/>
                </a:cxn>
                <a:cxn ang="T150">
                  <a:pos x="T52" y="T53"/>
                </a:cxn>
                <a:cxn ang="T151">
                  <a:pos x="T54" y="T55"/>
                </a:cxn>
                <a:cxn ang="T152">
                  <a:pos x="T56" y="T57"/>
                </a:cxn>
                <a:cxn ang="T153">
                  <a:pos x="T58" y="T59"/>
                </a:cxn>
                <a:cxn ang="T154">
                  <a:pos x="T60" y="T61"/>
                </a:cxn>
                <a:cxn ang="T155">
                  <a:pos x="T62" y="T63"/>
                </a:cxn>
                <a:cxn ang="T156">
                  <a:pos x="T64" y="T65"/>
                </a:cxn>
                <a:cxn ang="T157">
                  <a:pos x="T66" y="T67"/>
                </a:cxn>
                <a:cxn ang="T158">
                  <a:pos x="T68" y="T69"/>
                </a:cxn>
                <a:cxn ang="T159">
                  <a:pos x="T70" y="T71"/>
                </a:cxn>
                <a:cxn ang="T160">
                  <a:pos x="T72" y="T73"/>
                </a:cxn>
                <a:cxn ang="T161">
                  <a:pos x="T74" y="T75"/>
                </a:cxn>
                <a:cxn ang="T162">
                  <a:pos x="T76" y="T77"/>
                </a:cxn>
                <a:cxn ang="T163">
                  <a:pos x="T78" y="T79"/>
                </a:cxn>
                <a:cxn ang="T164">
                  <a:pos x="T80" y="T81"/>
                </a:cxn>
                <a:cxn ang="T165">
                  <a:pos x="T82" y="T83"/>
                </a:cxn>
                <a:cxn ang="T166">
                  <a:pos x="T84" y="T85"/>
                </a:cxn>
                <a:cxn ang="T167">
                  <a:pos x="T86" y="T87"/>
                </a:cxn>
                <a:cxn ang="T168">
                  <a:pos x="T88" y="T89"/>
                </a:cxn>
                <a:cxn ang="T169">
                  <a:pos x="T90" y="T91"/>
                </a:cxn>
                <a:cxn ang="T170">
                  <a:pos x="T92" y="T93"/>
                </a:cxn>
                <a:cxn ang="T171">
                  <a:pos x="T94" y="T95"/>
                </a:cxn>
                <a:cxn ang="T172">
                  <a:pos x="T96" y="T97"/>
                </a:cxn>
                <a:cxn ang="T173">
                  <a:pos x="T98" y="T99"/>
                </a:cxn>
                <a:cxn ang="T174">
                  <a:pos x="T100" y="T101"/>
                </a:cxn>
                <a:cxn ang="T175">
                  <a:pos x="T102" y="T103"/>
                </a:cxn>
                <a:cxn ang="T176">
                  <a:pos x="T104" y="T105"/>
                </a:cxn>
                <a:cxn ang="T177">
                  <a:pos x="T106" y="T107"/>
                </a:cxn>
                <a:cxn ang="T178">
                  <a:pos x="T108" y="T109"/>
                </a:cxn>
                <a:cxn ang="T179">
                  <a:pos x="T110" y="T111"/>
                </a:cxn>
                <a:cxn ang="T180">
                  <a:pos x="T112" y="T113"/>
                </a:cxn>
                <a:cxn ang="T181">
                  <a:pos x="T114" y="T115"/>
                </a:cxn>
                <a:cxn ang="T182">
                  <a:pos x="T116" y="T117"/>
                </a:cxn>
                <a:cxn ang="T183">
                  <a:pos x="T118" y="T119"/>
                </a:cxn>
                <a:cxn ang="T184">
                  <a:pos x="T120" y="T121"/>
                </a:cxn>
                <a:cxn ang="T185">
                  <a:pos x="T122" y="T123"/>
                </a:cxn>
              </a:cxnLst>
              <a:rect b="T189" l="T186" r="T188" t="T187"/>
              <a:pathLst>
                <a:path h="960" w="1153">
                  <a:moveTo>
                    <a:pt x="584" y="79"/>
                  </a:moveTo>
                  <a:cubicBezTo>
                    <a:pt x="581" y="87"/>
                    <a:pt x="577" y="89"/>
                    <a:pt x="572" y="95"/>
                  </a:cubicBezTo>
                  <a:cubicBezTo>
                    <a:pt x="566" y="104"/>
                    <a:pt x="561" y="117"/>
                    <a:pt x="565" y="127"/>
                  </a:cubicBezTo>
                  <a:cubicBezTo>
                    <a:pt x="569" y="137"/>
                    <a:pt x="575" y="149"/>
                    <a:pt x="589" y="141"/>
                  </a:cubicBezTo>
                  <a:cubicBezTo>
                    <a:pt x="604" y="134"/>
                    <a:pt x="608" y="140"/>
                    <a:pt x="611" y="155"/>
                  </a:cubicBezTo>
                  <a:cubicBezTo>
                    <a:pt x="615" y="170"/>
                    <a:pt x="615" y="169"/>
                    <a:pt x="632" y="175"/>
                  </a:cubicBezTo>
                  <a:cubicBezTo>
                    <a:pt x="649" y="181"/>
                    <a:pt x="667" y="186"/>
                    <a:pt x="666" y="199"/>
                  </a:cubicBezTo>
                  <a:cubicBezTo>
                    <a:pt x="665" y="211"/>
                    <a:pt x="671" y="221"/>
                    <a:pt x="677" y="215"/>
                  </a:cubicBezTo>
                  <a:cubicBezTo>
                    <a:pt x="683" y="209"/>
                    <a:pt x="700" y="203"/>
                    <a:pt x="717" y="206"/>
                  </a:cubicBezTo>
                  <a:cubicBezTo>
                    <a:pt x="733" y="209"/>
                    <a:pt x="767" y="227"/>
                    <a:pt x="781" y="247"/>
                  </a:cubicBezTo>
                  <a:cubicBezTo>
                    <a:pt x="794" y="268"/>
                    <a:pt x="810" y="292"/>
                    <a:pt x="811" y="311"/>
                  </a:cubicBezTo>
                  <a:cubicBezTo>
                    <a:pt x="812" y="329"/>
                    <a:pt x="812" y="337"/>
                    <a:pt x="825" y="328"/>
                  </a:cubicBezTo>
                  <a:cubicBezTo>
                    <a:pt x="838" y="320"/>
                    <a:pt x="848" y="335"/>
                    <a:pt x="846" y="360"/>
                  </a:cubicBezTo>
                  <a:cubicBezTo>
                    <a:pt x="845" y="386"/>
                    <a:pt x="850" y="404"/>
                    <a:pt x="868" y="440"/>
                  </a:cubicBezTo>
                  <a:cubicBezTo>
                    <a:pt x="885" y="477"/>
                    <a:pt x="888" y="469"/>
                    <a:pt x="904" y="498"/>
                  </a:cubicBezTo>
                  <a:cubicBezTo>
                    <a:pt x="921" y="526"/>
                    <a:pt x="915" y="533"/>
                    <a:pt x="924" y="553"/>
                  </a:cubicBezTo>
                  <a:cubicBezTo>
                    <a:pt x="932" y="574"/>
                    <a:pt x="953" y="592"/>
                    <a:pt x="992" y="598"/>
                  </a:cubicBezTo>
                  <a:cubicBezTo>
                    <a:pt x="1031" y="604"/>
                    <a:pt x="1023" y="611"/>
                    <a:pt x="1031" y="637"/>
                  </a:cubicBezTo>
                  <a:cubicBezTo>
                    <a:pt x="1038" y="663"/>
                    <a:pt x="1041" y="659"/>
                    <a:pt x="1063" y="665"/>
                  </a:cubicBezTo>
                  <a:cubicBezTo>
                    <a:pt x="1085" y="671"/>
                    <a:pt x="1100" y="670"/>
                    <a:pt x="1111" y="695"/>
                  </a:cubicBezTo>
                  <a:cubicBezTo>
                    <a:pt x="1123" y="719"/>
                    <a:pt x="1133" y="713"/>
                    <a:pt x="1143" y="736"/>
                  </a:cubicBezTo>
                  <a:cubicBezTo>
                    <a:pt x="1153" y="759"/>
                    <a:pt x="1137" y="766"/>
                    <a:pt x="1138" y="794"/>
                  </a:cubicBezTo>
                  <a:cubicBezTo>
                    <a:pt x="1139" y="822"/>
                    <a:pt x="1128" y="798"/>
                    <a:pt x="1108" y="802"/>
                  </a:cubicBezTo>
                  <a:cubicBezTo>
                    <a:pt x="1088" y="805"/>
                    <a:pt x="1057" y="787"/>
                    <a:pt x="1038" y="774"/>
                  </a:cubicBezTo>
                  <a:cubicBezTo>
                    <a:pt x="1019" y="760"/>
                    <a:pt x="959" y="736"/>
                    <a:pt x="945" y="729"/>
                  </a:cubicBezTo>
                  <a:cubicBezTo>
                    <a:pt x="932" y="722"/>
                    <a:pt x="919" y="728"/>
                    <a:pt x="928" y="736"/>
                  </a:cubicBezTo>
                  <a:cubicBezTo>
                    <a:pt x="936" y="744"/>
                    <a:pt x="973" y="763"/>
                    <a:pt x="990" y="769"/>
                  </a:cubicBezTo>
                  <a:cubicBezTo>
                    <a:pt x="1006" y="775"/>
                    <a:pt x="1009" y="773"/>
                    <a:pt x="1032" y="797"/>
                  </a:cubicBezTo>
                  <a:cubicBezTo>
                    <a:pt x="1032" y="797"/>
                    <a:pt x="1025" y="822"/>
                    <a:pt x="1014" y="831"/>
                  </a:cubicBezTo>
                  <a:cubicBezTo>
                    <a:pt x="1004" y="840"/>
                    <a:pt x="991" y="864"/>
                    <a:pt x="989" y="890"/>
                  </a:cubicBezTo>
                  <a:cubicBezTo>
                    <a:pt x="987" y="916"/>
                    <a:pt x="985" y="919"/>
                    <a:pt x="959" y="926"/>
                  </a:cubicBezTo>
                  <a:cubicBezTo>
                    <a:pt x="933" y="934"/>
                    <a:pt x="905" y="960"/>
                    <a:pt x="891" y="933"/>
                  </a:cubicBezTo>
                  <a:cubicBezTo>
                    <a:pt x="876" y="906"/>
                    <a:pt x="852" y="850"/>
                    <a:pt x="833" y="843"/>
                  </a:cubicBezTo>
                  <a:cubicBezTo>
                    <a:pt x="813" y="837"/>
                    <a:pt x="805" y="850"/>
                    <a:pt x="792" y="869"/>
                  </a:cubicBezTo>
                  <a:cubicBezTo>
                    <a:pt x="779" y="889"/>
                    <a:pt x="777" y="919"/>
                    <a:pt x="755" y="920"/>
                  </a:cubicBezTo>
                  <a:cubicBezTo>
                    <a:pt x="734" y="921"/>
                    <a:pt x="656" y="895"/>
                    <a:pt x="646" y="906"/>
                  </a:cubicBezTo>
                  <a:cubicBezTo>
                    <a:pt x="637" y="917"/>
                    <a:pt x="562" y="944"/>
                    <a:pt x="570" y="919"/>
                  </a:cubicBezTo>
                  <a:cubicBezTo>
                    <a:pt x="577" y="895"/>
                    <a:pt x="620" y="852"/>
                    <a:pt x="589" y="867"/>
                  </a:cubicBezTo>
                  <a:cubicBezTo>
                    <a:pt x="559" y="882"/>
                    <a:pt x="531" y="849"/>
                    <a:pt x="525" y="823"/>
                  </a:cubicBezTo>
                  <a:cubicBezTo>
                    <a:pt x="518" y="797"/>
                    <a:pt x="469" y="796"/>
                    <a:pt x="478" y="769"/>
                  </a:cubicBezTo>
                  <a:cubicBezTo>
                    <a:pt x="488" y="742"/>
                    <a:pt x="512" y="717"/>
                    <a:pt x="524" y="700"/>
                  </a:cubicBezTo>
                  <a:cubicBezTo>
                    <a:pt x="536" y="683"/>
                    <a:pt x="501" y="652"/>
                    <a:pt x="495" y="649"/>
                  </a:cubicBezTo>
                  <a:cubicBezTo>
                    <a:pt x="489" y="645"/>
                    <a:pt x="497" y="631"/>
                    <a:pt x="511" y="628"/>
                  </a:cubicBezTo>
                  <a:cubicBezTo>
                    <a:pt x="525" y="624"/>
                    <a:pt x="579" y="624"/>
                    <a:pt x="586" y="639"/>
                  </a:cubicBezTo>
                  <a:cubicBezTo>
                    <a:pt x="593" y="653"/>
                    <a:pt x="602" y="641"/>
                    <a:pt x="602" y="623"/>
                  </a:cubicBezTo>
                  <a:cubicBezTo>
                    <a:pt x="602" y="604"/>
                    <a:pt x="581" y="589"/>
                    <a:pt x="583" y="570"/>
                  </a:cubicBezTo>
                  <a:cubicBezTo>
                    <a:pt x="585" y="550"/>
                    <a:pt x="548" y="546"/>
                    <a:pt x="532" y="563"/>
                  </a:cubicBezTo>
                  <a:cubicBezTo>
                    <a:pt x="516" y="581"/>
                    <a:pt x="497" y="609"/>
                    <a:pt x="474" y="604"/>
                  </a:cubicBezTo>
                  <a:cubicBezTo>
                    <a:pt x="451" y="598"/>
                    <a:pt x="438" y="585"/>
                    <a:pt x="424" y="557"/>
                  </a:cubicBezTo>
                  <a:cubicBezTo>
                    <a:pt x="411" y="529"/>
                    <a:pt x="366" y="492"/>
                    <a:pt x="384" y="477"/>
                  </a:cubicBezTo>
                  <a:cubicBezTo>
                    <a:pt x="402" y="462"/>
                    <a:pt x="398" y="457"/>
                    <a:pt x="393" y="429"/>
                  </a:cubicBezTo>
                  <a:cubicBezTo>
                    <a:pt x="387" y="402"/>
                    <a:pt x="380" y="384"/>
                    <a:pt x="361" y="392"/>
                  </a:cubicBezTo>
                  <a:cubicBezTo>
                    <a:pt x="341" y="399"/>
                    <a:pt x="325" y="399"/>
                    <a:pt x="312" y="380"/>
                  </a:cubicBezTo>
                  <a:cubicBezTo>
                    <a:pt x="299" y="360"/>
                    <a:pt x="266" y="346"/>
                    <a:pt x="243" y="344"/>
                  </a:cubicBezTo>
                  <a:cubicBezTo>
                    <a:pt x="221" y="342"/>
                    <a:pt x="189" y="307"/>
                    <a:pt x="162" y="294"/>
                  </a:cubicBezTo>
                  <a:cubicBezTo>
                    <a:pt x="135" y="282"/>
                    <a:pt x="109" y="259"/>
                    <a:pt x="99" y="253"/>
                  </a:cubicBezTo>
                  <a:cubicBezTo>
                    <a:pt x="89" y="247"/>
                    <a:pt x="0" y="237"/>
                    <a:pt x="31" y="184"/>
                  </a:cubicBezTo>
                  <a:cubicBezTo>
                    <a:pt x="63" y="130"/>
                    <a:pt x="399" y="0"/>
                    <a:pt x="399" y="0"/>
                  </a:cubicBezTo>
                  <a:cubicBezTo>
                    <a:pt x="399" y="0"/>
                    <a:pt x="489" y="26"/>
                    <a:pt x="491" y="26"/>
                  </a:cubicBezTo>
                  <a:cubicBezTo>
                    <a:pt x="493" y="26"/>
                    <a:pt x="542" y="52"/>
                    <a:pt x="542" y="52"/>
                  </a:cubicBezTo>
                  <a:cubicBezTo>
                    <a:pt x="586" y="75"/>
                    <a:pt x="586" y="75"/>
                    <a:pt x="586" y="75"/>
                  </a:cubicBezTo>
                  <a:lnTo>
                    <a:pt x="584" y="79"/>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19" name="Freeform 18"/>
            <p:cNvSpPr>
              <a:spLocks noChangeArrowheads="1"/>
            </p:cNvSpPr>
            <p:nvPr/>
          </p:nvSpPr>
          <p:spPr bwMode="auto">
            <a:xfrm>
              <a:off x="3452296" y="2837533"/>
              <a:ext cx="583568" cy="400411"/>
            </a:xfrm>
            <a:custGeom>
              <a:gdLst>
                <a:gd fmla="*/ 508 w 1312" name="T0"/>
                <a:gd fmla="*/ 103 h 900" name="T1"/>
                <a:gd fmla="*/ 547 w 1312" name="T2"/>
                <a:gd fmla="*/ 71 h 900" name="T3"/>
                <a:gd fmla="*/ 670 w 1312" name="T4"/>
                <a:gd fmla="*/ 92 h 900" name="T5"/>
                <a:gd fmla="*/ 665 w 1312" name="T6"/>
                <a:gd fmla="*/ 186 h 900" name="T7"/>
                <a:gd fmla="*/ 740 w 1312" name="T8"/>
                <a:gd fmla="*/ 247 h 900" name="T9"/>
                <a:gd fmla="*/ 831 w 1312" name="T10"/>
                <a:gd fmla="*/ 202 h 900" name="T11"/>
                <a:gd fmla="*/ 886 w 1312" name="T12"/>
                <a:gd fmla="*/ 114 h 900" name="T13"/>
                <a:gd fmla="*/ 928 w 1312" name="T14"/>
                <a:gd fmla="*/ 31 h 900" name="T15"/>
                <a:gd fmla="*/ 974 w 1312" name="T16"/>
                <a:gd fmla="*/ 16 h 900" name="T17"/>
                <a:gd fmla="*/ 1001 w 1312" name="T18"/>
                <a:gd fmla="*/ 58 h 900" name="T19"/>
                <a:gd fmla="*/ 1064 w 1312" name="T20"/>
                <a:gd fmla="*/ 103 h 900" name="T21"/>
                <a:gd fmla="*/ 1122 w 1312" name="T22"/>
                <a:gd fmla="*/ 128 h 900" name="T23"/>
                <a:gd fmla="*/ 1219 w 1312" name="T24"/>
                <a:gd fmla="*/ 94 h 900" name="T25"/>
                <a:gd fmla="*/ 1306 w 1312" name="T26"/>
                <a:gd fmla="*/ 108 h 900" name="T27"/>
                <a:gd fmla="*/ 1292 w 1312" name="T28"/>
                <a:gd fmla="*/ 220 h 900" name="T29"/>
                <a:gd fmla="*/ 1203 w 1312" name="T30"/>
                <a:gd fmla="*/ 229 h 900" name="T31"/>
                <a:gd fmla="*/ 1128 w 1312" name="T32"/>
                <a:gd fmla="*/ 284 h 900" name="T33"/>
                <a:gd fmla="*/ 1043 w 1312" name="T34"/>
                <a:gd fmla="*/ 350 h 900" name="T35"/>
                <a:gd fmla="*/ 1011 w 1312" name="T36"/>
                <a:gd fmla="*/ 411 h 900" name="T37"/>
                <a:gd fmla="*/ 974 w 1312" name="T38"/>
                <a:gd fmla="*/ 455 h 900" name="T39"/>
                <a:gd fmla="*/ 938 w 1312" name="T40"/>
                <a:gd fmla="*/ 480 h 900" name="T41"/>
                <a:gd fmla="*/ 894 w 1312" name="T42"/>
                <a:gd fmla="*/ 561 h 900" name="T43"/>
                <a:gd fmla="*/ 832 w 1312" name="T44"/>
                <a:gd fmla="*/ 678 h 900" name="T45"/>
                <a:gd fmla="*/ 787 w 1312" name="T46"/>
                <a:gd fmla="*/ 700 h 900" name="T47"/>
                <a:gd fmla="*/ 726 w 1312" name="T48"/>
                <a:gd fmla="*/ 751 h 900" name="T49"/>
                <a:gd fmla="*/ 670 w 1312" name="T50"/>
                <a:gd fmla="*/ 840 h 900" name="T51"/>
                <a:gd fmla="*/ 614 w 1312" name="T52"/>
                <a:gd fmla="*/ 843 h 900" name="T53"/>
                <a:gd fmla="*/ 544 w 1312" name="T54"/>
                <a:gd fmla="*/ 848 h 900" name="T55"/>
                <a:gd fmla="*/ 407 w 1312" name="T56"/>
                <a:gd fmla="*/ 796 h 900" name="T57"/>
                <a:gd fmla="*/ 317 w 1312" name="T58"/>
                <a:gd fmla="*/ 832 h 900" name="T59"/>
                <a:gd fmla="*/ 243 w 1312" name="T60"/>
                <a:gd fmla="*/ 878 h 900" name="T61"/>
                <a:gd fmla="*/ 128 w 1312" name="T62"/>
                <a:gd fmla="*/ 876 h 900" name="T63"/>
                <a:gd fmla="*/ 7 w 1312" name="T64"/>
                <a:gd fmla="*/ 799 h 900" name="T65"/>
                <a:gd fmla="*/ 85 w 1312" name="T66"/>
                <a:gd fmla="*/ 684 h 900" name="T67"/>
                <a:gd fmla="*/ 179 w 1312" name="T68"/>
                <a:gd fmla="*/ 602 h 900" name="T69"/>
                <a:gd fmla="*/ 98 w 1312" name="T70"/>
                <a:gd fmla="*/ 629 h 900" name="T71"/>
                <a:gd fmla="*/ 82 w 1312" name="T72"/>
                <a:gd fmla="*/ 556 h 900" name="T73"/>
                <a:gd fmla="*/ 55 w 1312" name="T74"/>
                <a:gd fmla="*/ 294 h 900" name="T75"/>
                <a:gd fmla="*/ 431 w 1312" name="T76"/>
                <a:gd fmla="*/ 53 h 900" name="T77"/>
                <a:gd fmla="*/ 489 w 1312" name="T78"/>
                <a:gd fmla="*/ 49 h 900" name="T79"/>
                <a:gd fmla="*/ 0 60000 65536" name="T80"/>
                <a:gd fmla="*/ 0 60000 65536" name="T81"/>
                <a:gd fmla="*/ 0 60000 65536" name="T82"/>
                <a:gd fmla="*/ 0 60000 65536" name="T83"/>
                <a:gd fmla="*/ 0 60000 65536" name="T84"/>
                <a:gd fmla="*/ 0 60000 65536" name="T85"/>
                <a:gd fmla="*/ 0 60000 65536" name="T86"/>
                <a:gd fmla="*/ 0 60000 65536" name="T87"/>
                <a:gd fmla="*/ 0 60000 65536" name="T88"/>
                <a:gd fmla="*/ 0 60000 65536" name="T89"/>
                <a:gd fmla="*/ 0 60000 65536" name="T90"/>
                <a:gd fmla="*/ 0 60000 65536" name="T91"/>
                <a:gd fmla="*/ 0 60000 65536" name="T92"/>
                <a:gd fmla="*/ 0 60000 65536" name="T93"/>
                <a:gd fmla="*/ 0 60000 65536" name="T94"/>
                <a:gd fmla="*/ 0 60000 65536" name="T95"/>
                <a:gd fmla="*/ 0 60000 65536" name="T96"/>
                <a:gd fmla="*/ 0 60000 65536"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w 1312" name="T120"/>
                <a:gd fmla="*/ 0 h 900" name="T121"/>
                <a:gd fmla="*/ 1312 w 1312" name="T122"/>
                <a:gd fmla="*/ 900 h 900" name="T123"/>
              </a:gdLst>
              <a:cxnLst>
                <a:cxn ang="T80">
                  <a:pos x="T0" y="T1"/>
                </a:cxn>
                <a:cxn ang="T81">
                  <a:pos x="T2" y="T3"/>
                </a:cxn>
                <a:cxn ang="T82">
                  <a:pos x="T4" y="T5"/>
                </a:cxn>
                <a:cxn ang="T83">
                  <a:pos x="T6" y="T7"/>
                </a:cxn>
                <a:cxn ang="T84">
                  <a:pos x="T8" y="T9"/>
                </a:cxn>
                <a:cxn ang="T85">
                  <a:pos x="T10" y="T11"/>
                </a:cxn>
                <a:cxn ang="T86">
                  <a:pos x="T12" y="T13"/>
                </a:cxn>
                <a:cxn ang="T87">
                  <a:pos x="T14" y="T15"/>
                </a:cxn>
                <a:cxn ang="T88">
                  <a:pos x="T16" y="T17"/>
                </a:cxn>
                <a:cxn ang="T89">
                  <a:pos x="T18" y="T19"/>
                </a:cxn>
                <a:cxn ang="T90">
                  <a:pos x="T20" y="T21"/>
                </a:cxn>
                <a:cxn ang="T91">
                  <a:pos x="T22" y="T23"/>
                </a:cxn>
                <a:cxn ang="T92">
                  <a:pos x="T24" y="T25"/>
                </a:cxn>
                <a:cxn ang="T93">
                  <a:pos x="T26" y="T27"/>
                </a:cxn>
                <a:cxn ang="T94">
                  <a:pos x="T28" y="T29"/>
                </a:cxn>
                <a:cxn ang="T95">
                  <a:pos x="T30" y="T31"/>
                </a:cxn>
                <a:cxn ang="T96">
                  <a:pos x="T32" y="T33"/>
                </a:cxn>
                <a:cxn ang="T97">
                  <a:pos x="T34" y="T35"/>
                </a:cxn>
                <a:cxn ang="T98">
                  <a:pos x="T36" y="T37"/>
                </a:cxn>
                <a:cxn ang="T99">
                  <a:pos x="T38" y="T39"/>
                </a:cxn>
                <a:cxn ang="T100">
                  <a:pos x="T40" y="T41"/>
                </a:cxn>
                <a:cxn ang="T101">
                  <a:pos x="T42" y="T43"/>
                </a:cxn>
                <a:cxn ang="T102">
                  <a:pos x="T44" y="T45"/>
                </a:cxn>
                <a:cxn ang="T103">
                  <a:pos x="T46" y="T47"/>
                </a:cxn>
                <a:cxn ang="T104">
                  <a:pos x="T48" y="T49"/>
                </a:cxn>
                <a:cxn ang="T105">
                  <a:pos x="T50" y="T51"/>
                </a:cxn>
                <a:cxn ang="T106">
                  <a:pos x="T52" y="T53"/>
                </a:cxn>
                <a:cxn ang="T107">
                  <a:pos x="T54" y="T55"/>
                </a:cxn>
                <a:cxn ang="T108">
                  <a:pos x="T56" y="T57"/>
                </a:cxn>
                <a:cxn ang="T109">
                  <a:pos x="T58" y="T59"/>
                </a:cxn>
                <a:cxn ang="T110">
                  <a:pos x="T60" y="T61"/>
                </a:cxn>
                <a:cxn ang="T111">
                  <a:pos x="T62" y="T63"/>
                </a:cxn>
                <a:cxn ang="T112">
                  <a:pos x="T64" y="T65"/>
                </a:cxn>
                <a:cxn ang="T113">
                  <a:pos x="T66" y="T67"/>
                </a:cxn>
                <a:cxn ang="T114">
                  <a:pos x="T68" y="T69"/>
                </a:cxn>
                <a:cxn ang="T115">
                  <a:pos x="T70" y="T71"/>
                </a:cxn>
                <a:cxn ang="T116">
                  <a:pos x="T72" y="T73"/>
                </a:cxn>
                <a:cxn ang="T117">
                  <a:pos x="T74" y="T75"/>
                </a:cxn>
                <a:cxn ang="T118">
                  <a:pos x="T76" y="T77"/>
                </a:cxn>
                <a:cxn ang="T119">
                  <a:pos x="T78" y="T79"/>
                </a:cxn>
              </a:cxnLst>
              <a:rect b="T123" l="T120" r="T122" t="T121"/>
              <a:pathLst>
                <a:path h="900" w="1312">
                  <a:moveTo>
                    <a:pt x="489" y="49"/>
                  </a:moveTo>
                  <a:cubicBezTo>
                    <a:pt x="499" y="63"/>
                    <a:pt x="502" y="87"/>
                    <a:pt x="508" y="103"/>
                  </a:cubicBezTo>
                  <a:cubicBezTo>
                    <a:pt x="518" y="129"/>
                    <a:pt x="532" y="107"/>
                    <a:pt x="540" y="105"/>
                  </a:cubicBezTo>
                  <a:cubicBezTo>
                    <a:pt x="549" y="103"/>
                    <a:pt x="545" y="83"/>
                    <a:pt x="547" y="71"/>
                  </a:cubicBezTo>
                  <a:cubicBezTo>
                    <a:pt x="550" y="59"/>
                    <a:pt x="564" y="54"/>
                    <a:pt x="589" y="60"/>
                  </a:cubicBezTo>
                  <a:cubicBezTo>
                    <a:pt x="614" y="66"/>
                    <a:pt x="657" y="83"/>
                    <a:pt x="670" y="92"/>
                  </a:cubicBezTo>
                  <a:cubicBezTo>
                    <a:pt x="684" y="100"/>
                    <a:pt x="677" y="109"/>
                    <a:pt x="673" y="124"/>
                  </a:cubicBezTo>
                  <a:cubicBezTo>
                    <a:pt x="669" y="139"/>
                    <a:pt x="673" y="164"/>
                    <a:pt x="665" y="186"/>
                  </a:cubicBezTo>
                  <a:cubicBezTo>
                    <a:pt x="657" y="208"/>
                    <a:pt x="670" y="214"/>
                    <a:pt x="676" y="221"/>
                  </a:cubicBezTo>
                  <a:cubicBezTo>
                    <a:pt x="683" y="227"/>
                    <a:pt x="717" y="253"/>
                    <a:pt x="740" y="247"/>
                  </a:cubicBezTo>
                  <a:cubicBezTo>
                    <a:pt x="762" y="242"/>
                    <a:pt x="783" y="250"/>
                    <a:pt x="809" y="242"/>
                  </a:cubicBezTo>
                  <a:cubicBezTo>
                    <a:pt x="835" y="234"/>
                    <a:pt x="830" y="225"/>
                    <a:pt x="831" y="202"/>
                  </a:cubicBezTo>
                  <a:cubicBezTo>
                    <a:pt x="831" y="180"/>
                    <a:pt x="823" y="178"/>
                    <a:pt x="857" y="164"/>
                  </a:cubicBezTo>
                  <a:cubicBezTo>
                    <a:pt x="892" y="150"/>
                    <a:pt x="885" y="133"/>
                    <a:pt x="886" y="114"/>
                  </a:cubicBezTo>
                  <a:cubicBezTo>
                    <a:pt x="887" y="95"/>
                    <a:pt x="932" y="83"/>
                    <a:pt x="948" y="73"/>
                  </a:cubicBezTo>
                  <a:cubicBezTo>
                    <a:pt x="963" y="63"/>
                    <a:pt x="939" y="47"/>
                    <a:pt x="928" y="31"/>
                  </a:cubicBezTo>
                  <a:cubicBezTo>
                    <a:pt x="918" y="14"/>
                    <a:pt x="941" y="21"/>
                    <a:pt x="956" y="37"/>
                  </a:cubicBezTo>
                  <a:cubicBezTo>
                    <a:pt x="970" y="53"/>
                    <a:pt x="969" y="33"/>
                    <a:pt x="974" y="16"/>
                  </a:cubicBezTo>
                  <a:cubicBezTo>
                    <a:pt x="980" y="0"/>
                    <a:pt x="994" y="34"/>
                    <a:pt x="991" y="44"/>
                  </a:cubicBezTo>
                  <a:cubicBezTo>
                    <a:pt x="989" y="53"/>
                    <a:pt x="990" y="61"/>
                    <a:pt x="1001" y="58"/>
                  </a:cubicBezTo>
                  <a:cubicBezTo>
                    <a:pt x="1012" y="55"/>
                    <a:pt x="1038" y="66"/>
                    <a:pt x="1045" y="83"/>
                  </a:cubicBezTo>
                  <a:cubicBezTo>
                    <a:pt x="1052" y="99"/>
                    <a:pt x="1059" y="113"/>
                    <a:pt x="1064" y="103"/>
                  </a:cubicBezTo>
                  <a:cubicBezTo>
                    <a:pt x="1070" y="93"/>
                    <a:pt x="1084" y="77"/>
                    <a:pt x="1088" y="98"/>
                  </a:cubicBezTo>
                  <a:cubicBezTo>
                    <a:pt x="1091" y="120"/>
                    <a:pt x="1100" y="129"/>
                    <a:pt x="1122" y="128"/>
                  </a:cubicBezTo>
                  <a:cubicBezTo>
                    <a:pt x="1144" y="128"/>
                    <a:pt x="1163" y="122"/>
                    <a:pt x="1186" y="103"/>
                  </a:cubicBezTo>
                  <a:cubicBezTo>
                    <a:pt x="1209" y="85"/>
                    <a:pt x="1208" y="89"/>
                    <a:pt x="1219" y="94"/>
                  </a:cubicBezTo>
                  <a:cubicBezTo>
                    <a:pt x="1231" y="100"/>
                    <a:pt x="1250" y="112"/>
                    <a:pt x="1271" y="100"/>
                  </a:cubicBezTo>
                  <a:cubicBezTo>
                    <a:pt x="1293" y="87"/>
                    <a:pt x="1300" y="92"/>
                    <a:pt x="1306" y="108"/>
                  </a:cubicBezTo>
                  <a:cubicBezTo>
                    <a:pt x="1312" y="124"/>
                    <a:pt x="1301" y="156"/>
                    <a:pt x="1287" y="165"/>
                  </a:cubicBezTo>
                  <a:cubicBezTo>
                    <a:pt x="1273" y="175"/>
                    <a:pt x="1289" y="200"/>
                    <a:pt x="1292" y="220"/>
                  </a:cubicBezTo>
                  <a:cubicBezTo>
                    <a:pt x="1295" y="240"/>
                    <a:pt x="1286" y="240"/>
                    <a:pt x="1258" y="228"/>
                  </a:cubicBezTo>
                  <a:cubicBezTo>
                    <a:pt x="1229" y="217"/>
                    <a:pt x="1239" y="220"/>
                    <a:pt x="1203" y="229"/>
                  </a:cubicBezTo>
                  <a:cubicBezTo>
                    <a:pt x="1167" y="238"/>
                    <a:pt x="1170" y="245"/>
                    <a:pt x="1170" y="260"/>
                  </a:cubicBezTo>
                  <a:cubicBezTo>
                    <a:pt x="1170" y="276"/>
                    <a:pt x="1155" y="290"/>
                    <a:pt x="1128" y="284"/>
                  </a:cubicBezTo>
                  <a:cubicBezTo>
                    <a:pt x="1101" y="279"/>
                    <a:pt x="1088" y="302"/>
                    <a:pt x="1080" y="307"/>
                  </a:cubicBezTo>
                  <a:cubicBezTo>
                    <a:pt x="1072" y="313"/>
                    <a:pt x="1046" y="331"/>
                    <a:pt x="1043" y="350"/>
                  </a:cubicBezTo>
                  <a:cubicBezTo>
                    <a:pt x="1040" y="369"/>
                    <a:pt x="1032" y="374"/>
                    <a:pt x="1019" y="366"/>
                  </a:cubicBezTo>
                  <a:cubicBezTo>
                    <a:pt x="1006" y="358"/>
                    <a:pt x="1009" y="395"/>
                    <a:pt x="1011" y="411"/>
                  </a:cubicBezTo>
                  <a:cubicBezTo>
                    <a:pt x="1013" y="426"/>
                    <a:pt x="1021" y="432"/>
                    <a:pt x="1015" y="445"/>
                  </a:cubicBezTo>
                  <a:cubicBezTo>
                    <a:pt x="1009" y="459"/>
                    <a:pt x="980" y="460"/>
                    <a:pt x="974" y="455"/>
                  </a:cubicBezTo>
                  <a:cubicBezTo>
                    <a:pt x="967" y="449"/>
                    <a:pt x="952" y="446"/>
                    <a:pt x="943" y="448"/>
                  </a:cubicBezTo>
                  <a:cubicBezTo>
                    <a:pt x="933" y="450"/>
                    <a:pt x="937" y="456"/>
                    <a:pt x="938" y="480"/>
                  </a:cubicBezTo>
                  <a:cubicBezTo>
                    <a:pt x="939" y="503"/>
                    <a:pt x="925" y="497"/>
                    <a:pt x="917" y="516"/>
                  </a:cubicBezTo>
                  <a:cubicBezTo>
                    <a:pt x="909" y="536"/>
                    <a:pt x="911" y="544"/>
                    <a:pt x="894" y="561"/>
                  </a:cubicBezTo>
                  <a:cubicBezTo>
                    <a:pt x="876" y="579"/>
                    <a:pt x="870" y="598"/>
                    <a:pt x="853" y="619"/>
                  </a:cubicBezTo>
                  <a:cubicBezTo>
                    <a:pt x="835" y="639"/>
                    <a:pt x="835" y="654"/>
                    <a:pt x="832" y="678"/>
                  </a:cubicBezTo>
                  <a:cubicBezTo>
                    <a:pt x="831" y="685"/>
                    <a:pt x="831" y="686"/>
                    <a:pt x="830" y="690"/>
                  </a:cubicBezTo>
                  <a:cubicBezTo>
                    <a:pt x="830" y="690"/>
                    <a:pt x="803" y="690"/>
                    <a:pt x="787" y="700"/>
                  </a:cubicBezTo>
                  <a:cubicBezTo>
                    <a:pt x="771" y="710"/>
                    <a:pt x="754" y="717"/>
                    <a:pt x="745" y="719"/>
                  </a:cubicBezTo>
                  <a:cubicBezTo>
                    <a:pt x="735" y="721"/>
                    <a:pt x="725" y="738"/>
                    <a:pt x="726" y="751"/>
                  </a:cubicBezTo>
                  <a:cubicBezTo>
                    <a:pt x="728" y="764"/>
                    <a:pt x="734" y="792"/>
                    <a:pt x="710" y="800"/>
                  </a:cubicBezTo>
                  <a:cubicBezTo>
                    <a:pt x="685" y="807"/>
                    <a:pt x="675" y="824"/>
                    <a:pt x="670" y="840"/>
                  </a:cubicBezTo>
                  <a:cubicBezTo>
                    <a:pt x="665" y="855"/>
                    <a:pt x="668" y="867"/>
                    <a:pt x="648" y="870"/>
                  </a:cubicBezTo>
                  <a:cubicBezTo>
                    <a:pt x="629" y="872"/>
                    <a:pt x="610" y="870"/>
                    <a:pt x="614" y="843"/>
                  </a:cubicBezTo>
                  <a:cubicBezTo>
                    <a:pt x="618" y="816"/>
                    <a:pt x="598" y="820"/>
                    <a:pt x="581" y="818"/>
                  </a:cubicBezTo>
                  <a:cubicBezTo>
                    <a:pt x="563" y="817"/>
                    <a:pt x="547" y="837"/>
                    <a:pt x="544" y="848"/>
                  </a:cubicBezTo>
                  <a:cubicBezTo>
                    <a:pt x="541" y="860"/>
                    <a:pt x="517" y="878"/>
                    <a:pt x="506" y="867"/>
                  </a:cubicBezTo>
                  <a:cubicBezTo>
                    <a:pt x="495" y="855"/>
                    <a:pt x="419" y="802"/>
                    <a:pt x="407" y="796"/>
                  </a:cubicBezTo>
                  <a:cubicBezTo>
                    <a:pt x="394" y="791"/>
                    <a:pt x="374" y="790"/>
                    <a:pt x="344" y="793"/>
                  </a:cubicBezTo>
                  <a:cubicBezTo>
                    <a:pt x="314" y="796"/>
                    <a:pt x="324" y="805"/>
                    <a:pt x="317" y="832"/>
                  </a:cubicBezTo>
                  <a:cubicBezTo>
                    <a:pt x="310" y="859"/>
                    <a:pt x="320" y="882"/>
                    <a:pt x="292" y="885"/>
                  </a:cubicBezTo>
                  <a:cubicBezTo>
                    <a:pt x="265" y="887"/>
                    <a:pt x="268" y="863"/>
                    <a:pt x="243" y="878"/>
                  </a:cubicBezTo>
                  <a:cubicBezTo>
                    <a:pt x="217" y="893"/>
                    <a:pt x="202" y="875"/>
                    <a:pt x="183" y="885"/>
                  </a:cubicBezTo>
                  <a:cubicBezTo>
                    <a:pt x="164" y="895"/>
                    <a:pt x="147" y="900"/>
                    <a:pt x="128" y="876"/>
                  </a:cubicBezTo>
                  <a:cubicBezTo>
                    <a:pt x="109" y="853"/>
                    <a:pt x="102" y="822"/>
                    <a:pt x="69" y="816"/>
                  </a:cubicBezTo>
                  <a:cubicBezTo>
                    <a:pt x="36" y="809"/>
                    <a:pt x="0" y="821"/>
                    <a:pt x="7" y="799"/>
                  </a:cubicBezTo>
                  <a:cubicBezTo>
                    <a:pt x="14" y="776"/>
                    <a:pt x="30" y="741"/>
                    <a:pt x="55" y="730"/>
                  </a:cubicBezTo>
                  <a:cubicBezTo>
                    <a:pt x="81" y="718"/>
                    <a:pt x="76" y="700"/>
                    <a:pt x="85" y="684"/>
                  </a:cubicBezTo>
                  <a:cubicBezTo>
                    <a:pt x="95" y="667"/>
                    <a:pt x="111" y="659"/>
                    <a:pt x="135" y="646"/>
                  </a:cubicBezTo>
                  <a:cubicBezTo>
                    <a:pt x="158" y="634"/>
                    <a:pt x="173" y="615"/>
                    <a:pt x="179" y="602"/>
                  </a:cubicBezTo>
                  <a:cubicBezTo>
                    <a:pt x="185" y="590"/>
                    <a:pt x="190" y="576"/>
                    <a:pt x="167" y="586"/>
                  </a:cubicBezTo>
                  <a:cubicBezTo>
                    <a:pt x="144" y="596"/>
                    <a:pt x="124" y="617"/>
                    <a:pt x="98" y="629"/>
                  </a:cubicBezTo>
                  <a:cubicBezTo>
                    <a:pt x="72" y="641"/>
                    <a:pt x="63" y="625"/>
                    <a:pt x="70" y="616"/>
                  </a:cubicBezTo>
                  <a:cubicBezTo>
                    <a:pt x="78" y="607"/>
                    <a:pt x="120" y="569"/>
                    <a:pt x="82" y="556"/>
                  </a:cubicBezTo>
                  <a:cubicBezTo>
                    <a:pt x="44" y="543"/>
                    <a:pt x="38" y="441"/>
                    <a:pt x="38" y="441"/>
                  </a:cubicBezTo>
                  <a:cubicBezTo>
                    <a:pt x="55" y="294"/>
                    <a:pt x="55" y="294"/>
                    <a:pt x="55" y="294"/>
                  </a:cubicBezTo>
                  <a:cubicBezTo>
                    <a:pt x="294" y="66"/>
                    <a:pt x="294" y="66"/>
                    <a:pt x="294" y="66"/>
                  </a:cubicBezTo>
                  <a:cubicBezTo>
                    <a:pt x="431" y="53"/>
                    <a:pt x="431" y="53"/>
                    <a:pt x="431" y="53"/>
                  </a:cubicBezTo>
                  <a:cubicBezTo>
                    <a:pt x="486" y="45"/>
                    <a:pt x="486" y="45"/>
                    <a:pt x="486" y="45"/>
                  </a:cubicBezTo>
                  <a:lnTo>
                    <a:pt x="489" y="49"/>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0" name="Freeform 19"/>
            <p:cNvSpPr>
              <a:spLocks noChangeArrowheads="1"/>
            </p:cNvSpPr>
            <p:nvPr/>
          </p:nvSpPr>
          <p:spPr bwMode="auto">
            <a:xfrm>
              <a:off x="3037988" y="2612697"/>
              <a:ext cx="391572" cy="658089"/>
            </a:xfrm>
            <a:custGeom>
              <a:gdLst>
                <a:gd fmla="*/ 174 w 880" name="T0"/>
                <a:gd fmla="*/ 1464 h 1478" name="T1"/>
                <a:gd fmla="*/ 255 w 880" name="T2"/>
                <a:gd fmla="*/ 1464 h 1478" name="T3"/>
                <a:gd fmla="*/ 328 w 880" name="T4"/>
                <a:gd fmla="*/ 1415 h 1478" name="T5"/>
                <a:gd fmla="*/ 391 w 880" name="T6"/>
                <a:gd fmla="*/ 1380 h 1478" name="T7"/>
                <a:gd fmla="*/ 440 w 880" name="T8"/>
                <a:gd fmla="*/ 1342 h 1478" name="T9"/>
                <a:gd fmla="*/ 453 w 880" name="T10"/>
                <a:gd fmla="*/ 1322 h 1478" name="T11"/>
                <a:gd fmla="*/ 487 w 880" name="T12"/>
                <a:gd fmla="*/ 1305 h 1478" name="T13"/>
                <a:gd fmla="*/ 559 w 880" name="T14"/>
                <a:gd fmla="*/ 1300 h 1478" name="T15"/>
                <a:gd fmla="*/ 642 w 880" name="T16"/>
                <a:gd fmla="*/ 1266 h 1478" name="T17"/>
                <a:gd fmla="*/ 713 w 880" name="T18"/>
                <a:gd fmla="*/ 1198 h 1478" name="T19"/>
                <a:gd fmla="*/ 719 w 880" name="T20"/>
                <a:gd fmla="*/ 1118 h 1478" name="T21"/>
                <a:gd fmla="*/ 758 w 880" name="T22"/>
                <a:gd fmla="*/ 999 h 1478" name="T23"/>
                <a:gd fmla="*/ 880 w 880" name="T24"/>
                <a:gd fmla="*/ 655 h 1478" name="T25"/>
                <a:gd fmla="*/ 840 w 880" name="T26"/>
                <a:gd fmla="*/ 130 h 1478" name="T27"/>
                <a:gd fmla="*/ 751 w 880" name="T28"/>
                <a:gd fmla="*/ 0 h 1478" name="T29"/>
                <a:gd fmla="*/ 585 w 880" name="T30"/>
                <a:gd fmla="*/ 28 h 1478" name="T31"/>
                <a:gd fmla="*/ 136 w 880" name="T32"/>
                <a:gd fmla="*/ 299 h 1478" name="T33"/>
                <a:gd fmla="*/ 81 w 880" name="T34"/>
                <a:gd fmla="*/ 627 h 1478" name="T35"/>
                <a:gd fmla="*/ 0 w 880" name="T36"/>
                <a:gd fmla="*/ 1162 h 1478" name="T37"/>
                <a:gd fmla="*/ 106 w 880" name="T38"/>
                <a:gd fmla="*/ 1420 h 1478" name="T39"/>
                <a:gd fmla="*/ 174 w 880" name="T40"/>
                <a:gd fmla="*/ 1464 h 1478" name="T41"/>
                <a:gd fmla="*/ 0 60000 65536" name="T42"/>
                <a:gd fmla="*/ 0 60000 65536" name="T43"/>
                <a:gd fmla="*/ 0 60000 65536" name="T44"/>
                <a:gd fmla="*/ 0 60000 65536" name="T45"/>
                <a:gd fmla="*/ 0 60000 65536" name="T46"/>
                <a:gd fmla="*/ 0 60000 65536" name="T47"/>
                <a:gd fmla="*/ 0 60000 65536" name="T48"/>
                <a:gd fmla="*/ 0 60000 65536" name="T49"/>
                <a:gd fmla="*/ 0 60000 65536" name="T50"/>
                <a:gd fmla="*/ 0 60000 65536" name="T51"/>
                <a:gd fmla="*/ 0 60000 65536" name="T52"/>
                <a:gd fmla="*/ 0 60000 65536" name="T53"/>
                <a:gd fmla="*/ 0 60000 65536" name="T54"/>
                <a:gd fmla="*/ 0 60000 65536" name="T55"/>
                <a:gd fmla="*/ 0 60000 65536" name="T56"/>
                <a:gd fmla="*/ 0 60000 65536" name="T57"/>
                <a:gd fmla="*/ 0 60000 65536" name="T58"/>
                <a:gd fmla="*/ 0 60000 65536" name="T59"/>
                <a:gd fmla="*/ 0 60000 65536" name="T60"/>
                <a:gd fmla="*/ 0 60000 65536" name="T61"/>
                <a:gd fmla="*/ 0 60000 65536" name="T62"/>
                <a:gd fmla="*/ 0 w 880" name="T63"/>
                <a:gd fmla="*/ 0 h 1478" name="T64"/>
                <a:gd fmla="*/ 880 w 880" name="T65"/>
                <a:gd fmla="*/ 1478 h 1478" name="T66"/>
              </a:gd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b="T66" l="T63" r="T65" t="T64"/>
              <a:pathLst>
                <a:path h="1478" w="880">
                  <a:moveTo>
                    <a:pt x="174" y="1464"/>
                  </a:moveTo>
                  <a:cubicBezTo>
                    <a:pt x="174" y="1464"/>
                    <a:pt x="243" y="1478"/>
                    <a:pt x="255" y="1464"/>
                  </a:cubicBezTo>
                  <a:cubicBezTo>
                    <a:pt x="267" y="1451"/>
                    <a:pt x="298" y="1426"/>
                    <a:pt x="328" y="1415"/>
                  </a:cubicBezTo>
                  <a:cubicBezTo>
                    <a:pt x="358" y="1404"/>
                    <a:pt x="380" y="1404"/>
                    <a:pt x="391" y="1380"/>
                  </a:cubicBezTo>
                  <a:cubicBezTo>
                    <a:pt x="403" y="1356"/>
                    <a:pt x="430" y="1344"/>
                    <a:pt x="440" y="1342"/>
                  </a:cubicBezTo>
                  <a:cubicBezTo>
                    <a:pt x="449" y="1340"/>
                    <a:pt x="453" y="1329"/>
                    <a:pt x="453" y="1322"/>
                  </a:cubicBezTo>
                  <a:cubicBezTo>
                    <a:pt x="453" y="1314"/>
                    <a:pt x="460" y="1301"/>
                    <a:pt x="487" y="1305"/>
                  </a:cubicBezTo>
                  <a:cubicBezTo>
                    <a:pt x="513" y="1309"/>
                    <a:pt x="535" y="1310"/>
                    <a:pt x="559" y="1300"/>
                  </a:cubicBezTo>
                  <a:cubicBezTo>
                    <a:pt x="584" y="1290"/>
                    <a:pt x="629" y="1279"/>
                    <a:pt x="642" y="1266"/>
                  </a:cubicBezTo>
                  <a:cubicBezTo>
                    <a:pt x="656" y="1254"/>
                    <a:pt x="705" y="1226"/>
                    <a:pt x="713" y="1198"/>
                  </a:cubicBezTo>
                  <a:cubicBezTo>
                    <a:pt x="721" y="1169"/>
                    <a:pt x="718" y="1138"/>
                    <a:pt x="719" y="1118"/>
                  </a:cubicBezTo>
                  <a:cubicBezTo>
                    <a:pt x="720" y="1097"/>
                    <a:pt x="722" y="1011"/>
                    <a:pt x="758" y="999"/>
                  </a:cubicBezTo>
                  <a:cubicBezTo>
                    <a:pt x="794" y="987"/>
                    <a:pt x="880" y="655"/>
                    <a:pt x="880" y="655"/>
                  </a:cubicBezTo>
                  <a:cubicBezTo>
                    <a:pt x="840" y="130"/>
                    <a:pt x="840" y="130"/>
                    <a:pt x="840" y="130"/>
                  </a:cubicBezTo>
                  <a:cubicBezTo>
                    <a:pt x="751" y="0"/>
                    <a:pt x="751" y="0"/>
                    <a:pt x="751" y="0"/>
                  </a:cubicBezTo>
                  <a:cubicBezTo>
                    <a:pt x="585" y="28"/>
                    <a:pt x="585" y="28"/>
                    <a:pt x="585" y="28"/>
                  </a:cubicBezTo>
                  <a:cubicBezTo>
                    <a:pt x="136" y="299"/>
                    <a:pt x="136" y="299"/>
                    <a:pt x="136" y="299"/>
                  </a:cubicBezTo>
                  <a:cubicBezTo>
                    <a:pt x="81" y="627"/>
                    <a:pt x="81" y="627"/>
                    <a:pt x="81" y="627"/>
                  </a:cubicBezTo>
                  <a:cubicBezTo>
                    <a:pt x="0" y="1162"/>
                    <a:pt x="0" y="1162"/>
                    <a:pt x="0" y="1162"/>
                  </a:cubicBezTo>
                  <a:cubicBezTo>
                    <a:pt x="106" y="1420"/>
                    <a:pt x="106" y="1420"/>
                    <a:pt x="106" y="1420"/>
                  </a:cubicBezTo>
                  <a:lnTo>
                    <a:pt x="174" y="1464"/>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1" name="Freeform 20"/>
            <p:cNvSpPr>
              <a:spLocks noChangeArrowheads="1"/>
            </p:cNvSpPr>
            <p:nvPr/>
          </p:nvSpPr>
          <p:spPr bwMode="auto">
            <a:xfrm>
              <a:off x="3305772" y="2405544"/>
              <a:ext cx="477465" cy="699773"/>
            </a:xfrm>
            <a:custGeom>
              <a:gdLst>
                <a:gd fmla="*/ 820 w 1074" name="T0"/>
                <a:gd fmla="*/ 812 h 1572" name="T1"/>
                <a:gd fmla="*/ 906 w 1074" name="T2"/>
                <a:gd fmla="*/ 787 h 1572" name="T3"/>
                <a:gd fmla="*/ 1005 w 1074" name="T4"/>
                <a:gd fmla="*/ 697 h 1572" name="T5"/>
                <a:gd fmla="*/ 1068 w 1074" name="T6"/>
                <a:gd fmla="*/ 595 h 1572" name="T7"/>
                <a:gd fmla="*/ 1074 w 1074" name="T8"/>
                <a:gd fmla="*/ 540 h 1572" name="T9"/>
                <a:gd fmla="*/ 881 w 1074" name="T10"/>
                <a:gd fmla="*/ 260 h 1572" name="T11"/>
                <a:gd fmla="*/ 680 w 1074" name="T12"/>
                <a:gd fmla="*/ 0 h 1572" name="T13"/>
                <a:gd fmla="*/ 179 w 1074" name="T14"/>
                <a:gd fmla="*/ 147 h 1572" name="T15"/>
                <a:gd fmla="*/ 2 w 1074" name="T16"/>
                <a:gd fmla="*/ 406 h 1572" name="T17"/>
                <a:gd fmla="*/ 147 w 1074" name="T18"/>
                <a:gd fmla="*/ 600 h 1572" name="T19"/>
                <a:gd fmla="*/ 106 w 1074" name="T20"/>
                <a:gd fmla="*/ 689 h 1572" name="T21"/>
                <a:gd fmla="*/ 135 w 1074" name="T22"/>
                <a:gd fmla="*/ 734 h 1572" name="T23"/>
                <a:gd fmla="*/ 190 w 1074" name="T24"/>
                <a:gd fmla="*/ 783 h 1572" name="T25"/>
                <a:gd fmla="*/ 181 w 1074" name="T26"/>
                <a:gd fmla="*/ 887 h 1572" name="T27"/>
                <a:gd fmla="*/ 104 w 1074" name="T28"/>
                <a:gd fmla="*/ 942 h 1572" name="T29"/>
                <a:gd fmla="*/ 48 w 1074" name="T30"/>
                <a:gd fmla="*/ 1033 h 1572" name="T31"/>
                <a:gd fmla="*/ 126 w 1074" name="T32"/>
                <a:gd fmla="*/ 1153 h 1572" name="T33"/>
                <a:gd fmla="*/ 159 w 1074" name="T34"/>
                <a:gd fmla="*/ 1221 h 1572" name="T35"/>
                <a:gd fmla="*/ 132 w 1074" name="T36"/>
                <a:gd fmla="*/ 1328 h 1572" name="T37"/>
                <a:gd fmla="*/ 77 w 1074" name="T38"/>
                <a:gd fmla="*/ 1432 h 1572" name="T39"/>
                <a:gd fmla="*/ 181 w 1074" name="T40"/>
                <a:gd fmla="*/ 1530 h 1572" name="T41"/>
                <a:gd fmla="*/ 289 w 1074" name="T42"/>
                <a:gd fmla="*/ 1549 h 1572" name="T43"/>
                <a:gd fmla="*/ 351 w 1074" name="T44"/>
                <a:gd fmla="*/ 1534 h 1572" name="T45"/>
                <a:gd fmla="*/ 417 w 1074" name="T46"/>
                <a:gd fmla="*/ 1542 h 1572" name="T47"/>
                <a:gd fmla="*/ 400 w 1074" name="T48"/>
                <a:gd fmla="*/ 1454 h 1572" name="T49"/>
                <a:gd fmla="*/ 464 w 1074" name="T50"/>
                <a:gd fmla="*/ 1316 h 1572" name="T51"/>
                <a:gd fmla="*/ 547 w 1074" name="T52"/>
                <a:gd fmla="*/ 1193 h 1572" name="T53"/>
                <a:gd fmla="*/ 697 w 1074" name="T54"/>
                <a:gd fmla="*/ 1122 h 1572" name="T55"/>
                <a:gd fmla="*/ 779 w 1074" name="T56"/>
                <a:gd fmla="*/ 1041 h 1572" name="T57"/>
                <a:gd fmla="*/ 792 w 1074" name="T58"/>
                <a:gd fmla="*/ 1005 h 1572" name="T59"/>
                <a:gd fmla="*/ 734 w 1074" name="T60"/>
                <a:gd fmla="*/ 960 h 1572" name="T61"/>
                <a:gd fmla="*/ 751 w 1074" name="T62"/>
                <a:gd fmla="*/ 795 h 1572" name="T63"/>
                <a:gd fmla="*/ 781 w 1074" name="T64"/>
                <a:gd fmla="*/ 804 h 1572" name="T65"/>
                <a:gd fmla="*/ 0 60000 65536" name="T66"/>
                <a:gd fmla="*/ 0 60000 65536" name="T67"/>
                <a:gd fmla="*/ 0 60000 65536" name="T68"/>
                <a:gd fmla="*/ 0 60000 65536" name="T69"/>
                <a:gd fmla="*/ 0 60000 65536" name="T70"/>
                <a:gd fmla="*/ 0 60000 65536" name="T71"/>
                <a:gd fmla="*/ 0 60000 65536" name="T72"/>
                <a:gd fmla="*/ 0 60000 65536" name="T73"/>
                <a:gd fmla="*/ 0 60000 65536" name="T74"/>
                <a:gd fmla="*/ 0 60000 65536" name="T75"/>
                <a:gd fmla="*/ 0 60000 65536" name="T76"/>
                <a:gd fmla="*/ 0 60000 65536" name="T77"/>
                <a:gd fmla="*/ 0 60000 65536" name="T78"/>
                <a:gd fmla="*/ 0 60000 65536" name="T79"/>
                <a:gd fmla="*/ 0 60000 65536" name="T80"/>
                <a:gd fmla="*/ 0 60000 65536" name="T81"/>
                <a:gd fmla="*/ 0 60000 65536" name="T82"/>
                <a:gd fmla="*/ 0 60000 65536" name="T83"/>
                <a:gd fmla="*/ 0 60000 65536" name="T84"/>
                <a:gd fmla="*/ 0 60000 65536" name="T85"/>
                <a:gd fmla="*/ 0 60000 65536" name="T86"/>
                <a:gd fmla="*/ 0 60000 65536" name="T87"/>
                <a:gd fmla="*/ 0 60000 65536" name="T88"/>
                <a:gd fmla="*/ 0 60000 65536" name="T89"/>
                <a:gd fmla="*/ 0 60000 65536" name="T90"/>
                <a:gd fmla="*/ 0 60000 65536" name="T91"/>
                <a:gd fmla="*/ 0 60000 65536" name="T92"/>
                <a:gd fmla="*/ 0 60000 65536" name="T93"/>
                <a:gd fmla="*/ 0 60000 65536" name="T94"/>
                <a:gd fmla="*/ 0 60000 65536" name="T95"/>
                <a:gd fmla="*/ 0 60000 65536" name="T96"/>
                <a:gd fmla="*/ 0 60000 65536" name="T97"/>
                <a:gd fmla="*/ 0 60000 65536" name="T98"/>
                <a:gd fmla="*/ 0 w 1074" name="T99"/>
                <a:gd fmla="*/ 0 h 1572" name="T100"/>
                <a:gd fmla="*/ 1074 w 1074" name="T101"/>
                <a:gd fmla="*/ 1572 h 1572" name="T102"/>
              </a:gd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b="T102" l="T99" r="T101" t="T100"/>
              <a:pathLst>
                <a:path h="1572" w="1074">
                  <a:moveTo>
                    <a:pt x="781" y="804"/>
                  </a:moveTo>
                  <a:cubicBezTo>
                    <a:pt x="792" y="802"/>
                    <a:pt x="807" y="805"/>
                    <a:pt x="820" y="812"/>
                  </a:cubicBezTo>
                  <a:cubicBezTo>
                    <a:pt x="843" y="824"/>
                    <a:pt x="884" y="826"/>
                    <a:pt x="880" y="806"/>
                  </a:cubicBezTo>
                  <a:cubicBezTo>
                    <a:pt x="875" y="786"/>
                    <a:pt x="887" y="783"/>
                    <a:pt x="906" y="787"/>
                  </a:cubicBezTo>
                  <a:cubicBezTo>
                    <a:pt x="925" y="790"/>
                    <a:pt x="948" y="800"/>
                    <a:pt x="966" y="774"/>
                  </a:cubicBezTo>
                  <a:cubicBezTo>
                    <a:pt x="983" y="748"/>
                    <a:pt x="1003" y="723"/>
                    <a:pt x="1005" y="697"/>
                  </a:cubicBezTo>
                  <a:cubicBezTo>
                    <a:pt x="1008" y="671"/>
                    <a:pt x="1016" y="653"/>
                    <a:pt x="1054" y="610"/>
                  </a:cubicBezTo>
                  <a:cubicBezTo>
                    <a:pt x="1059" y="605"/>
                    <a:pt x="1063" y="600"/>
                    <a:pt x="1068" y="595"/>
                  </a:cubicBezTo>
                  <a:cubicBezTo>
                    <a:pt x="1072" y="592"/>
                    <a:pt x="1072" y="592"/>
                    <a:pt x="1072" y="592"/>
                  </a:cubicBezTo>
                  <a:cubicBezTo>
                    <a:pt x="1074" y="540"/>
                    <a:pt x="1074" y="540"/>
                    <a:pt x="1074" y="540"/>
                  </a:cubicBezTo>
                  <a:cubicBezTo>
                    <a:pt x="1057" y="368"/>
                    <a:pt x="1057" y="368"/>
                    <a:pt x="1057" y="368"/>
                  </a:cubicBezTo>
                  <a:cubicBezTo>
                    <a:pt x="881" y="260"/>
                    <a:pt x="881" y="260"/>
                    <a:pt x="881" y="260"/>
                  </a:cubicBezTo>
                  <a:cubicBezTo>
                    <a:pt x="881" y="260"/>
                    <a:pt x="724" y="140"/>
                    <a:pt x="722" y="138"/>
                  </a:cubicBezTo>
                  <a:cubicBezTo>
                    <a:pt x="720" y="136"/>
                    <a:pt x="680" y="0"/>
                    <a:pt x="680" y="0"/>
                  </a:cubicBezTo>
                  <a:cubicBezTo>
                    <a:pt x="271" y="138"/>
                    <a:pt x="271" y="138"/>
                    <a:pt x="271" y="138"/>
                  </a:cubicBezTo>
                  <a:cubicBezTo>
                    <a:pt x="179" y="147"/>
                    <a:pt x="179" y="147"/>
                    <a:pt x="179" y="147"/>
                  </a:cubicBezTo>
                  <a:cubicBezTo>
                    <a:pt x="78" y="286"/>
                    <a:pt x="78" y="286"/>
                    <a:pt x="78" y="286"/>
                  </a:cubicBezTo>
                  <a:cubicBezTo>
                    <a:pt x="78" y="286"/>
                    <a:pt x="4" y="404"/>
                    <a:pt x="2" y="406"/>
                  </a:cubicBezTo>
                  <a:cubicBezTo>
                    <a:pt x="0" y="408"/>
                    <a:pt x="31" y="541"/>
                    <a:pt x="76" y="542"/>
                  </a:cubicBezTo>
                  <a:cubicBezTo>
                    <a:pt x="120" y="544"/>
                    <a:pt x="141" y="578"/>
                    <a:pt x="147" y="600"/>
                  </a:cubicBezTo>
                  <a:cubicBezTo>
                    <a:pt x="154" y="622"/>
                    <a:pt x="164" y="648"/>
                    <a:pt x="145" y="652"/>
                  </a:cubicBezTo>
                  <a:cubicBezTo>
                    <a:pt x="127" y="656"/>
                    <a:pt x="125" y="683"/>
                    <a:pt x="106" y="689"/>
                  </a:cubicBezTo>
                  <a:cubicBezTo>
                    <a:pt x="87" y="695"/>
                    <a:pt x="89" y="692"/>
                    <a:pt x="85" y="712"/>
                  </a:cubicBezTo>
                  <a:cubicBezTo>
                    <a:pt x="80" y="733"/>
                    <a:pt x="115" y="738"/>
                    <a:pt x="135" y="734"/>
                  </a:cubicBezTo>
                  <a:cubicBezTo>
                    <a:pt x="155" y="729"/>
                    <a:pt x="177" y="721"/>
                    <a:pt x="177" y="734"/>
                  </a:cubicBezTo>
                  <a:cubicBezTo>
                    <a:pt x="176" y="747"/>
                    <a:pt x="175" y="758"/>
                    <a:pt x="190" y="783"/>
                  </a:cubicBezTo>
                  <a:cubicBezTo>
                    <a:pt x="205" y="807"/>
                    <a:pt x="207" y="816"/>
                    <a:pt x="199" y="827"/>
                  </a:cubicBezTo>
                  <a:cubicBezTo>
                    <a:pt x="192" y="837"/>
                    <a:pt x="186" y="867"/>
                    <a:pt x="181" y="887"/>
                  </a:cubicBezTo>
                  <a:cubicBezTo>
                    <a:pt x="176" y="906"/>
                    <a:pt x="154" y="911"/>
                    <a:pt x="125" y="908"/>
                  </a:cubicBezTo>
                  <a:cubicBezTo>
                    <a:pt x="97" y="905"/>
                    <a:pt x="95" y="918"/>
                    <a:pt x="104" y="942"/>
                  </a:cubicBezTo>
                  <a:cubicBezTo>
                    <a:pt x="113" y="966"/>
                    <a:pt x="102" y="981"/>
                    <a:pt x="76" y="988"/>
                  </a:cubicBezTo>
                  <a:cubicBezTo>
                    <a:pt x="50" y="995"/>
                    <a:pt x="48" y="1014"/>
                    <a:pt x="48" y="1033"/>
                  </a:cubicBezTo>
                  <a:cubicBezTo>
                    <a:pt x="48" y="1053"/>
                    <a:pt x="48" y="1080"/>
                    <a:pt x="72" y="1098"/>
                  </a:cubicBezTo>
                  <a:cubicBezTo>
                    <a:pt x="96" y="1115"/>
                    <a:pt x="104" y="1130"/>
                    <a:pt x="126" y="1153"/>
                  </a:cubicBezTo>
                  <a:cubicBezTo>
                    <a:pt x="148" y="1176"/>
                    <a:pt x="140" y="1189"/>
                    <a:pt x="153" y="1197"/>
                  </a:cubicBezTo>
                  <a:cubicBezTo>
                    <a:pt x="167" y="1205"/>
                    <a:pt x="166" y="1214"/>
                    <a:pt x="159" y="1221"/>
                  </a:cubicBezTo>
                  <a:cubicBezTo>
                    <a:pt x="151" y="1228"/>
                    <a:pt x="153" y="1240"/>
                    <a:pt x="149" y="1263"/>
                  </a:cubicBezTo>
                  <a:cubicBezTo>
                    <a:pt x="145" y="1286"/>
                    <a:pt x="143" y="1318"/>
                    <a:pt x="132" y="1328"/>
                  </a:cubicBezTo>
                  <a:cubicBezTo>
                    <a:pt x="122" y="1338"/>
                    <a:pt x="123" y="1379"/>
                    <a:pt x="120" y="1400"/>
                  </a:cubicBezTo>
                  <a:cubicBezTo>
                    <a:pt x="117" y="1420"/>
                    <a:pt x="98" y="1425"/>
                    <a:pt x="77" y="1432"/>
                  </a:cubicBezTo>
                  <a:cubicBezTo>
                    <a:pt x="56" y="1440"/>
                    <a:pt x="104" y="1479"/>
                    <a:pt x="122" y="1500"/>
                  </a:cubicBezTo>
                  <a:cubicBezTo>
                    <a:pt x="140" y="1521"/>
                    <a:pt x="156" y="1529"/>
                    <a:pt x="181" y="1530"/>
                  </a:cubicBezTo>
                  <a:cubicBezTo>
                    <a:pt x="205" y="1531"/>
                    <a:pt x="212" y="1516"/>
                    <a:pt x="231" y="1525"/>
                  </a:cubicBezTo>
                  <a:cubicBezTo>
                    <a:pt x="250" y="1534"/>
                    <a:pt x="277" y="1550"/>
                    <a:pt x="289" y="1549"/>
                  </a:cubicBezTo>
                  <a:cubicBezTo>
                    <a:pt x="300" y="1547"/>
                    <a:pt x="308" y="1546"/>
                    <a:pt x="330" y="1559"/>
                  </a:cubicBezTo>
                  <a:cubicBezTo>
                    <a:pt x="353" y="1572"/>
                    <a:pt x="341" y="1553"/>
                    <a:pt x="351" y="1534"/>
                  </a:cubicBezTo>
                  <a:cubicBezTo>
                    <a:pt x="361" y="1515"/>
                    <a:pt x="362" y="1510"/>
                    <a:pt x="382" y="1525"/>
                  </a:cubicBezTo>
                  <a:cubicBezTo>
                    <a:pt x="401" y="1539"/>
                    <a:pt x="408" y="1541"/>
                    <a:pt x="417" y="1542"/>
                  </a:cubicBezTo>
                  <a:cubicBezTo>
                    <a:pt x="427" y="1544"/>
                    <a:pt x="425" y="1525"/>
                    <a:pt x="419" y="1507"/>
                  </a:cubicBezTo>
                  <a:cubicBezTo>
                    <a:pt x="412" y="1490"/>
                    <a:pt x="399" y="1474"/>
                    <a:pt x="400" y="1454"/>
                  </a:cubicBezTo>
                  <a:cubicBezTo>
                    <a:pt x="401" y="1433"/>
                    <a:pt x="402" y="1421"/>
                    <a:pt x="432" y="1396"/>
                  </a:cubicBezTo>
                  <a:cubicBezTo>
                    <a:pt x="461" y="1372"/>
                    <a:pt x="456" y="1348"/>
                    <a:pt x="464" y="1316"/>
                  </a:cubicBezTo>
                  <a:cubicBezTo>
                    <a:pt x="473" y="1283"/>
                    <a:pt x="484" y="1291"/>
                    <a:pt x="496" y="1271"/>
                  </a:cubicBezTo>
                  <a:cubicBezTo>
                    <a:pt x="507" y="1250"/>
                    <a:pt x="536" y="1219"/>
                    <a:pt x="547" y="1193"/>
                  </a:cubicBezTo>
                  <a:cubicBezTo>
                    <a:pt x="558" y="1167"/>
                    <a:pt x="581" y="1158"/>
                    <a:pt x="600" y="1143"/>
                  </a:cubicBezTo>
                  <a:cubicBezTo>
                    <a:pt x="619" y="1128"/>
                    <a:pt x="669" y="1123"/>
                    <a:pt x="697" y="1122"/>
                  </a:cubicBezTo>
                  <a:cubicBezTo>
                    <a:pt x="725" y="1122"/>
                    <a:pt x="727" y="1113"/>
                    <a:pt x="729" y="1090"/>
                  </a:cubicBezTo>
                  <a:cubicBezTo>
                    <a:pt x="731" y="1068"/>
                    <a:pt x="759" y="1054"/>
                    <a:pt x="779" y="1041"/>
                  </a:cubicBezTo>
                  <a:cubicBezTo>
                    <a:pt x="800" y="1028"/>
                    <a:pt x="815" y="1015"/>
                    <a:pt x="815" y="1015"/>
                  </a:cubicBezTo>
                  <a:cubicBezTo>
                    <a:pt x="810" y="1006"/>
                    <a:pt x="804" y="1004"/>
                    <a:pt x="792" y="1005"/>
                  </a:cubicBezTo>
                  <a:cubicBezTo>
                    <a:pt x="762" y="1007"/>
                    <a:pt x="743" y="993"/>
                    <a:pt x="736" y="964"/>
                  </a:cubicBezTo>
                  <a:cubicBezTo>
                    <a:pt x="734" y="960"/>
                    <a:pt x="734" y="960"/>
                    <a:pt x="734" y="960"/>
                  </a:cubicBezTo>
                  <a:cubicBezTo>
                    <a:pt x="702" y="837"/>
                    <a:pt x="702" y="837"/>
                    <a:pt x="702" y="837"/>
                  </a:cubicBezTo>
                  <a:cubicBezTo>
                    <a:pt x="751" y="795"/>
                    <a:pt x="751" y="795"/>
                    <a:pt x="751" y="795"/>
                  </a:cubicBezTo>
                  <a:cubicBezTo>
                    <a:pt x="772" y="805"/>
                    <a:pt x="772" y="805"/>
                    <a:pt x="772" y="805"/>
                  </a:cubicBezTo>
                  <a:lnTo>
                    <a:pt x="781" y="804"/>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2" name="Freeform 21"/>
            <p:cNvSpPr>
              <a:spLocks noChangeArrowheads="1"/>
            </p:cNvSpPr>
            <p:nvPr/>
          </p:nvSpPr>
          <p:spPr bwMode="auto">
            <a:xfrm>
              <a:off x="3533137" y="2669538"/>
              <a:ext cx="116208" cy="169259"/>
            </a:xfrm>
            <a:custGeom>
              <a:gdLst>
                <a:gd fmla="*/ 61 w 261" name="T0"/>
                <a:gd fmla="*/ 146 h 379" name="T1"/>
                <a:gd fmla="*/ 88 w 261" name="T2"/>
                <a:gd fmla="*/ 244 h 379" name="T3"/>
                <a:gd fmla="*/ 88 w 261" name="T4"/>
                <a:gd fmla="*/ 279 h 379" name="T5"/>
                <a:gd fmla="*/ 119 w 261" name="T6"/>
                <a:gd fmla="*/ 317 h 379" name="T7"/>
                <a:gd fmla="*/ 204 w 261" name="T8"/>
                <a:gd fmla="*/ 371 h 379" name="T9"/>
                <a:gd fmla="*/ 223 w 261" name="T10"/>
                <a:gd fmla="*/ 367 h 379" name="T11"/>
                <a:gd fmla="*/ 222 w 261" name="T12"/>
                <a:gd fmla="*/ 357 h 379" name="T13"/>
                <a:gd fmla="*/ 231 w 261" name="T14"/>
                <a:gd fmla="*/ 282 h 379" name="T15"/>
                <a:gd fmla="*/ 250 w 261" name="T16"/>
                <a:gd fmla="*/ 221 h 379" name="T17"/>
                <a:gd fmla="*/ 261 w 261" name="T18"/>
                <a:gd fmla="*/ 212 h 379" name="T19"/>
                <a:gd fmla="*/ 254 w 261" name="T20"/>
                <a:gd fmla="*/ 182 h 379" name="T21"/>
                <a:gd fmla="*/ 241 w 261" name="T22"/>
                <a:gd fmla="*/ 146 h 379" name="T23"/>
                <a:gd fmla="*/ 211 w 261" name="T24"/>
                <a:gd fmla="*/ 154 h 379" name="T25"/>
                <a:gd fmla="*/ 182 w 261" name="T26"/>
                <a:gd fmla="*/ 95 h 379" name="T27"/>
                <a:gd fmla="*/ 188 w 261" name="T28"/>
                <a:gd fmla="*/ 55 h 379" name="T29"/>
                <a:gd fmla="*/ 191 w 261" name="T30"/>
                <a:gd fmla="*/ 20 h 379" name="T31"/>
                <a:gd fmla="*/ 113 w 261" name="T32"/>
                <a:gd fmla="*/ 2 h 379" name="T33"/>
                <a:gd fmla="*/ 7 w 261" name="T34"/>
                <a:gd fmla="*/ 67 h 379" name="T35"/>
                <a:gd fmla="*/ 60 w 261" name="T36"/>
                <a:gd fmla="*/ 122 h 379" name="T37"/>
                <a:gd fmla="*/ 61 w 261" name="T38"/>
                <a:gd fmla="*/ 146 h 379" name="T39"/>
                <a:gd fmla="*/ 0 60000 65536" name="T40"/>
                <a:gd fmla="*/ 0 60000 65536" name="T41"/>
                <a:gd fmla="*/ 0 60000 65536" name="T42"/>
                <a:gd fmla="*/ 0 60000 65536" name="T43"/>
                <a:gd fmla="*/ 0 60000 65536" name="T44"/>
                <a:gd fmla="*/ 0 60000 65536" name="T45"/>
                <a:gd fmla="*/ 0 60000 65536" name="T46"/>
                <a:gd fmla="*/ 0 60000 65536" name="T47"/>
                <a:gd fmla="*/ 0 60000 65536" name="T48"/>
                <a:gd fmla="*/ 0 60000 65536" name="T49"/>
                <a:gd fmla="*/ 0 60000 65536" name="T50"/>
                <a:gd fmla="*/ 0 60000 65536" name="T51"/>
                <a:gd fmla="*/ 0 60000 65536" name="T52"/>
                <a:gd fmla="*/ 0 60000 65536" name="T53"/>
                <a:gd fmla="*/ 0 60000 65536" name="T54"/>
                <a:gd fmla="*/ 0 60000 65536" name="T55"/>
                <a:gd fmla="*/ 0 60000 65536" name="T56"/>
                <a:gd fmla="*/ 0 60000 65536" name="T57"/>
                <a:gd fmla="*/ 0 60000 65536" name="T58"/>
                <a:gd fmla="*/ 0 60000 65536" name="T59"/>
                <a:gd fmla="*/ 0 w 261" name="T60"/>
                <a:gd fmla="*/ 0 h 379" name="T61"/>
                <a:gd fmla="*/ 261 w 261" name="T62"/>
                <a:gd fmla="*/ 379 h 379" name="T63"/>
              </a:gd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b="T63" l="T60" r="T62" t="T61"/>
              <a:pathLst>
                <a:path h="379" w="261">
                  <a:moveTo>
                    <a:pt x="61" y="146"/>
                  </a:moveTo>
                  <a:cubicBezTo>
                    <a:pt x="61" y="146"/>
                    <a:pt x="82" y="224"/>
                    <a:pt x="88" y="244"/>
                  </a:cubicBezTo>
                  <a:cubicBezTo>
                    <a:pt x="94" y="263"/>
                    <a:pt x="90" y="265"/>
                    <a:pt x="88" y="279"/>
                  </a:cubicBezTo>
                  <a:cubicBezTo>
                    <a:pt x="86" y="292"/>
                    <a:pt x="86" y="293"/>
                    <a:pt x="119" y="317"/>
                  </a:cubicBezTo>
                  <a:cubicBezTo>
                    <a:pt x="151" y="340"/>
                    <a:pt x="192" y="379"/>
                    <a:pt x="204" y="371"/>
                  </a:cubicBezTo>
                  <a:cubicBezTo>
                    <a:pt x="223" y="367"/>
                    <a:pt x="223" y="367"/>
                    <a:pt x="223" y="367"/>
                  </a:cubicBezTo>
                  <a:cubicBezTo>
                    <a:pt x="222" y="362"/>
                    <a:pt x="222" y="362"/>
                    <a:pt x="222" y="357"/>
                  </a:cubicBezTo>
                  <a:cubicBezTo>
                    <a:pt x="216" y="318"/>
                    <a:pt x="222" y="305"/>
                    <a:pt x="231" y="282"/>
                  </a:cubicBezTo>
                  <a:cubicBezTo>
                    <a:pt x="240" y="259"/>
                    <a:pt x="239" y="234"/>
                    <a:pt x="250" y="221"/>
                  </a:cubicBezTo>
                  <a:cubicBezTo>
                    <a:pt x="254" y="215"/>
                    <a:pt x="253" y="213"/>
                    <a:pt x="261" y="212"/>
                  </a:cubicBezTo>
                  <a:cubicBezTo>
                    <a:pt x="261" y="212"/>
                    <a:pt x="256" y="197"/>
                    <a:pt x="254" y="182"/>
                  </a:cubicBezTo>
                  <a:cubicBezTo>
                    <a:pt x="253" y="167"/>
                    <a:pt x="256" y="145"/>
                    <a:pt x="241" y="146"/>
                  </a:cubicBezTo>
                  <a:cubicBezTo>
                    <a:pt x="226" y="148"/>
                    <a:pt x="225" y="164"/>
                    <a:pt x="211" y="154"/>
                  </a:cubicBezTo>
                  <a:cubicBezTo>
                    <a:pt x="197" y="143"/>
                    <a:pt x="193" y="116"/>
                    <a:pt x="182" y="95"/>
                  </a:cubicBezTo>
                  <a:cubicBezTo>
                    <a:pt x="170" y="74"/>
                    <a:pt x="179" y="59"/>
                    <a:pt x="188" y="55"/>
                  </a:cubicBezTo>
                  <a:cubicBezTo>
                    <a:pt x="197" y="51"/>
                    <a:pt x="209" y="31"/>
                    <a:pt x="191" y="20"/>
                  </a:cubicBezTo>
                  <a:cubicBezTo>
                    <a:pt x="174" y="10"/>
                    <a:pt x="131" y="0"/>
                    <a:pt x="113" y="2"/>
                  </a:cubicBezTo>
                  <a:cubicBezTo>
                    <a:pt x="95" y="5"/>
                    <a:pt x="0" y="52"/>
                    <a:pt x="7" y="67"/>
                  </a:cubicBezTo>
                  <a:cubicBezTo>
                    <a:pt x="15" y="82"/>
                    <a:pt x="55" y="117"/>
                    <a:pt x="60" y="122"/>
                  </a:cubicBezTo>
                  <a:cubicBezTo>
                    <a:pt x="65" y="128"/>
                    <a:pt x="61" y="146"/>
                    <a:pt x="61" y="146"/>
                  </a:cubicBez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3" name="Freeform 22"/>
            <p:cNvSpPr>
              <a:spLocks noChangeArrowheads="1"/>
            </p:cNvSpPr>
            <p:nvPr/>
          </p:nvSpPr>
          <p:spPr bwMode="auto">
            <a:xfrm>
              <a:off x="3697344" y="2284283"/>
              <a:ext cx="521675" cy="463567"/>
            </a:xfrm>
            <a:custGeom>
              <a:gdLst>
                <a:gd fmla="*/ 1160 w 1173" name="T0"/>
                <a:gd fmla="*/ 513 h 1039" name="T1"/>
                <a:gd fmla="*/ 1107 w 1173" name="T2"/>
                <a:gd fmla="*/ 544 h 1039" name="T3"/>
                <a:gd fmla="*/ 1014 w 1173" name="T4"/>
                <a:gd fmla="*/ 620 h 1039" name="T5"/>
                <a:gd fmla="*/ 958 w 1173" name="T6"/>
                <a:gd fmla="*/ 716 h 1039" name="T7"/>
                <a:gd fmla="*/ 930 w 1173" name="T8"/>
                <a:gd fmla="*/ 787 h 1039" name="T9"/>
                <a:gd fmla="*/ 855 w 1173" name="T10"/>
                <a:gd fmla="*/ 802 h 1039" name="T11"/>
                <a:gd fmla="*/ 777 w 1173" name="T12"/>
                <a:gd fmla="*/ 835 h 1039" name="T13"/>
                <a:gd fmla="*/ 707 w 1173" name="T14"/>
                <a:gd fmla="*/ 882 h 1039" name="T15"/>
                <a:gd fmla="*/ 636 w 1173" name="T16"/>
                <a:gd fmla="*/ 939 h 1039" name="T17"/>
                <a:gd fmla="*/ 585 w 1173" name="T18"/>
                <a:gd fmla="*/ 1016 h 1039" name="T19"/>
                <a:gd fmla="*/ 551 w 1173" name="T20"/>
                <a:gd fmla="*/ 1032 h 1039" name="T21"/>
                <a:gd fmla="*/ 530 w 1173" name="T22"/>
                <a:gd fmla="*/ 1007 h 1039" name="T23"/>
                <a:gd fmla="*/ 526 w 1173" name="T24"/>
                <a:gd fmla="*/ 966 h 1039" name="T25"/>
                <a:gd fmla="*/ 547 w 1173" name="T26"/>
                <a:gd fmla="*/ 943 h 1039" name="T27"/>
                <a:gd fmla="*/ 513 w 1173" name="T28"/>
                <a:gd fmla="*/ 949 h 1039" name="T29"/>
                <a:gd fmla="*/ 471 w 1173" name="T30"/>
                <a:gd fmla="*/ 960 h 1039" name="T31"/>
                <a:gd fmla="*/ 487 w 1173" name="T32"/>
                <a:gd fmla="*/ 917 h 1039" name="T33"/>
                <a:gd fmla="*/ 483 w 1173" name="T34"/>
                <a:gd fmla="*/ 873 h 1039" name="T35"/>
                <a:gd fmla="*/ 495 w 1173" name="T36"/>
                <a:gd fmla="*/ 843 h 1039" name="T37"/>
                <a:gd fmla="*/ 530 w 1173" name="T38"/>
                <a:gd fmla="*/ 790 h 1039" name="T39"/>
                <a:gd fmla="*/ 566 w 1173" name="T40"/>
                <a:gd fmla="*/ 739 h 1039" name="T41"/>
                <a:gd fmla="*/ 573 w 1173" name="T42"/>
                <a:gd fmla="*/ 679 h 1039" name="T43"/>
                <a:gd fmla="*/ 551 w 1173" name="T44"/>
                <a:gd fmla="*/ 645 h 1039" name="T45"/>
                <a:gd fmla="*/ 504 w 1173" name="T46"/>
                <a:gd fmla="*/ 613 h 1039" name="T47"/>
                <a:gd fmla="*/ 447 w 1173" name="T48"/>
                <a:gd fmla="*/ 626 h 1039" name="T49"/>
                <a:gd fmla="*/ 376 w 1173" name="T50"/>
                <a:gd fmla="*/ 633 h 1039" name="T51"/>
                <a:gd fmla="*/ 365 w 1173" name="T52"/>
                <a:gd fmla="*/ 662 h 1039" name="T53"/>
                <a:gd fmla="*/ 340 w 1173" name="T54"/>
                <a:gd fmla="*/ 698 h 1039" name="T55"/>
                <a:gd fmla="*/ 304 w 1173" name="T56"/>
                <a:gd fmla="*/ 769 h 1039" name="T57"/>
                <a:gd fmla="*/ 254 w 1173" name="T58"/>
                <a:gd fmla="*/ 820 h 1039" name="T59"/>
                <a:gd fmla="*/ 191 w 1173" name="T60"/>
                <a:gd fmla="*/ 863 h 1039" name="T61"/>
                <a:gd fmla="*/ 163 w 1173" name="T62"/>
                <a:gd fmla="*/ 825 h 1039" name="T63"/>
                <a:gd fmla="*/ 139 w 1173" name="T64"/>
                <a:gd fmla="*/ 785 h 1039" name="T65"/>
                <a:gd fmla="*/ 102 w 1173" name="T66"/>
                <a:gd fmla="*/ 766 h 1039" name="T67"/>
                <a:gd fmla="*/ 71 w 1173" name="T68"/>
                <a:gd fmla="*/ 743 h 1039" name="T69"/>
                <a:gd fmla="*/ 51 w 1173" name="T70"/>
                <a:gd fmla="*/ 740 h 1039" name="T71"/>
                <a:gd fmla="*/ 11 w 1173" name="T72"/>
                <a:gd fmla="*/ 710 h 1039" name="T73"/>
                <a:gd fmla="*/ 22 w 1173" name="T74"/>
                <a:gd fmla="*/ 654 h 1039" name="T75"/>
                <a:gd fmla="*/ 61 w 1173" name="T76"/>
                <a:gd fmla="*/ 595 h 1039" name="T77"/>
                <a:gd fmla="*/ 0 w 1173" name="T78"/>
                <a:gd fmla="*/ 480 h 1039" name="T79"/>
                <a:gd fmla="*/ 39 w 1173" name="T80"/>
                <a:gd fmla="*/ 283 h 1039" name="T81"/>
                <a:gd fmla="*/ 327 w 1173" name="T82"/>
                <a:gd fmla="*/ 142 h 1039" name="T83"/>
                <a:gd fmla="*/ 519 w 1173" name="T84"/>
                <a:gd fmla="*/ 39 h 1039" name="T85"/>
                <a:gd fmla="*/ 777 w 1173" name="T86"/>
                <a:gd fmla="*/ 0 h 1039" name="T87"/>
                <a:gd fmla="*/ 1160 w 1173" name="T88"/>
                <a:gd fmla="*/ 130 h 1039" name="T89"/>
                <a:gd fmla="*/ 1160 w 1173" name="T90"/>
                <a:gd fmla="*/ 288 h 1039" name="T91"/>
                <a:gd fmla="*/ 1164 w 1173" name="T92"/>
                <a:gd fmla="*/ 464 h 1039" name="T93"/>
                <a:gd fmla="*/ 1173 w 1173" name="T94"/>
                <a:gd fmla="*/ 502 h 1039" name="T95"/>
                <a:gd fmla="*/ 1160 w 1173" name="T96"/>
                <a:gd fmla="*/ 513 h 1039"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w 1173" name="T147"/>
                <a:gd fmla="*/ 0 h 1039" name="T148"/>
                <a:gd fmla="*/ 1173 w 1173" name="T149"/>
                <a:gd fmla="*/ 1039 h 1039" name="T150"/>
              </a:gd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b="T150" l="T147" r="T149" t="T148"/>
              <a:pathLst>
                <a:path h="1039" w="1173">
                  <a:moveTo>
                    <a:pt x="1160" y="513"/>
                  </a:moveTo>
                  <a:cubicBezTo>
                    <a:pt x="1141" y="528"/>
                    <a:pt x="1120" y="539"/>
                    <a:pt x="1107" y="544"/>
                  </a:cubicBezTo>
                  <a:cubicBezTo>
                    <a:pt x="1086" y="553"/>
                    <a:pt x="1031" y="596"/>
                    <a:pt x="1014" y="620"/>
                  </a:cubicBezTo>
                  <a:cubicBezTo>
                    <a:pt x="998" y="644"/>
                    <a:pt x="966" y="694"/>
                    <a:pt x="958" y="716"/>
                  </a:cubicBezTo>
                  <a:cubicBezTo>
                    <a:pt x="950" y="739"/>
                    <a:pt x="941" y="763"/>
                    <a:pt x="930" y="787"/>
                  </a:cubicBezTo>
                  <a:cubicBezTo>
                    <a:pt x="918" y="811"/>
                    <a:pt x="876" y="795"/>
                    <a:pt x="855" y="802"/>
                  </a:cubicBezTo>
                  <a:cubicBezTo>
                    <a:pt x="833" y="810"/>
                    <a:pt x="791" y="827"/>
                    <a:pt x="777" y="835"/>
                  </a:cubicBezTo>
                  <a:cubicBezTo>
                    <a:pt x="764" y="843"/>
                    <a:pt x="723" y="865"/>
                    <a:pt x="707" y="882"/>
                  </a:cubicBezTo>
                  <a:cubicBezTo>
                    <a:pt x="691" y="900"/>
                    <a:pt x="653" y="916"/>
                    <a:pt x="636" y="939"/>
                  </a:cubicBezTo>
                  <a:cubicBezTo>
                    <a:pt x="619" y="962"/>
                    <a:pt x="590" y="993"/>
                    <a:pt x="585" y="1016"/>
                  </a:cubicBezTo>
                  <a:cubicBezTo>
                    <a:pt x="580" y="1039"/>
                    <a:pt x="560" y="1037"/>
                    <a:pt x="551" y="1032"/>
                  </a:cubicBezTo>
                  <a:cubicBezTo>
                    <a:pt x="541" y="1026"/>
                    <a:pt x="536" y="1013"/>
                    <a:pt x="530" y="1007"/>
                  </a:cubicBezTo>
                  <a:cubicBezTo>
                    <a:pt x="525" y="1001"/>
                    <a:pt x="522" y="981"/>
                    <a:pt x="526" y="966"/>
                  </a:cubicBezTo>
                  <a:cubicBezTo>
                    <a:pt x="530" y="950"/>
                    <a:pt x="540" y="957"/>
                    <a:pt x="547" y="943"/>
                  </a:cubicBezTo>
                  <a:cubicBezTo>
                    <a:pt x="555" y="929"/>
                    <a:pt x="521" y="942"/>
                    <a:pt x="513" y="949"/>
                  </a:cubicBezTo>
                  <a:cubicBezTo>
                    <a:pt x="505" y="955"/>
                    <a:pt x="491" y="966"/>
                    <a:pt x="471" y="960"/>
                  </a:cubicBezTo>
                  <a:cubicBezTo>
                    <a:pt x="452" y="955"/>
                    <a:pt x="477" y="930"/>
                    <a:pt x="487" y="917"/>
                  </a:cubicBezTo>
                  <a:cubicBezTo>
                    <a:pt x="497" y="904"/>
                    <a:pt x="483" y="886"/>
                    <a:pt x="483" y="873"/>
                  </a:cubicBezTo>
                  <a:cubicBezTo>
                    <a:pt x="483" y="861"/>
                    <a:pt x="478" y="852"/>
                    <a:pt x="495" y="843"/>
                  </a:cubicBezTo>
                  <a:cubicBezTo>
                    <a:pt x="513" y="834"/>
                    <a:pt x="518" y="819"/>
                    <a:pt x="530" y="790"/>
                  </a:cubicBezTo>
                  <a:cubicBezTo>
                    <a:pt x="542" y="761"/>
                    <a:pt x="547" y="761"/>
                    <a:pt x="566" y="739"/>
                  </a:cubicBezTo>
                  <a:cubicBezTo>
                    <a:pt x="585" y="717"/>
                    <a:pt x="578" y="706"/>
                    <a:pt x="573" y="679"/>
                  </a:cubicBezTo>
                  <a:cubicBezTo>
                    <a:pt x="568" y="651"/>
                    <a:pt x="568" y="656"/>
                    <a:pt x="551" y="645"/>
                  </a:cubicBezTo>
                  <a:cubicBezTo>
                    <a:pt x="533" y="635"/>
                    <a:pt x="510" y="627"/>
                    <a:pt x="504" y="613"/>
                  </a:cubicBezTo>
                  <a:cubicBezTo>
                    <a:pt x="499" y="600"/>
                    <a:pt x="464" y="616"/>
                    <a:pt x="447" y="626"/>
                  </a:cubicBezTo>
                  <a:cubicBezTo>
                    <a:pt x="431" y="636"/>
                    <a:pt x="402" y="636"/>
                    <a:pt x="376" y="633"/>
                  </a:cubicBezTo>
                  <a:cubicBezTo>
                    <a:pt x="349" y="630"/>
                    <a:pt x="356" y="641"/>
                    <a:pt x="365" y="662"/>
                  </a:cubicBezTo>
                  <a:cubicBezTo>
                    <a:pt x="374" y="682"/>
                    <a:pt x="359" y="670"/>
                    <a:pt x="340" y="698"/>
                  </a:cubicBezTo>
                  <a:cubicBezTo>
                    <a:pt x="320" y="726"/>
                    <a:pt x="312" y="750"/>
                    <a:pt x="304" y="769"/>
                  </a:cubicBezTo>
                  <a:cubicBezTo>
                    <a:pt x="297" y="787"/>
                    <a:pt x="262" y="812"/>
                    <a:pt x="254" y="820"/>
                  </a:cubicBezTo>
                  <a:cubicBezTo>
                    <a:pt x="247" y="827"/>
                    <a:pt x="223" y="832"/>
                    <a:pt x="191" y="863"/>
                  </a:cubicBezTo>
                  <a:cubicBezTo>
                    <a:pt x="191" y="863"/>
                    <a:pt x="177" y="836"/>
                    <a:pt x="163" y="825"/>
                  </a:cubicBezTo>
                  <a:cubicBezTo>
                    <a:pt x="148" y="814"/>
                    <a:pt x="144" y="801"/>
                    <a:pt x="139" y="785"/>
                  </a:cubicBezTo>
                  <a:cubicBezTo>
                    <a:pt x="134" y="769"/>
                    <a:pt x="127" y="757"/>
                    <a:pt x="102" y="766"/>
                  </a:cubicBezTo>
                  <a:cubicBezTo>
                    <a:pt x="78" y="774"/>
                    <a:pt x="77" y="755"/>
                    <a:pt x="71" y="743"/>
                  </a:cubicBezTo>
                  <a:cubicBezTo>
                    <a:pt x="66" y="731"/>
                    <a:pt x="63" y="736"/>
                    <a:pt x="51" y="740"/>
                  </a:cubicBezTo>
                  <a:cubicBezTo>
                    <a:pt x="39" y="744"/>
                    <a:pt x="21" y="744"/>
                    <a:pt x="11" y="710"/>
                  </a:cubicBezTo>
                  <a:cubicBezTo>
                    <a:pt x="1" y="676"/>
                    <a:pt x="4" y="676"/>
                    <a:pt x="22" y="654"/>
                  </a:cubicBezTo>
                  <a:cubicBezTo>
                    <a:pt x="41" y="631"/>
                    <a:pt x="61" y="595"/>
                    <a:pt x="61" y="595"/>
                  </a:cubicBezTo>
                  <a:cubicBezTo>
                    <a:pt x="0" y="480"/>
                    <a:pt x="0" y="480"/>
                    <a:pt x="0" y="480"/>
                  </a:cubicBezTo>
                  <a:cubicBezTo>
                    <a:pt x="39" y="283"/>
                    <a:pt x="39" y="283"/>
                    <a:pt x="39" y="283"/>
                  </a:cubicBezTo>
                  <a:cubicBezTo>
                    <a:pt x="327" y="142"/>
                    <a:pt x="327" y="142"/>
                    <a:pt x="327" y="142"/>
                  </a:cubicBezTo>
                  <a:cubicBezTo>
                    <a:pt x="519" y="39"/>
                    <a:pt x="519" y="39"/>
                    <a:pt x="519" y="39"/>
                  </a:cubicBezTo>
                  <a:cubicBezTo>
                    <a:pt x="777" y="0"/>
                    <a:pt x="777" y="0"/>
                    <a:pt x="777" y="0"/>
                  </a:cubicBezTo>
                  <a:cubicBezTo>
                    <a:pt x="1160" y="130"/>
                    <a:pt x="1160" y="130"/>
                    <a:pt x="1160" y="130"/>
                  </a:cubicBezTo>
                  <a:cubicBezTo>
                    <a:pt x="1160" y="288"/>
                    <a:pt x="1160" y="288"/>
                    <a:pt x="1160" y="288"/>
                  </a:cubicBezTo>
                  <a:cubicBezTo>
                    <a:pt x="1164" y="464"/>
                    <a:pt x="1164" y="464"/>
                    <a:pt x="1164" y="464"/>
                  </a:cubicBezTo>
                  <a:cubicBezTo>
                    <a:pt x="1173" y="502"/>
                    <a:pt x="1173" y="502"/>
                    <a:pt x="1173" y="502"/>
                  </a:cubicBezTo>
                  <a:lnTo>
                    <a:pt x="1160" y="513"/>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4" name="Freeform 23"/>
            <p:cNvSpPr>
              <a:spLocks noChangeArrowheads="1"/>
            </p:cNvSpPr>
            <p:nvPr/>
          </p:nvSpPr>
          <p:spPr bwMode="auto">
            <a:xfrm>
              <a:off x="3803447" y="1987449"/>
              <a:ext cx="746513" cy="520408"/>
            </a:xfrm>
            <a:custGeom>
              <a:gdLst>
                <a:gd fmla="*/ 1658 w 1676" name="T0"/>
                <a:gd fmla="*/ 410 h 1169" name="T1"/>
                <a:gd fmla="*/ 1670 w 1676" name="T2"/>
                <a:gd fmla="*/ 434 h 1169" name="T3"/>
                <a:gd fmla="*/ 1657 w 1676" name="T4"/>
                <a:gd fmla="*/ 546 h 1169" name="T5"/>
                <a:gd fmla="*/ 1597 w 1676" name="T6"/>
                <a:gd fmla="*/ 592 h 1169" name="T7"/>
                <a:gd fmla="*/ 1611 w 1676" name="T8"/>
                <a:gd fmla="*/ 645 h 1169" name="T9"/>
                <a:gd fmla="*/ 1582 w 1676" name="T10"/>
                <a:gd fmla="*/ 647 h 1169" name="T11"/>
                <a:gd fmla="*/ 1527 w 1676" name="T12"/>
                <a:gd fmla="*/ 597 h 1169" name="T13"/>
                <a:gd fmla="*/ 1469 w 1676" name="T14"/>
                <a:gd fmla="*/ 565 h 1169" name="T15"/>
                <a:gd fmla="*/ 1467 w 1676" name="T16"/>
                <a:gd fmla="*/ 662 h 1169" name="T17"/>
                <a:gd fmla="*/ 1421 w 1676" name="T18"/>
                <a:gd fmla="*/ 708 h 1169" name="T19"/>
                <a:gd fmla="*/ 1379 w 1676" name="T20"/>
                <a:gd fmla="*/ 793 h 1169" name="T21"/>
                <a:gd fmla="*/ 1306 w 1676" name="T22"/>
                <a:gd fmla="*/ 833 h 1169" name="T23"/>
                <a:gd fmla="*/ 1240 w 1676" name="T24"/>
                <a:gd fmla="*/ 856 h 1169" name="T25"/>
                <a:gd fmla="*/ 1271 w 1676" name="T26"/>
                <a:gd fmla="*/ 911 h 1169" name="T27"/>
                <a:gd fmla="*/ 1271 w 1676" name="T28"/>
                <a:gd fmla="*/ 958 h 1169" name="T29"/>
                <a:gd fmla="*/ 1212 w 1676" name="T30"/>
                <a:gd fmla="*/ 981 h 1169" name="T31"/>
                <a:gd fmla="*/ 1112 w 1676" name="T32"/>
                <a:gd fmla="*/ 994 h 1169" name="T33"/>
                <a:gd fmla="*/ 1050 w 1676" name="T34"/>
                <a:gd fmla="*/ 952 h 1169" name="T35"/>
                <a:gd fmla="*/ 1008 w 1676" name="T36"/>
                <a:gd fmla="*/ 1012 h 1169" name="T37"/>
                <a:gd fmla="*/ 985 w 1676" name="T38"/>
                <a:gd fmla="*/ 1072 h 1169" name="T39"/>
                <a:gd fmla="*/ 950 w 1676" name="T40"/>
                <a:gd fmla="*/ 1141 h 1169" name="T41"/>
                <a:gd fmla="*/ 935 w 1676" name="T42"/>
                <a:gd fmla="*/ 1169 h 1169" name="T43"/>
                <a:gd fmla="*/ 897 w 1676" name="T44"/>
                <a:gd fmla="*/ 1131 h 1169" name="T45"/>
                <a:gd fmla="*/ 874 w 1676" name="T46"/>
                <a:gd fmla="*/ 1070 h 1169" name="T47"/>
                <a:gd fmla="*/ 832 w 1676" name="T48"/>
                <a:gd fmla="*/ 1009 h 1169" name="T49"/>
                <a:gd fmla="*/ 791 w 1676" name="T50"/>
                <a:gd fmla="*/ 958 h 1169" name="T51"/>
                <a:gd fmla="*/ 787 w 1676" name="T52"/>
                <a:gd fmla="*/ 891 h 1169" name="T53"/>
                <a:gd fmla="*/ 738 w 1676" name="T54"/>
                <a:gd fmla="*/ 833 h 1169" name="T55"/>
                <a:gd fmla="*/ 700 w 1676" name="T56"/>
                <a:gd fmla="*/ 777 h 1169" name="T57"/>
                <a:gd fmla="*/ 665 w 1676" name="T58"/>
                <a:gd fmla="*/ 728 h 1169" name="T59"/>
                <a:gd fmla="*/ 639 w 1676" name="T60"/>
                <a:gd fmla="*/ 736 h 1169" name="T61"/>
                <a:gd fmla="*/ 617 w 1676" name="T62"/>
                <a:gd fmla="*/ 779 h 1169" name="T63"/>
                <a:gd fmla="*/ 597 w 1676" name="T64"/>
                <a:gd fmla="*/ 732 h 1169" name="T65"/>
                <a:gd fmla="*/ 562 w 1676" name="T66"/>
                <a:gd fmla="*/ 691 h 1169" name="T67"/>
                <a:gd fmla="*/ 447 w 1676" name="T68"/>
                <a:gd fmla="*/ 699 h 1169" name="T69"/>
                <a:gd fmla="*/ 203 w 1676" name="T70"/>
                <a:gd fmla="*/ 616 h 1169" name="T71"/>
                <a:gd fmla="*/ 0 w 1676" name="T72"/>
                <a:gd fmla="*/ 321 h 1169" name="T73"/>
                <a:gd fmla="*/ 22 w 1676" name="T74"/>
                <a:gd fmla="*/ 94 h 1169" name="T75"/>
                <a:gd fmla="*/ 539 w 1676" name="T76"/>
                <a:gd fmla="*/ 0 h 1169" name="T77"/>
                <a:gd fmla="*/ 1165 w 1676" name="T78"/>
                <a:gd fmla="*/ 157 h 1169" name="T79"/>
                <a:gd fmla="*/ 1491 w 1676" name="T80"/>
                <a:gd fmla="*/ 279 h 1169" name="T81"/>
                <a:gd fmla="*/ 1606 w 1676" name="T82"/>
                <a:gd fmla="*/ 383 h 1169" name="T83"/>
                <a:gd fmla="*/ 1655 w 1676" name="T84"/>
                <a:gd fmla="*/ 406 h 1169" name="T85"/>
                <a:gd fmla="*/ 1658 w 1676" name="T86"/>
                <a:gd fmla="*/ 410 h 1169" name="T87"/>
                <a:gd fmla="*/ 0 60000 65536" name="T88"/>
                <a:gd fmla="*/ 0 60000 65536" name="T89"/>
                <a:gd fmla="*/ 0 60000 65536" name="T90"/>
                <a:gd fmla="*/ 0 60000 65536" name="T91"/>
                <a:gd fmla="*/ 0 60000 65536" name="T92"/>
                <a:gd fmla="*/ 0 60000 65536" name="T93"/>
                <a:gd fmla="*/ 0 60000 65536" name="T94"/>
                <a:gd fmla="*/ 0 60000 65536" name="T95"/>
                <a:gd fmla="*/ 0 60000 65536" name="T96"/>
                <a:gd fmla="*/ 0 60000 65536"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w 1676" name="T132"/>
                <a:gd fmla="*/ 0 h 1169" name="T133"/>
                <a:gd fmla="*/ 1676 w 1676" name="T134"/>
                <a:gd fmla="*/ 1169 h 1169" name="T135"/>
              </a:gd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b="T135" l="T132" r="T134" t="T133"/>
              <a:pathLst>
                <a:path h="1169" w="1676">
                  <a:moveTo>
                    <a:pt x="1658" y="410"/>
                  </a:moveTo>
                  <a:cubicBezTo>
                    <a:pt x="1663" y="416"/>
                    <a:pt x="1668" y="424"/>
                    <a:pt x="1670" y="434"/>
                  </a:cubicBezTo>
                  <a:cubicBezTo>
                    <a:pt x="1676" y="467"/>
                    <a:pt x="1669" y="526"/>
                    <a:pt x="1657" y="546"/>
                  </a:cubicBezTo>
                  <a:cubicBezTo>
                    <a:pt x="1646" y="567"/>
                    <a:pt x="1619" y="579"/>
                    <a:pt x="1597" y="592"/>
                  </a:cubicBezTo>
                  <a:cubicBezTo>
                    <a:pt x="1574" y="606"/>
                    <a:pt x="1591" y="615"/>
                    <a:pt x="1611" y="645"/>
                  </a:cubicBezTo>
                  <a:cubicBezTo>
                    <a:pt x="1632" y="674"/>
                    <a:pt x="1598" y="660"/>
                    <a:pt x="1582" y="647"/>
                  </a:cubicBezTo>
                  <a:cubicBezTo>
                    <a:pt x="1565" y="633"/>
                    <a:pt x="1547" y="635"/>
                    <a:pt x="1527" y="597"/>
                  </a:cubicBezTo>
                  <a:cubicBezTo>
                    <a:pt x="1508" y="559"/>
                    <a:pt x="1493" y="559"/>
                    <a:pt x="1469" y="565"/>
                  </a:cubicBezTo>
                  <a:cubicBezTo>
                    <a:pt x="1445" y="570"/>
                    <a:pt x="1458" y="630"/>
                    <a:pt x="1467" y="662"/>
                  </a:cubicBezTo>
                  <a:cubicBezTo>
                    <a:pt x="1476" y="694"/>
                    <a:pt x="1458" y="698"/>
                    <a:pt x="1421" y="708"/>
                  </a:cubicBezTo>
                  <a:cubicBezTo>
                    <a:pt x="1384" y="718"/>
                    <a:pt x="1389" y="758"/>
                    <a:pt x="1379" y="793"/>
                  </a:cubicBezTo>
                  <a:cubicBezTo>
                    <a:pt x="1368" y="828"/>
                    <a:pt x="1324" y="832"/>
                    <a:pt x="1306" y="833"/>
                  </a:cubicBezTo>
                  <a:cubicBezTo>
                    <a:pt x="1287" y="834"/>
                    <a:pt x="1254" y="842"/>
                    <a:pt x="1240" y="856"/>
                  </a:cubicBezTo>
                  <a:cubicBezTo>
                    <a:pt x="1227" y="869"/>
                    <a:pt x="1255" y="885"/>
                    <a:pt x="1271" y="911"/>
                  </a:cubicBezTo>
                  <a:cubicBezTo>
                    <a:pt x="1287" y="937"/>
                    <a:pt x="1286" y="950"/>
                    <a:pt x="1271" y="958"/>
                  </a:cubicBezTo>
                  <a:cubicBezTo>
                    <a:pt x="1256" y="966"/>
                    <a:pt x="1234" y="972"/>
                    <a:pt x="1212" y="981"/>
                  </a:cubicBezTo>
                  <a:cubicBezTo>
                    <a:pt x="1189" y="989"/>
                    <a:pt x="1139" y="996"/>
                    <a:pt x="1112" y="994"/>
                  </a:cubicBezTo>
                  <a:cubicBezTo>
                    <a:pt x="1086" y="992"/>
                    <a:pt x="1074" y="961"/>
                    <a:pt x="1050" y="952"/>
                  </a:cubicBezTo>
                  <a:cubicBezTo>
                    <a:pt x="1025" y="943"/>
                    <a:pt x="1012" y="979"/>
                    <a:pt x="1008" y="1012"/>
                  </a:cubicBezTo>
                  <a:cubicBezTo>
                    <a:pt x="1004" y="1046"/>
                    <a:pt x="1003" y="1047"/>
                    <a:pt x="985" y="1072"/>
                  </a:cubicBezTo>
                  <a:cubicBezTo>
                    <a:pt x="968" y="1096"/>
                    <a:pt x="959" y="1109"/>
                    <a:pt x="950" y="1141"/>
                  </a:cubicBezTo>
                  <a:cubicBezTo>
                    <a:pt x="947" y="1156"/>
                    <a:pt x="949" y="1158"/>
                    <a:pt x="935" y="1169"/>
                  </a:cubicBezTo>
                  <a:cubicBezTo>
                    <a:pt x="935" y="1169"/>
                    <a:pt x="895" y="1160"/>
                    <a:pt x="897" y="1131"/>
                  </a:cubicBezTo>
                  <a:cubicBezTo>
                    <a:pt x="899" y="1103"/>
                    <a:pt x="891" y="1083"/>
                    <a:pt x="874" y="1070"/>
                  </a:cubicBezTo>
                  <a:cubicBezTo>
                    <a:pt x="858" y="1057"/>
                    <a:pt x="845" y="1036"/>
                    <a:pt x="832" y="1009"/>
                  </a:cubicBezTo>
                  <a:cubicBezTo>
                    <a:pt x="819" y="982"/>
                    <a:pt x="772" y="979"/>
                    <a:pt x="791" y="958"/>
                  </a:cubicBezTo>
                  <a:cubicBezTo>
                    <a:pt x="809" y="938"/>
                    <a:pt x="810" y="906"/>
                    <a:pt x="787" y="891"/>
                  </a:cubicBezTo>
                  <a:cubicBezTo>
                    <a:pt x="763" y="875"/>
                    <a:pt x="750" y="857"/>
                    <a:pt x="738" y="833"/>
                  </a:cubicBezTo>
                  <a:cubicBezTo>
                    <a:pt x="727" y="810"/>
                    <a:pt x="721" y="799"/>
                    <a:pt x="700" y="777"/>
                  </a:cubicBezTo>
                  <a:cubicBezTo>
                    <a:pt x="679" y="754"/>
                    <a:pt x="672" y="736"/>
                    <a:pt x="665" y="728"/>
                  </a:cubicBezTo>
                  <a:cubicBezTo>
                    <a:pt x="658" y="720"/>
                    <a:pt x="645" y="721"/>
                    <a:pt x="639" y="736"/>
                  </a:cubicBezTo>
                  <a:cubicBezTo>
                    <a:pt x="634" y="752"/>
                    <a:pt x="630" y="775"/>
                    <a:pt x="617" y="779"/>
                  </a:cubicBezTo>
                  <a:cubicBezTo>
                    <a:pt x="604" y="784"/>
                    <a:pt x="599" y="758"/>
                    <a:pt x="597" y="732"/>
                  </a:cubicBezTo>
                  <a:cubicBezTo>
                    <a:pt x="595" y="706"/>
                    <a:pt x="587" y="695"/>
                    <a:pt x="562" y="691"/>
                  </a:cubicBezTo>
                  <a:cubicBezTo>
                    <a:pt x="537" y="687"/>
                    <a:pt x="475" y="691"/>
                    <a:pt x="447" y="699"/>
                  </a:cubicBezTo>
                  <a:cubicBezTo>
                    <a:pt x="419" y="706"/>
                    <a:pt x="203" y="616"/>
                    <a:pt x="203" y="616"/>
                  </a:cubicBezTo>
                  <a:cubicBezTo>
                    <a:pt x="0" y="321"/>
                    <a:pt x="0" y="321"/>
                    <a:pt x="0" y="321"/>
                  </a:cubicBezTo>
                  <a:cubicBezTo>
                    <a:pt x="22" y="94"/>
                    <a:pt x="22" y="94"/>
                    <a:pt x="22" y="94"/>
                  </a:cubicBezTo>
                  <a:cubicBezTo>
                    <a:pt x="539" y="0"/>
                    <a:pt x="539" y="0"/>
                    <a:pt x="539" y="0"/>
                  </a:cubicBezTo>
                  <a:cubicBezTo>
                    <a:pt x="1165" y="157"/>
                    <a:pt x="1165" y="157"/>
                    <a:pt x="1165" y="157"/>
                  </a:cubicBezTo>
                  <a:cubicBezTo>
                    <a:pt x="1491" y="279"/>
                    <a:pt x="1491" y="279"/>
                    <a:pt x="1491" y="279"/>
                  </a:cubicBezTo>
                  <a:cubicBezTo>
                    <a:pt x="1606" y="383"/>
                    <a:pt x="1606" y="383"/>
                    <a:pt x="1606" y="383"/>
                  </a:cubicBezTo>
                  <a:cubicBezTo>
                    <a:pt x="1655" y="406"/>
                    <a:pt x="1655" y="406"/>
                    <a:pt x="1655" y="406"/>
                  </a:cubicBezTo>
                  <a:lnTo>
                    <a:pt x="1658" y="410"/>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5" name="Freeform 24"/>
            <p:cNvSpPr>
              <a:spLocks noChangeArrowheads="1"/>
            </p:cNvSpPr>
            <p:nvPr/>
          </p:nvSpPr>
          <p:spPr bwMode="auto">
            <a:xfrm>
              <a:off x="3675871" y="1316728"/>
              <a:ext cx="1001666" cy="891768"/>
            </a:xfrm>
            <a:custGeom>
              <a:gdLst>
                <a:gd fmla="*/ 124 w 2249" name="T0"/>
                <a:gd fmla="*/ 64 h 2002" name="T1"/>
                <a:gd fmla="*/ 263 w 2249" name="T2"/>
                <a:gd fmla="*/ 32 h 2002" name="T3"/>
                <a:gd fmla="*/ 394 w 2249" name="T4"/>
                <a:gd fmla="*/ 14 h 2002" name="T5"/>
                <a:gd fmla="*/ 494 w 2249" name="T6"/>
                <a:gd fmla="*/ 44 h 2002" name="T7"/>
                <a:gd fmla="*/ 595 w 2249" name="T8"/>
                <a:gd fmla="*/ 30 h 2002" name="T9"/>
                <a:gd fmla="*/ 715 w 2249" name="T10"/>
                <a:gd fmla="*/ 107 h 2002" name="T11"/>
                <a:gd fmla="*/ 780 w 2249" name="T12"/>
                <a:gd fmla="*/ 202 h 2002" name="T13"/>
                <a:gd fmla="*/ 856 w 2249" name="T14"/>
                <a:gd fmla="*/ 319 h 2002" name="T15"/>
                <a:gd fmla="*/ 906 w 2249" name="T16"/>
                <a:gd fmla="*/ 424 h 2002" name="T17"/>
                <a:gd fmla="*/ 991 w 2249" name="T18"/>
                <a:gd fmla="*/ 553 h 2002" name="T19"/>
                <a:gd fmla="*/ 1045 w 2249" name="T20"/>
                <a:gd fmla="*/ 676 h 2002" name="T21"/>
                <a:gd fmla="*/ 1195 w 2249" name="T22"/>
                <a:gd fmla="*/ 734 h 2002" name="T23"/>
                <a:gd fmla="*/ 1336 w 2249" name="T24"/>
                <a:gd fmla="*/ 725 h 2002" name="T25"/>
                <a:gd fmla="*/ 1428 w 2249" name="T26"/>
                <a:gd fmla="*/ 777 h 2002" name="T27"/>
                <a:gd fmla="*/ 1560 w 2249" name="T28"/>
                <a:gd fmla="*/ 831 h 2002" name="T29"/>
                <a:gd fmla="*/ 1612 w 2249" name="T30"/>
                <a:gd fmla="*/ 950 h 2002" name="T31"/>
                <a:gd fmla="*/ 1728 w 2249" name="T32"/>
                <a:gd fmla="*/ 1010 h 2002" name="T33"/>
                <a:gd fmla="*/ 1849 w 2249" name="T34"/>
                <a:gd fmla="*/ 978 h 2002" name="T35"/>
                <a:gd fmla="*/ 1947 w 2249" name="T36"/>
                <a:gd fmla="*/ 901 h 2002" name="T37"/>
                <a:gd fmla="*/ 2054 w 2249" name="T38"/>
                <a:gd fmla="*/ 825 h 2002" name="T39"/>
                <a:gd fmla="*/ 2199 w 2249" name="T40"/>
                <a:gd fmla="*/ 726 h 2002" name="T41"/>
                <a:gd fmla="*/ 2209 w 2249" name="T42"/>
                <a:gd fmla="*/ 757 h 2002" name="T43"/>
                <a:gd fmla="*/ 2227 w 2249" name="T44"/>
                <a:gd fmla="*/ 866 h 2002" name="T45"/>
                <a:gd fmla="*/ 2190 w 2249" name="T46"/>
                <a:gd fmla="*/ 973 h 2002" name="T47"/>
                <a:gd fmla="*/ 2181 w 2249" name="T48"/>
                <a:gd fmla="*/ 1057 h 2002" name="T49"/>
                <a:gd fmla="*/ 2188 w 2249" name="T50"/>
                <a:gd fmla="*/ 1140 h 2002" name="T51"/>
                <a:gd fmla="*/ 2187 w 2249" name="T52"/>
                <a:gd fmla="*/ 1239 h 2002" name="T53"/>
                <a:gd fmla="*/ 2155 w 2249" name="T54"/>
                <a:gd fmla="*/ 1340 h 2002" name="T55"/>
                <a:gd fmla="*/ 2127 w 2249" name="T56"/>
                <a:gd fmla="*/ 1446 h 2002" name="T57"/>
                <a:gd fmla="*/ 2067 w 2249" name="T58"/>
                <a:gd fmla="*/ 1521 h 2002" name="T59"/>
                <a:gd fmla="*/ 1915 w 2249" name="T60"/>
                <a:gd fmla="*/ 1575 h 2002" name="T61"/>
                <a:gd fmla="*/ 1839 w 2249" name="T62"/>
                <a:gd fmla="*/ 1650 h 2002" name="T63"/>
                <a:gd fmla="*/ 1909 w 2249" name="T64"/>
                <a:gd fmla="*/ 1769 h 2002" name="T65"/>
                <a:gd fmla="*/ 1941 w 2249" name="T66"/>
                <a:gd fmla="*/ 1913 h 2002" name="T67"/>
                <a:gd fmla="*/ 1897 w 2249" name="T68"/>
                <a:gd fmla="*/ 1946 h 2002" name="T69"/>
                <a:gd fmla="*/ 1816 w 2249" name="T70"/>
                <a:gd fmla="*/ 1913 h 2002" name="T71"/>
                <a:gd fmla="*/ 1759 w 2249" name="T72"/>
                <a:gd fmla="*/ 1851 h 2002" name="T73"/>
                <a:gd fmla="*/ 1720 w 2249" name="T74"/>
                <a:gd fmla="*/ 1879 h 2002" name="T75"/>
                <a:gd fmla="*/ 1681 w 2249" name="T76"/>
                <a:gd fmla="*/ 1902 h 2002" name="T77"/>
                <a:gd fmla="*/ 1616 w 2249" name="T78"/>
                <a:gd fmla="*/ 1946 h 2002" name="T79"/>
                <a:gd fmla="*/ 1548 w 2249" name="T80"/>
                <a:gd fmla="*/ 1982 h 2002" name="T81"/>
                <a:gd fmla="*/ 1530 w 2249" name="T82"/>
                <a:gd fmla="*/ 1935 h 2002" name="T83"/>
                <a:gd fmla="*/ 1451 w 2249" name="T84"/>
                <a:gd fmla="*/ 1838 h 2002" name="T85"/>
                <a:gd fmla="*/ 1404 w 2249" name="T86"/>
                <a:gd fmla="*/ 1820 h 2002" name="T87"/>
                <a:gd fmla="*/ 1404 w 2249" name="T88"/>
                <a:gd fmla="*/ 1917 h 2002" name="T89"/>
                <a:gd fmla="*/ 1311 w 2249" name="T90"/>
                <a:gd fmla="*/ 1859 h 2002" name="T91"/>
                <a:gd fmla="*/ 1231 w 2249" name="T92"/>
                <a:gd fmla="*/ 1836 h 2002" name="T93"/>
                <a:gd fmla="*/ 1194 w 2249" name="T94"/>
                <a:gd fmla="*/ 1734 h 2002" name="T95"/>
                <a:gd fmla="*/ 1128 w 2249" name="T96"/>
                <a:gd fmla="*/ 1713 h 2002" name="T97"/>
                <a:gd fmla="*/ 1035 w 2249" name="T98"/>
                <a:gd fmla="*/ 1746 h 2002" name="T99"/>
                <a:gd fmla="*/ 958 w 2249" name="T100"/>
                <a:gd fmla="*/ 1689 h 2002" name="T101"/>
                <a:gd fmla="*/ 883 w 2249" name="T102"/>
                <a:gd fmla="*/ 1720 h 2002" name="T103"/>
                <a:gd fmla="*/ 771 w 2249" name="T104"/>
                <a:gd fmla="*/ 1721 h 2002" name="T105"/>
                <a:gd fmla="*/ 683 w 2249" name="T106"/>
                <a:gd fmla="*/ 1588 h 2002" name="T107"/>
                <a:gd fmla="*/ 605 w 2249" name="T108"/>
                <a:gd fmla="*/ 1600 h 2002" name="T109"/>
                <a:gd fmla="*/ 370 w 2249" name="T110"/>
                <a:gd fmla="*/ 1403 h 2002" name="T111"/>
                <a:gd fmla="*/ 172 w 2249" name="T112"/>
                <a:gd fmla="*/ 465 h 2002" name="T113"/>
                <a:gd fmla="*/ 58 w 2249" name="T114"/>
                <a:gd fmla="*/ 158 h 2002" name="T115"/>
                <a:gd fmla="*/ 75 w 2249" name="T116"/>
                <a:gd fmla="*/ 92 h 2002"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60000 65536" name="T147"/>
                <a:gd fmla="*/ 0 60000 65536" name="T148"/>
                <a:gd fmla="*/ 0 60000 65536" name="T149"/>
                <a:gd fmla="*/ 0 60000 65536" name="T150"/>
                <a:gd fmla="*/ 0 60000 65536" name="T151"/>
                <a:gd fmla="*/ 0 60000 65536" name="T152"/>
                <a:gd fmla="*/ 0 60000 65536" name="T153"/>
                <a:gd fmla="*/ 0 60000 65536" name="T154"/>
                <a:gd fmla="*/ 0 60000 65536" name="T155"/>
                <a:gd fmla="*/ 0 60000 65536" name="T156"/>
                <a:gd fmla="*/ 0 60000 65536" name="T157"/>
                <a:gd fmla="*/ 0 60000 65536" name="T158"/>
                <a:gd fmla="*/ 0 60000 65536" name="T159"/>
                <a:gd fmla="*/ 0 60000 65536" name="T160"/>
                <a:gd fmla="*/ 0 60000 65536" name="T161"/>
                <a:gd fmla="*/ 0 60000 65536" name="T162"/>
                <a:gd fmla="*/ 0 60000 65536" name="T163"/>
                <a:gd fmla="*/ 0 60000 65536" name="T164"/>
                <a:gd fmla="*/ 0 60000 65536" name="T165"/>
                <a:gd fmla="*/ 0 60000 65536" name="T166"/>
                <a:gd fmla="*/ 0 60000 65536" name="T167"/>
                <a:gd fmla="*/ 0 60000 65536" name="T168"/>
                <a:gd fmla="*/ 0 60000 65536" name="T169"/>
                <a:gd fmla="*/ 0 60000 65536" name="T170"/>
                <a:gd fmla="*/ 0 60000 65536" name="T171"/>
                <a:gd fmla="*/ 0 60000 65536" name="T172"/>
                <a:gd fmla="*/ 0 60000 65536" name="T173"/>
                <a:gd fmla="*/ 0 60000 65536" name="T174"/>
                <a:gd fmla="*/ 0 60000 65536" name="T175"/>
                <a:gd fmla="*/ 0 60000 65536" name="T176"/>
                <a:gd fmla="*/ 0 w 2249" name="T177"/>
                <a:gd fmla="*/ 0 h 2002" name="T178"/>
                <a:gd fmla="*/ 2249 w 2249" name="T179"/>
                <a:gd fmla="*/ 2002 h 2002" name="T180"/>
              </a:gdLst>
              <a:cxnLst>
                <a:cxn ang="T118">
                  <a:pos x="T0" y="T1"/>
                </a:cxn>
                <a:cxn ang="T119">
                  <a:pos x="T2" y="T3"/>
                </a:cxn>
                <a:cxn ang="T120">
                  <a:pos x="T4" y="T5"/>
                </a:cxn>
                <a:cxn ang="T121">
                  <a:pos x="T6" y="T7"/>
                </a:cxn>
                <a:cxn ang="T122">
                  <a:pos x="T8" y="T9"/>
                </a:cxn>
                <a:cxn ang="T123">
                  <a:pos x="T10" y="T11"/>
                </a:cxn>
                <a:cxn ang="T124">
                  <a:pos x="T12" y="T13"/>
                </a:cxn>
                <a:cxn ang="T125">
                  <a:pos x="T14" y="T15"/>
                </a:cxn>
                <a:cxn ang="T126">
                  <a:pos x="T16" y="T17"/>
                </a:cxn>
                <a:cxn ang="T127">
                  <a:pos x="T18" y="T19"/>
                </a:cxn>
                <a:cxn ang="T128">
                  <a:pos x="T20" y="T21"/>
                </a:cxn>
                <a:cxn ang="T129">
                  <a:pos x="T22" y="T23"/>
                </a:cxn>
                <a:cxn ang="T130">
                  <a:pos x="T24" y="T25"/>
                </a:cxn>
                <a:cxn ang="T131">
                  <a:pos x="T26" y="T27"/>
                </a:cxn>
                <a:cxn ang="T132">
                  <a:pos x="T28" y="T29"/>
                </a:cxn>
                <a:cxn ang="T133">
                  <a:pos x="T30" y="T31"/>
                </a:cxn>
                <a:cxn ang="T134">
                  <a:pos x="T32" y="T33"/>
                </a:cxn>
                <a:cxn ang="T135">
                  <a:pos x="T34" y="T35"/>
                </a:cxn>
                <a:cxn ang="T136">
                  <a:pos x="T36" y="T37"/>
                </a:cxn>
                <a:cxn ang="T137">
                  <a:pos x="T38" y="T39"/>
                </a:cxn>
                <a:cxn ang="T138">
                  <a:pos x="T40" y="T41"/>
                </a:cxn>
                <a:cxn ang="T139">
                  <a:pos x="T42" y="T43"/>
                </a:cxn>
                <a:cxn ang="T140">
                  <a:pos x="T44" y="T45"/>
                </a:cxn>
                <a:cxn ang="T141">
                  <a:pos x="T46" y="T47"/>
                </a:cxn>
                <a:cxn ang="T142">
                  <a:pos x="T48" y="T49"/>
                </a:cxn>
                <a:cxn ang="T143">
                  <a:pos x="T50" y="T51"/>
                </a:cxn>
                <a:cxn ang="T144">
                  <a:pos x="T52" y="T53"/>
                </a:cxn>
                <a:cxn ang="T145">
                  <a:pos x="T54" y="T55"/>
                </a:cxn>
                <a:cxn ang="T146">
                  <a:pos x="T56" y="T57"/>
                </a:cxn>
                <a:cxn ang="T147">
                  <a:pos x="T58" y="T59"/>
                </a:cxn>
                <a:cxn ang="T148">
                  <a:pos x="T60" y="T61"/>
                </a:cxn>
                <a:cxn ang="T149">
                  <a:pos x="T62" y="T63"/>
                </a:cxn>
                <a:cxn ang="T150">
                  <a:pos x="T64" y="T65"/>
                </a:cxn>
                <a:cxn ang="T151">
                  <a:pos x="T66" y="T67"/>
                </a:cxn>
                <a:cxn ang="T152">
                  <a:pos x="T68" y="T69"/>
                </a:cxn>
                <a:cxn ang="T153">
                  <a:pos x="T70" y="T71"/>
                </a:cxn>
                <a:cxn ang="T154">
                  <a:pos x="T72" y="T73"/>
                </a:cxn>
                <a:cxn ang="T155">
                  <a:pos x="T74" y="T75"/>
                </a:cxn>
                <a:cxn ang="T156">
                  <a:pos x="T76" y="T77"/>
                </a:cxn>
                <a:cxn ang="T157">
                  <a:pos x="T78" y="T79"/>
                </a:cxn>
                <a:cxn ang="T158">
                  <a:pos x="T80" y="T81"/>
                </a:cxn>
                <a:cxn ang="T159">
                  <a:pos x="T82" y="T83"/>
                </a:cxn>
                <a:cxn ang="T160">
                  <a:pos x="T84" y="T85"/>
                </a:cxn>
                <a:cxn ang="T161">
                  <a:pos x="T86" y="T87"/>
                </a:cxn>
                <a:cxn ang="T162">
                  <a:pos x="T88" y="T89"/>
                </a:cxn>
                <a:cxn ang="T163">
                  <a:pos x="T90" y="T91"/>
                </a:cxn>
                <a:cxn ang="T164">
                  <a:pos x="T92" y="T93"/>
                </a:cxn>
                <a:cxn ang="T165">
                  <a:pos x="T94" y="T95"/>
                </a:cxn>
                <a:cxn ang="T166">
                  <a:pos x="T96" y="T97"/>
                </a:cxn>
                <a:cxn ang="T167">
                  <a:pos x="T98" y="T99"/>
                </a:cxn>
                <a:cxn ang="T168">
                  <a:pos x="T100" y="T101"/>
                </a:cxn>
                <a:cxn ang="T169">
                  <a:pos x="T102" y="T103"/>
                </a:cxn>
                <a:cxn ang="T170">
                  <a:pos x="T104" y="T105"/>
                </a:cxn>
                <a:cxn ang="T171">
                  <a:pos x="T106" y="T107"/>
                </a:cxn>
                <a:cxn ang="T172">
                  <a:pos x="T108" y="T109"/>
                </a:cxn>
                <a:cxn ang="T173">
                  <a:pos x="T110" y="T111"/>
                </a:cxn>
                <a:cxn ang="T174">
                  <a:pos x="T112" y="T113"/>
                </a:cxn>
                <a:cxn ang="T175">
                  <a:pos x="T114" y="T115"/>
                </a:cxn>
                <a:cxn ang="T176">
                  <a:pos x="T116" y="T117"/>
                </a:cxn>
              </a:cxnLst>
              <a:rect b="T180" l="T177" r="T179" t="T178"/>
              <a:pathLst>
                <a:path h="2002" w="2249">
                  <a:moveTo>
                    <a:pt x="75" y="92"/>
                  </a:moveTo>
                  <a:cubicBezTo>
                    <a:pt x="98" y="80"/>
                    <a:pt x="100" y="74"/>
                    <a:pt x="124" y="64"/>
                  </a:cubicBezTo>
                  <a:cubicBezTo>
                    <a:pt x="154" y="50"/>
                    <a:pt x="168" y="33"/>
                    <a:pt x="190" y="36"/>
                  </a:cubicBezTo>
                  <a:cubicBezTo>
                    <a:pt x="213" y="40"/>
                    <a:pt x="237" y="41"/>
                    <a:pt x="263" y="32"/>
                  </a:cubicBezTo>
                  <a:cubicBezTo>
                    <a:pt x="290" y="23"/>
                    <a:pt x="288" y="14"/>
                    <a:pt x="312" y="7"/>
                  </a:cubicBezTo>
                  <a:cubicBezTo>
                    <a:pt x="335" y="0"/>
                    <a:pt x="379" y="5"/>
                    <a:pt x="394" y="14"/>
                  </a:cubicBezTo>
                  <a:cubicBezTo>
                    <a:pt x="409" y="22"/>
                    <a:pt x="414" y="42"/>
                    <a:pt x="437" y="29"/>
                  </a:cubicBezTo>
                  <a:cubicBezTo>
                    <a:pt x="461" y="16"/>
                    <a:pt x="471" y="27"/>
                    <a:pt x="494" y="44"/>
                  </a:cubicBezTo>
                  <a:cubicBezTo>
                    <a:pt x="517" y="60"/>
                    <a:pt x="530" y="69"/>
                    <a:pt x="552" y="49"/>
                  </a:cubicBezTo>
                  <a:cubicBezTo>
                    <a:pt x="573" y="29"/>
                    <a:pt x="565" y="27"/>
                    <a:pt x="595" y="30"/>
                  </a:cubicBezTo>
                  <a:cubicBezTo>
                    <a:pt x="625" y="33"/>
                    <a:pt x="654" y="65"/>
                    <a:pt x="666" y="81"/>
                  </a:cubicBezTo>
                  <a:cubicBezTo>
                    <a:pt x="677" y="96"/>
                    <a:pt x="713" y="96"/>
                    <a:pt x="715" y="107"/>
                  </a:cubicBezTo>
                  <a:cubicBezTo>
                    <a:pt x="716" y="117"/>
                    <a:pt x="718" y="138"/>
                    <a:pt x="743" y="149"/>
                  </a:cubicBezTo>
                  <a:cubicBezTo>
                    <a:pt x="769" y="160"/>
                    <a:pt x="774" y="180"/>
                    <a:pt x="780" y="202"/>
                  </a:cubicBezTo>
                  <a:cubicBezTo>
                    <a:pt x="787" y="225"/>
                    <a:pt x="815" y="245"/>
                    <a:pt x="812" y="258"/>
                  </a:cubicBezTo>
                  <a:cubicBezTo>
                    <a:pt x="809" y="272"/>
                    <a:pt x="851" y="294"/>
                    <a:pt x="856" y="319"/>
                  </a:cubicBezTo>
                  <a:cubicBezTo>
                    <a:pt x="861" y="344"/>
                    <a:pt x="868" y="350"/>
                    <a:pt x="883" y="372"/>
                  </a:cubicBezTo>
                  <a:cubicBezTo>
                    <a:pt x="898" y="395"/>
                    <a:pt x="914" y="401"/>
                    <a:pt x="906" y="424"/>
                  </a:cubicBezTo>
                  <a:cubicBezTo>
                    <a:pt x="899" y="447"/>
                    <a:pt x="952" y="477"/>
                    <a:pt x="961" y="492"/>
                  </a:cubicBezTo>
                  <a:cubicBezTo>
                    <a:pt x="969" y="507"/>
                    <a:pt x="989" y="529"/>
                    <a:pt x="991" y="553"/>
                  </a:cubicBezTo>
                  <a:cubicBezTo>
                    <a:pt x="993" y="576"/>
                    <a:pt x="1022" y="590"/>
                    <a:pt x="1039" y="618"/>
                  </a:cubicBezTo>
                  <a:cubicBezTo>
                    <a:pt x="1055" y="646"/>
                    <a:pt x="1042" y="651"/>
                    <a:pt x="1045" y="676"/>
                  </a:cubicBezTo>
                  <a:cubicBezTo>
                    <a:pt x="1049" y="702"/>
                    <a:pt x="1076" y="720"/>
                    <a:pt x="1099" y="734"/>
                  </a:cubicBezTo>
                  <a:cubicBezTo>
                    <a:pt x="1121" y="747"/>
                    <a:pt x="1159" y="764"/>
                    <a:pt x="1195" y="734"/>
                  </a:cubicBezTo>
                  <a:cubicBezTo>
                    <a:pt x="1231" y="704"/>
                    <a:pt x="1249" y="723"/>
                    <a:pt x="1281" y="730"/>
                  </a:cubicBezTo>
                  <a:cubicBezTo>
                    <a:pt x="1313" y="738"/>
                    <a:pt x="1327" y="738"/>
                    <a:pt x="1336" y="725"/>
                  </a:cubicBezTo>
                  <a:cubicBezTo>
                    <a:pt x="1345" y="711"/>
                    <a:pt x="1366" y="716"/>
                    <a:pt x="1377" y="734"/>
                  </a:cubicBezTo>
                  <a:cubicBezTo>
                    <a:pt x="1388" y="751"/>
                    <a:pt x="1405" y="763"/>
                    <a:pt x="1428" y="777"/>
                  </a:cubicBezTo>
                  <a:cubicBezTo>
                    <a:pt x="1451" y="792"/>
                    <a:pt x="1496" y="811"/>
                    <a:pt x="1529" y="797"/>
                  </a:cubicBezTo>
                  <a:cubicBezTo>
                    <a:pt x="1563" y="782"/>
                    <a:pt x="1569" y="799"/>
                    <a:pt x="1560" y="831"/>
                  </a:cubicBezTo>
                  <a:cubicBezTo>
                    <a:pt x="1552" y="862"/>
                    <a:pt x="1584" y="865"/>
                    <a:pt x="1607" y="889"/>
                  </a:cubicBezTo>
                  <a:cubicBezTo>
                    <a:pt x="1630" y="913"/>
                    <a:pt x="1621" y="918"/>
                    <a:pt x="1612" y="950"/>
                  </a:cubicBezTo>
                  <a:cubicBezTo>
                    <a:pt x="1604" y="981"/>
                    <a:pt x="1639" y="992"/>
                    <a:pt x="1670" y="1017"/>
                  </a:cubicBezTo>
                  <a:cubicBezTo>
                    <a:pt x="1702" y="1042"/>
                    <a:pt x="1714" y="1024"/>
                    <a:pt x="1728" y="1010"/>
                  </a:cubicBezTo>
                  <a:cubicBezTo>
                    <a:pt x="1742" y="995"/>
                    <a:pt x="1761" y="1010"/>
                    <a:pt x="1788" y="1012"/>
                  </a:cubicBezTo>
                  <a:cubicBezTo>
                    <a:pt x="1815" y="1013"/>
                    <a:pt x="1838" y="987"/>
                    <a:pt x="1849" y="978"/>
                  </a:cubicBezTo>
                  <a:cubicBezTo>
                    <a:pt x="1861" y="969"/>
                    <a:pt x="1888" y="974"/>
                    <a:pt x="1902" y="962"/>
                  </a:cubicBezTo>
                  <a:cubicBezTo>
                    <a:pt x="1916" y="950"/>
                    <a:pt x="1937" y="916"/>
                    <a:pt x="1947" y="901"/>
                  </a:cubicBezTo>
                  <a:cubicBezTo>
                    <a:pt x="1957" y="886"/>
                    <a:pt x="1976" y="866"/>
                    <a:pt x="2007" y="862"/>
                  </a:cubicBezTo>
                  <a:cubicBezTo>
                    <a:pt x="2039" y="858"/>
                    <a:pt x="2046" y="847"/>
                    <a:pt x="2054" y="825"/>
                  </a:cubicBezTo>
                  <a:cubicBezTo>
                    <a:pt x="2061" y="803"/>
                    <a:pt x="2102" y="788"/>
                    <a:pt x="2121" y="769"/>
                  </a:cubicBezTo>
                  <a:cubicBezTo>
                    <a:pt x="2141" y="749"/>
                    <a:pt x="2174" y="736"/>
                    <a:pt x="2199" y="726"/>
                  </a:cubicBezTo>
                  <a:cubicBezTo>
                    <a:pt x="2224" y="716"/>
                    <a:pt x="2235" y="716"/>
                    <a:pt x="2238" y="722"/>
                  </a:cubicBezTo>
                  <a:cubicBezTo>
                    <a:pt x="2242" y="728"/>
                    <a:pt x="2217" y="745"/>
                    <a:pt x="2209" y="757"/>
                  </a:cubicBezTo>
                  <a:cubicBezTo>
                    <a:pt x="2201" y="769"/>
                    <a:pt x="2196" y="788"/>
                    <a:pt x="2191" y="805"/>
                  </a:cubicBezTo>
                  <a:cubicBezTo>
                    <a:pt x="2186" y="822"/>
                    <a:pt x="2205" y="847"/>
                    <a:pt x="2227" y="866"/>
                  </a:cubicBezTo>
                  <a:cubicBezTo>
                    <a:pt x="2249" y="885"/>
                    <a:pt x="2233" y="909"/>
                    <a:pt x="2227" y="929"/>
                  </a:cubicBezTo>
                  <a:cubicBezTo>
                    <a:pt x="2222" y="949"/>
                    <a:pt x="2197" y="964"/>
                    <a:pt x="2190" y="973"/>
                  </a:cubicBezTo>
                  <a:cubicBezTo>
                    <a:pt x="2183" y="982"/>
                    <a:pt x="2175" y="994"/>
                    <a:pt x="2180" y="1004"/>
                  </a:cubicBezTo>
                  <a:cubicBezTo>
                    <a:pt x="2186" y="1014"/>
                    <a:pt x="2188" y="1042"/>
                    <a:pt x="2181" y="1057"/>
                  </a:cubicBezTo>
                  <a:cubicBezTo>
                    <a:pt x="2175" y="1071"/>
                    <a:pt x="2174" y="1087"/>
                    <a:pt x="2179" y="1096"/>
                  </a:cubicBezTo>
                  <a:cubicBezTo>
                    <a:pt x="2185" y="1105"/>
                    <a:pt x="2196" y="1118"/>
                    <a:pt x="2188" y="1140"/>
                  </a:cubicBezTo>
                  <a:cubicBezTo>
                    <a:pt x="2179" y="1163"/>
                    <a:pt x="2176" y="1160"/>
                    <a:pt x="2187" y="1175"/>
                  </a:cubicBezTo>
                  <a:cubicBezTo>
                    <a:pt x="2198" y="1190"/>
                    <a:pt x="2193" y="1213"/>
                    <a:pt x="2187" y="1239"/>
                  </a:cubicBezTo>
                  <a:cubicBezTo>
                    <a:pt x="2181" y="1264"/>
                    <a:pt x="2182" y="1289"/>
                    <a:pt x="2177" y="1297"/>
                  </a:cubicBezTo>
                  <a:cubicBezTo>
                    <a:pt x="2171" y="1305"/>
                    <a:pt x="2155" y="1325"/>
                    <a:pt x="2155" y="1340"/>
                  </a:cubicBezTo>
                  <a:cubicBezTo>
                    <a:pt x="2154" y="1356"/>
                    <a:pt x="2160" y="1382"/>
                    <a:pt x="2142" y="1408"/>
                  </a:cubicBezTo>
                  <a:cubicBezTo>
                    <a:pt x="2124" y="1434"/>
                    <a:pt x="2123" y="1430"/>
                    <a:pt x="2127" y="1446"/>
                  </a:cubicBezTo>
                  <a:cubicBezTo>
                    <a:pt x="2132" y="1462"/>
                    <a:pt x="2139" y="1491"/>
                    <a:pt x="2134" y="1509"/>
                  </a:cubicBezTo>
                  <a:cubicBezTo>
                    <a:pt x="2130" y="1528"/>
                    <a:pt x="2089" y="1519"/>
                    <a:pt x="2067" y="1521"/>
                  </a:cubicBezTo>
                  <a:cubicBezTo>
                    <a:pt x="2046" y="1523"/>
                    <a:pt x="1969" y="1513"/>
                    <a:pt x="1951" y="1510"/>
                  </a:cubicBezTo>
                  <a:cubicBezTo>
                    <a:pt x="1932" y="1506"/>
                    <a:pt x="1923" y="1543"/>
                    <a:pt x="1915" y="1575"/>
                  </a:cubicBezTo>
                  <a:cubicBezTo>
                    <a:pt x="1908" y="1607"/>
                    <a:pt x="1875" y="1611"/>
                    <a:pt x="1856" y="1623"/>
                  </a:cubicBezTo>
                  <a:cubicBezTo>
                    <a:pt x="1836" y="1635"/>
                    <a:pt x="1821" y="1633"/>
                    <a:pt x="1839" y="1650"/>
                  </a:cubicBezTo>
                  <a:cubicBezTo>
                    <a:pt x="1856" y="1667"/>
                    <a:pt x="1872" y="1683"/>
                    <a:pt x="1875" y="1703"/>
                  </a:cubicBezTo>
                  <a:cubicBezTo>
                    <a:pt x="1879" y="1724"/>
                    <a:pt x="1899" y="1749"/>
                    <a:pt x="1909" y="1769"/>
                  </a:cubicBezTo>
                  <a:cubicBezTo>
                    <a:pt x="1918" y="1790"/>
                    <a:pt x="1926" y="1834"/>
                    <a:pt x="1922" y="1870"/>
                  </a:cubicBezTo>
                  <a:cubicBezTo>
                    <a:pt x="1919" y="1894"/>
                    <a:pt x="1930" y="1899"/>
                    <a:pt x="1941" y="1913"/>
                  </a:cubicBezTo>
                  <a:cubicBezTo>
                    <a:pt x="1941" y="1913"/>
                    <a:pt x="1929" y="1941"/>
                    <a:pt x="1920" y="1936"/>
                  </a:cubicBezTo>
                  <a:cubicBezTo>
                    <a:pt x="1912" y="1931"/>
                    <a:pt x="1904" y="1937"/>
                    <a:pt x="1897" y="1946"/>
                  </a:cubicBezTo>
                  <a:cubicBezTo>
                    <a:pt x="1890" y="1954"/>
                    <a:pt x="1871" y="1949"/>
                    <a:pt x="1861" y="1937"/>
                  </a:cubicBezTo>
                  <a:cubicBezTo>
                    <a:pt x="1851" y="1924"/>
                    <a:pt x="1828" y="1914"/>
                    <a:pt x="1816" y="1913"/>
                  </a:cubicBezTo>
                  <a:cubicBezTo>
                    <a:pt x="1804" y="1911"/>
                    <a:pt x="1785" y="1911"/>
                    <a:pt x="1781" y="1885"/>
                  </a:cubicBezTo>
                  <a:cubicBezTo>
                    <a:pt x="1777" y="1860"/>
                    <a:pt x="1767" y="1821"/>
                    <a:pt x="1759" y="1851"/>
                  </a:cubicBezTo>
                  <a:cubicBezTo>
                    <a:pt x="1750" y="1880"/>
                    <a:pt x="1754" y="1871"/>
                    <a:pt x="1746" y="1887"/>
                  </a:cubicBezTo>
                  <a:cubicBezTo>
                    <a:pt x="1739" y="1904"/>
                    <a:pt x="1724" y="1895"/>
                    <a:pt x="1720" y="1879"/>
                  </a:cubicBezTo>
                  <a:cubicBezTo>
                    <a:pt x="1716" y="1864"/>
                    <a:pt x="1709" y="1859"/>
                    <a:pt x="1699" y="1878"/>
                  </a:cubicBezTo>
                  <a:cubicBezTo>
                    <a:pt x="1690" y="1896"/>
                    <a:pt x="1702" y="1894"/>
                    <a:pt x="1681" y="1902"/>
                  </a:cubicBezTo>
                  <a:cubicBezTo>
                    <a:pt x="1660" y="1909"/>
                    <a:pt x="1629" y="1926"/>
                    <a:pt x="1620" y="1930"/>
                  </a:cubicBezTo>
                  <a:cubicBezTo>
                    <a:pt x="1610" y="1934"/>
                    <a:pt x="1607" y="1934"/>
                    <a:pt x="1616" y="1946"/>
                  </a:cubicBezTo>
                  <a:cubicBezTo>
                    <a:pt x="1625" y="1957"/>
                    <a:pt x="1632" y="1967"/>
                    <a:pt x="1612" y="1982"/>
                  </a:cubicBezTo>
                  <a:cubicBezTo>
                    <a:pt x="1593" y="1996"/>
                    <a:pt x="1559" y="2002"/>
                    <a:pt x="1548" y="1982"/>
                  </a:cubicBezTo>
                  <a:cubicBezTo>
                    <a:pt x="1537" y="1961"/>
                    <a:pt x="1537" y="1956"/>
                    <a:pt x="1543" y="1949"/>
                  </a:cubicBezTo>
                  <a:cubicBezTo>
                    <a:pt x="1550" y="1942"/>
                    <a:pt x="1545" y="1935"/>
                    <a:pt x="1530" y="1935"/>
                  </a:cubicBezTo>
                  <a:cubicBezTo>
                    <a:pt x="1516" y="1934"/>
                    <a:pt x="1477" y="1917"/>
                    <a:pt x="1466" y="1891"/>
                  </a:cubicBezTo>
                  <a:cubicBezTo>
                    <a:pt x="1454" y="1865"/>
                    <a:pt x="1447" y="1851"/>
                    <a:pt x="1451" y="1838"/>
                  </a:cubicBezTo>
                  <a:cubicBezTo>
                    <a:pt x="1454" y="1825"/>
                    <a:pt x="1458" y="1795"/>
                    <a:pt x="1433" y="1798"/>
                  </a:cubicBezTo>
                  <a:cubicBezTo>
                    <a:pt x="1409" y="1801"/>
                    <a:pt x="1401" y="1798"/>
                    <a:pt x="1404" y="1820"/>
                  </a:cubicBezTo>
                  <a:cubicBezTo>
                    <a:pt x="1407" y="1842"/>
                    <a:pt x="1415" y="1849"/>
                    <a:pt x="1416" y="1868"/>
                  </a:cubicBezTo>
                  <a:cubicBezTo>
                    <a:pt x="1416" y="1887"/>
                    <a:pt x="1422" y="1901"/>
                    <a:pt x="1404" y="1917"/>
                  </a:cubicBezTo>
                  <a:cubicBezTo>
                    <a:pt x="1386" y="1933"/>
                    <a:pt x="1370" y="1928"/>
                    <a:pt x="1344" y="1905"/>
                  </a:cubicBezTo>
                  <a:cubicBezTo>
                    <a:pt x="1318" y="1883"/>
                    <a:pt x="1316" y="1879"/>
                    <a:pt x="1311" y="1859"/>
                  </a:cubicBezTo>
                  <a:cubicBezTo>
                    <a:pt x="1306" y="1840"/>
                    <a:pt x="1303" y="1815"/>
                    <a:pt x="1276" y="1821"/>
                  </a:cubicBezTo>
                  <a:cubicBezTo>
                    <a:pt x="1248" y="1827"/>
                    <a:pt x="1246" y="1855"/>
                    <a:pt x="1231" y="1836"/>
                  </a:cubicBezTo>
                  <a:cubicBezTo>
                    <a:pt x="1217" y="1817"/>
                    <a:pt x="1207" y="1799"/>
                    <a:pt x="1213" y="1784"/>
                  </a:cubicBezTo>
                  <a:cubicBezTo>
                    <a:pt x="1220" y="1769"/>
                    <a:pt x="1212" y="1745"/>
                    <a:pt x="1194" y="1734"/>
                  </a:cubicBezTo>
                  <a:cubicBezTo>
                    <a:pt x="1175" y="1723"/>
                    <a:pt x="1175" y="1727"/>
                    <a:pt x="1162" y="1735"/>
                  </a:cubicBezTo>
                  <a:cubicBezTo>
                    <a:pt x="1150" y="1743"/>
                    <a:pt x="1155" y="1711"/>
                    <a:pt x="1128" y="1713"/>
                  </a:cubicBezTo>
                  <a:cubicBezTo>
                    <a:pt x="1101" y="1714"/>
                    <a:pt x="1102" y="1713"/>
                    <a:pt x="1087" y="1732"/>
                  </a:cubicBezTo>
                  <a:cubicBezTo>
                    <a:pt x="1072" y="1751"/>
                    <a:pt x="1065" y="1754"/>
                    <a:pt x="1035" y="1746"/>
                  </a:cubicBezTo>
                  <a:cubicBezTo>
                    <a:pt x="1005" y="1738"/>
                    <a:pt x="991" y="1723"/>
                    <a:pt x="990" y="1706"/>
                  </a:cubicBezTo>
                  <a:cubicBezTo>
                    <a:pt x="989" y="1690"/>
                    <a:pt x="978" y="1664"/>
                    <a:pt x="958" y="1689"/>
                  </a:cubicBezTo>
                  <a:cubicBezTo>
                    <a:pt x="938" y="1715"/>
                    <a:pt x="944" y="1715"/>
                    <a:pt x="922" y="1717"/>
                  </a:cubicBezTo>
                  <a:cubicBezTo>
                    <a:pt x="899" y="1719"/>
                    <a:pt x="903" y="1735"/>
                    <a:pt x="883" y="1720"/>
                  </a:cubicBezTo>
                  <a:cubicBezTo>
                    <a:pt x="864" y="1705"/>
                    <a:pt x="845" y="1704"/>
                    <a:pt x="830" y="1721"/>
                  </a:cubicBezTo>
                  <a:cubicBezTo>
                    <a:pt x="816" y="1738"/>
                    <a:pt x="794" y="1742"/>
                    <a:pt x="771" y="1721"/>
                  </a:cubicBezTo>
                  <a:cubicBezTo>
                    <a:pt x="749" y="1700"/>
                    <a:pt x="710" y="1675"/>
                    <a:pt x="707" y="1657"/>
                  </a:cubicBezTo>
                  <a:cubicBezTo>
                    <a:pt x="703" y="1638"/>
                    <a:pt x="687" y="1604"/>
                    <a:pt x="683" y="1588"/>
                  </a:cubicBezTo>
                  <a:cubicBezTo>
                    <a:pt x="680" y="1573"/>
                    <a:pt x="665" y="1558"/>
                    <a:pt x="650" y="1579"/>
                  </a:cubicBezTo>
                  <a:cubicBezTo>
                    <a:pt x="635" y="1599"/>
                    <a:pt x="622" y="1598"/>
                    <a:pt x="605" y="1600"/>
                  </a:cubicBezTo>
                  <a:cubicBezTo>
                    <a:pt x="588" y="1602"/>
                    <a:pt x="558" y="1597"/>
                    <a:pt x="538" y="1601"/>
                  </a:cubicBezTo>
                  <a:cubicBezTo>
                    <a:pt x="518" y="1605"/>
                    <a:pt x="370" y="1403"/>
                    <a:pt x="370" y="1403"/>
                  </a:cubicBezTo>
                  <a:cubicBezTo>
                    <a:pt x="422" y="935"/>
                    <a:pt x="422" y="935"/>
                    <a:pt x="422" y="935"/>
                  </a:cubicBezTo>
                  <a:cubicBezTo>
                    <a:pt x="422" y="935"/>
                    <a:pt x="176" y="469"/>
                    <a:pt x="172" y="465"/>
                  </a:cubicBezTo>
                  <a:cubicBezTo>
                    <a:pt x="168" y="460"/>
                    <a:pt x="0" y="231"/>
                    <a:pt x="0" y="231"/>
                  </a:cubicBezTo>
                  <a:cubicBezTo>
                    <a:pt x="58" y="158"/>
                    <a:pt x="58" y="158"/>
                    <a:pt x="58" y="158"/>
                  </a:cubicBezTo>
                  <a:cubicBezTo>
                    <a:pt x="72" y="93"/>
                    <a:pt x="72" y="93"/>
                    <a:pt x="72" y="93"/>
                  </a:cubicBezTo>
                  <a:lnTo>
                    <a:pt x="75" y="92"/>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6" name="Freeform 25"/>
            <p:cNvSpPr>
              <a:spLocks noChangeArrowheads="1"/>
            </p:cNvSpPr>
            <p:nvPr/>
          </p:nvSpPr>
          <p:spPr bwMode="auto">
            <a:xfrm>
              <a:off x="2733573" y="2759219"/>
              <a:ext cx="434518" cy="786928"/>
            </a:xfrm>
            <a:custGeom>
              <a:gdLst>
                <a:gd fmla="*/ 570 w 977" name="T0"/>
                <a:gd fmla="*/ 1699 h 1767" name="T1"/>
                <a:gd fmla="*/ 652 w 977" name="T2"/>
                <a:gd fmla="*/ 1738 h 1767" name="T3"/>
                <a:gd fmla="*/ 709 w 977" name="T4"/>
                <a:gd fmla="*/ 1758 h 1767" name="T5"/>
                <a:gd fmla="*/ 740 w 977" name="T6"/>
                <a:gd fmla="*/ 1683 h 1767" name="T7"/>
                <a:gd fmla="*/ 741 w 977" name="T8"/>
                <a:gd fmla="*/ 1590 h 1767" name="T9"/>
                <a:gd fmla="*/ 812 w 977" name="T10"/>
                <a:gd fmla="*/ 1568 h 1767" name="T11"/>
                <a:gd fmla="*/ 813 w 977" name="T12"/>
                <a:gd fmla="*/ 1517 h 1767" name="T13"/>
                <a:gd fmla="*/ 740 w 977" name="T14"/>
                <a:gd fmla="*/ 1471 h 1767" name="T15"/>
                <a:gd fmla="*/ 746 w 977" name="T16"/>
                <a:gd fmla="*/ 1441 h 1767" name="T17"/>
                <a:gd fmla="*/ 876 w 977" name="T18"/>
                <a:gd fmla="*/ 1443 h 1767" name="T19"/>
                <a:gd fmla="*/ 926 w 977" name="T20"/>
                <a:gd fmla="*/ 1448 h 1767" name="T21"/>
                <a:gd fmla="*/ 973 w 977" name="T22"/>
                <a:gd fmla="*/ 1378 h 1767" name="T23"/>
                <a:gd fmla="*/ 932 w 977" name="T24"/>
                <a:gd fmla="*/ 1310 h 1767" name="T25"/>
                <a:gd fmla="*/ 893 w 977" name="T26"/>
                <a:gd fmla="*/ 1271 h 1767" name="T27"/>
                <a:gd fmla="*/ 858 w 977" name="T28"/>
                <a:gd fmla="*/ 1199 h 1767" name="T29"/>
                <a:gd fmla="*/ 829 w 977" name="T30"/>
                <a:gd fmla="*/ 1169 h 1767" name="T31"/>
                <a:gd fmla="*/ 830 w 977" name="T32"/>
                <a:gd fmla="*/ 1086 h 1767" name="T33"/>
                <a:gd fmla="*/ 856 w 977" name="T34"/>
                <a:gd fmla="*/ 967 h 1767" name="T35"/>
                <a:gd fmla="*/ 859 w 977" name="T36"/>
                <a:gd fmla="*/ 869 h 1767" name="T37"/>
                <a:gd fmla="*/ 828 w 977" name="T38"/>
                <a:gd fmla="*/ 784 h 1767" name="T39"/>
                <a:gd fmla="*/ 831 w 977" name="T40"/>
                <a:gd fmla="*/ 680 h 1767" name="T41"/>
                <a:gd fmla="*/ 830 w 977" name="T42"/>
                <a:gd fmla="*/ 586 h 1767" name="T43"/>
                <a:gd fmla="*/ 864 w 977" name="T44"/>
                <a:gd fmla="*/ 499 h 1767" name="T45"/>
                <a:gd fmla="*/ 856 w 977" name="T46"/>
                <a:gd fmla="*/ 404 h 1767" name="T47"/>
                <a:gd fmla="*/ 866 w 977" name="T48"/>
                <a:gd fmla="*/ 302 h 1767" name="T49"/>
                <a:gd fmla="*/ 916 w 977" name="T50"/>
                <a:gd fmla="*/ 198 h 1767" name="T51"/>
                <a:gd fmla="*/ 945 w 977" name="T52"/>
                <a:gd fmla="*/ 86 h 1767" name="T53"/>
                <a:gd fmla="*/ 862 w 977" name="T54"/>
                <a:gd fmla="*/ 12 h 1767" name="T55"/>
                <a:gd fmla="*/ 311 w 977" name="T56"/>
                <a:gd fmla="*/ 345 h 1767" name="T57"/>
                <a:gd fmla="*/ 289 w 977" name="T58"/>
                <a:gd fmla="*/ 758 h 1767" name="T59"/>
                <a:gd fmla="*/ 0 w 977" name="T60"/>
                <a:gd fmla="*/ 1677 h 1767" name="T61"/>
                <a:gd fmla="*/ 463 w 977" name="T62"/>
                <a:gd fmla="*/ 1717 h 1767" name="T63"/>
                <a:gd fmla="*/ 0 60000 65536" name="T64"/>
                <a:gd fmla="*/ 0 60000 65536" name="T65"/>
                <a:gd fmla="*/ 0 60000 65536" name="T66"/>
                <a:gd fmla="*/ 0 60000 65536" name="T67"/>
                <a:gd fmla="*/ 0 60000 65536" name="T68"/>
                <a:gd fmla="*/ 0 60000 65536" name="T69"/>
                <a:gd fmla="*/ 0 60000 65536" name="T70"/>
                <a:gd fmla="*/ 0 60000 65536" name="T71"/>
                <a:gd fmla="*/ 0 60000 65536" name="T72"/>
                <a:gd fmla="*/ 0 60000 65536" name="T73"/>
                <a:gd fmla="*/ 0 60000 65536" name="T74"/>
                <a:gd fmla="*/ 0 60000 65536" name="T75"/>
                <a:gd fmla="*/ 0 60000 65536" name="T76"/>
                <a:gd fmla="*/ 0 60000 65536" name="T77"/>
                <a:gd fmla="*/ 0 60000 65536" name="T78"/>
                <a:gd fmla="*/ 0 60000 65536" name="T79"/>
                <a:gd fmla="*/ 0 60000 65536" name="T80"/>
                <a:gd fmla="*/ 0 60000 65536" name="T81"/>
                <a:gd fmla="*/ 0 60000 65536" name="T82"/>
                <a:gd fmla="*/ 0 60000 65536" name="T83"/>
                <a:gd fmla="*/ 0 60000 65536" name="T84"/>
                <a:gd fmla="*/ 0 60000 65536" name="T85"/>
                <a:gd fmla="*/ 0 60000 65536" name="T86"/>
                <a:gd fmla="*/ 0 60000 65536" name="T87"/>
                <a:gd fmla="*/ 0 60000 65536" name="T88"/>
                <a:gd fmla="*/ 0 60000 65536" name="T89"/>
                <a:gd fmla="*/ 0 60000 65536" name="T90"/>
                <a:gd fmla="*/ 0 60000 65536" name="T91"/>
                <a:gd fmla="*/ 0 60000 65536" name="T92"/>
                <a:gd fmla="*/ 0 60000 65536" name="T93"/>
                <a:gd fmla="*/ 0 60000 65536" name="T94"/>
                <a:gd fmla="*/ 0 60000 65536" name="T95"/>
                <a:gd fmla="*/ 0 w 977" name="T96"/>
                <a:gd fmla="*/ 0 h 1767" name="T97"/>
                <a:gd fmla="*/ 977 w 977" name="T98"/>
                <a:gd fmla="*/ 1767 h 1767" name="T99"/>
              </a:gdLst>
              <a:cxnLst>
                <a:cxn ang="T64">
                  <a:pos x="T0" y="T1"/>
                </a:cxn>
                <a:cxn ang="T65">
                  <a:pos x="T2" y="T3"/>
                </a:cxn>
                <a:cxn ang="T66">
                  <a:pos x="T4" y="T5"/>
                </a:cxn>
                <a:cxn ang="T67">
                  <a:pos x="T6" y="T7"/>
                </a:cxn>
                <a:cxn ang="T68">
                  <a:pos x="T8" y="T9"/>
                </a:cxn>
                <a:cxn ang="T69">
                  <a:pos x="T10" y="T11"/>
                </a:cxn>
                <a:cxn ang="T70">
                  <a:pos x="T12" y="T13"/>
                </a:cxn>
                <a:cxn ang="T71">
                  <a:pos x="T14" y="T15"/>
                </a:cxn>
                <a:cxn ang="T72">
                  <a:pos x="T16" y="T17"/>
                </a:cxn>
                <a:cxn ang="T73">
                  <a:pos x="T18" y="T19"/>
                </a:cxn>
                <a:cxn ang="T74">
                  <a:pos x="T20" y="T21"/>
                </a:cxn>
                <a:cxn ang="T75">
                  <a:pos x="T22" y="T23"/>
                </a:cxn>
                <a:cxn ang="T76">
                  <a:pos x="T24" y="T25"/>
                </a:cxn>
                <a:cxn ang="T77">
                  <a:pos x="T26" y="T27"/>
                </a:cxn>
                <a:cxn ang="T78">
                  <a:pos x="T28" y="T29"/>
                </a:cxn>
                <a:cxn ang="T79">
                  <a:pos x="T30" y="T31"/>
                </a:cxn>
                <a:cxn ang="T80">
                  <a:pos x="T32" y="T33"/>
                </a:cxn>
                <a:cxn ang="T81">
                  <a:pos x="T34" y="T35"/>
                </a:cxn>
                <a:cxn ang="T82">
                  <a:pos x="T36" y="T37"/>
                </a:cxn>
                <a:cxn ang="T83">
                  <a:pos x="T38" y="T39"/>
                </a:cxn>
                <a:cxn ang="T84">
                  <a:pos x="T40" y="T41"/>
                </a:cxn>
                <a:cxn ang="T85">
                  <a:pos x="T42" y="T43"/>
                </a:cxn>
                <a:cxn ang="T86">
                  <a:pos x="T44" y="T45"/>
                </a:cxn>
                <a:cxn ang="T87">
                  <a:pos x="T46" y="T47"/>
                </a:cxn>
                <a:cxn ang="T88">
                  <a:pos x="T48" y="T49"/>
                </a:cxn>
                <a:cxn ang="T89">
                  <a:pos x="T50" y="T51"/>
                </a:cxn>
                <a:cxn ang="T90">
                  <a:pos x="T52" y="T53"/>
                </a:cxn>
                <a:cxn ang="T91">
                  <a:pos x="T54" y="T55"/>
                </a:cxn>
                <a:cxn ang="T92">
                  <a:pos x="T56" y="T57"/>
                </a:cxn>
                <a:cxn ang="T93">
                  <a:pos x="T58" y="T59"/>
                </a:cxn>
                <a:cxn ang="T94">
                  <a:pos x="T60" y="T61"/>
                </a:cxn>
                <a:cxn ang="T95">
                  <a:pos x="T62" y="T63"/>
                </a:cxn>
              </a:cxnLst>
              <a:rect b="T99" l="T96" r="T98" t="T97"/>
              <a:pathLst>
                <a:path h="1767" w="977">
                  <a:moveTo>
                    <a:pt x="534" y="1677"/>
                  </a:moveTo>
                  <a:cubicBezTo>
                    <a:pt x="534" y="1677"/>
                    <a:pt x="552" y="1690"/>
                    <a:pt x="570" y="1699"/>
                  </a:cubicBezTo>
                  <a:cubicBezTo>
                    <a:pt x="588" y="1708"/>
                    <a:pt x="594" y="1722"/>
                    <a:pt x="614" y="1718"/>
                  </a:cubicBezTo>
                  <a:cubicBezTo>
                    <a:pt x="634" y="1715"/>
                    <a:pt x="651" y="1719"/>
                    <a:pt x="652" y="1738"/>
                  </a:cubicBezTo>
                  <a:cubicBezTo>
                    <a:pt x="652" y="1757"/>
                    <a:pt x="658" y="1762"/>
                    <a:pt x="674" y="1765"/>
                  </a:cubicBezTo>
                  <a:cubicBezTo>
                    <a:pt x="689" y="1767"/>
                    <a:pt x="695" y="1758"/>
                    <a:pt x="709" y="1758"/>
                  </a:cubicBezTo>
                  <a:cubicBezTo>
                    <a:pt x="723" y="1758"/>
                    <a:pt x="737" y="1757"/>
                    <a:pt x="740" y="1736"/>
                  </a:cubicBezTo>
                  <a:cubicBezTo>
                    <a:pt x="743" y="1716"/>
                    <a:pt x="759" y="1702"/>
                    <a:pt x="740" y="1683"/>
                  </a:cubicBezTo>
                  <a:cubicBezTo>
                    <a:pt x="721" y="1663"/>
                    <a:pt x="712" y="1645"/>
                    <a:pt x="717" y="1634"/>
                  </a:cubicBezTo>
                  <a:cubicBezTo>
                    <a:pt x="722" y="1623"/>
                    <a:pt x="712" y="1598"/>
                    <a:pt x="741" y="1590"/>
                  </a:cubicBezTo>
                  <a:cubicBezTo>
                    <a:pt x="771" y="1581"/>
                    <a:pt x="777" y="1594"/>
                    <a:pt x="785" y="1579"/>
                  </a:cubicBezTo>
                  <a:cubicBezTo>
                    <a:pt x="793" y="1565"/>
                    <a:pt x="798" y="1566"/>
                    <a:pt x="812" y="1568"/>
                  </a:cubicBezTo>
                  <a:cubicBezTo>
                    <a:pt x="826" y="1570"/>
                    <a:pt x="836" y="1566"/>
                    <a:pt x="835" y="1547"/>
                  </a:cubicBezTo>
                  <a:cubicBezTo>
                    <a:pt x="835" y="1527"/>
                    <a:pt x="832" y="1524"/>
                    <a:pt x="813" y="1517"/>
                  </a:cubicBezTo>
                  <a:cubicBezTo>
                    <a:pt x="794" y="1509"/>
                    <a:pt x="761" y="1514"/>
                    <a:pt x="765" y="1494"/>
                  </a:cubicBezTo>
                  <a:cubicBezTo>
                    <a:pt x="769" y="1474"/>
                    <a:pt x="759" y="1475"/>
                    <a:pt x="740" y="1471"/>
                  </a:cubicBezTo>
                  <a:cubicBezTo>
                    <a:pt x="721" y="1466"/>
                    <a:pt x="693" y="1456"/>
                    <a:pt x="702" y="1449"/>
                  </a:cubicBezTo>
                  <a:cubicBezTo>
                    <a:pt x="712" y="1442"/>
                    <a:pt x="730" y="1439"/>
                    <a:pt x="746" y="1441"/>
                  </a:cubicBezTo>
                  <a:cubicBezTo>
                    <a:pt x="763" y="1443"/>
                    <a:pt x="806" y="1440"/>
                    <a:pt x="827" y="1446"/>
                  </a:cubicBezTo>
                  <a:cubicBezTo>
                    <a:pt x="847" y="1451"/>
                    <a:pt x="870" y="1456"/>
                    <a:pt x="876" y="1443"/>
                  </a:cubicBezTo>
                  <a:cubicBezTo>
                    <a:pt x="882" y="1429"/>
                    <a:pt x="895" y="1437"/>
                    <a:pt x="901" y="1446"/>
                  </a:cubicBezTo>
                  <a:cubicBezTo>
                    <a:pt x="906" y="1454"/>
                    <a:pt x="913" y="1466"/>
                    <a:pt x="926" y="1448"/>
                  </a:cubicBezTo>
                  <a:cubicBezTo>
                    <a:pt x="939" y="1430"/>
                    <a:pt x="949" y="1438"/>
                    <a:pt x="960" y="1431"/>
                  </a:cubicBezTo>
                  <a:cubicBezTo>
                    <a:pt x="970" y="1423"/>
                    <a:pt x="977" y="1393"/>
                    <a:pt x="973" y="1378"/>
                  </a:cubicBezTo>
                  <a:cubicBezTo>
                    <a:pt x="970" y="1363"/>
                    <a:pt x="976" y="1345"/>
                    <a:pt x="957" y="1339"/>
                  </a:cubicBezTo>
                  <a:cubicBezTo>
                    <a:pt x="938" y="1332"/>
                    <a:pt x="935" y="1324"/>
                    <a:pt x="932" y="1310"/>
                  </a:cubicBezTo>
                  <a:cubicBezTo>
                    <a:pt x="929" y="1296"/>
                    <a:pt x="925" y="1307"/>
                    <a:pt x="909" y="1301"/>
                  </a:cubicBezTo>
                  <a:cubicBezTo>
                    <a:pt x="894" y="1295"/>
                    <a:pt x="887" y="1287"/>
                    <a:pt x="893" y="1271"/>
                  </a:cubicBezTo>
                  <a:cubicBezTo>
                    <a:pt x="898" y="1255"/>
                    <a:pt x="887" y="1226"/>
                    <a:pt x="871" y="1220"/>
                  </a:cubicBezTo>
                  <a:cubicBezTo>
                    <a:pt x="856" y="1215"/>
                    <a:pt x="843" y="1207"/>
                    <a:pt x="858" y="1199"/>
                  </a:cubicBezTo>
                  <a:cubicBezTo>
                    <a:pt x="873" y="1190"/>
                    <a:pt x="874" y="1182"/>
                    <a:pt x="857" y="1185"/>
                  </a:cubicBezTo>
                  <a:cubicBezTo>
                    <a:pt x="841" y="1188"/>
                    <a:pt x="812" y="1183"/>
                    <a:pt x="829" y="1169"/>
                  </a:cubicBezTo>
                  <a:cubicBezTo>
                    <a:pt x="847" y="1156"/>
                    <a:pt x="862" y="1146"/>
                    <a:pt x="857" y="1129"/>
                  </a:cubicBezTo>
                  <a:cubicBezTo>
                    <a:pt x="852" y="1112"/>
                    <a:pt x="824" y="1104"/>
                    <a:pt x="830" y="1086"/>
                  </a:cubicBezTo>
                  <a:cubicBezTo>
                    <a:pt x="836" y="1068"/>
                    <a:pt x="846" y="1047"/>
                    <a:pt x="848" y="1026"/>
                  </a:cubicBezTo>
                  <a:cubicBezTo>
                    <a:pt x="850" y="1004"/>
                    <a:pt x="846" y="980"/>
                    <a:pt x="856" y="967"/>
                  </a:cubicBezTo>
                  <a:cubicBezTo>
                    <a:pt x="866" y="954"/>
                    <a:pt x="881" y="941"/>
                    <a:pt x="875" y="917"/>
                  </a:cubicBezTo>
                  <a:cubicBezTo>
                    <a:pt x="869" y="893"/>
                    <a:pt x="864" y="887"/>
                    <a:pt x="859" y="869"/>
                  </a:cubicBezTo>
                  <a:cubicBezTo>
                    <a:pt x="855" y="852"/>
                    <a:pt x="846" y="846"/>
                    <a:pt x="844" y="834"/>
                  </a:cubicBezTo>
                  <a:cubicBezTo>
                    <a:pt x="841" y="823"/>
                    <a:pt x="831" y="807"/>
                    <a:pt x="828" y="784"/>
                  </a:cubicBezTo>
                  <a:cubicBezTo>
                    <a:pt x="826" y="761"/>
                    <a:pt x="816" y="747"/>
                    <a:pt x="829" y="732"/>
                  </a:cubicBezTo>
                  <a:cubicBezTo>
                    <a:pt x="842" y="718"/>
                    <a:pt x="840" y="700"/>
                    <a:pt x="831" y="680"/>
                  </a:cubicBezTo>
                  <a:cubicBezTo>
                    <a:pt x="821" y="659"/>
                    <a:pt x="821" y="655"/>
                    <a:pt x="817" y="638"/>
                  </a:cubicBezTo>
                  <a:cubicBezTo>
                    <a:pt x="812" y="621"/>
                    <a:pt x="813" y="603"/>
                    <a:pt x="830" y="586"/>
                  </a:cubicBezTo>
                  <a:cubicBezTo>
                    <a:pt x="847" y="570"/>
                    <a:pt x="862" y="556"/>
                    <a:pt x="861" y="541"/>
                  </a:cubicBezTo>
                  <a:cubicBezTo>
                    <a:pt x="861" y="527"/>
                    <a:pt x="849" y="511"/>
                    <a:pt x="864" y="499"/>
                  </a:cubicBezTo>
                  <a:cubicBezTo>
                    <a:pt x="878" y="486"/>
                    <a:pt x="890" y="464"/>
                    <a:pt x="884" y="448"/>
                  </a:cubicBezTo>
                  <a:cubicBezTo>
                    <a:pt x="879" y="432"/>
                    <a:pt x="868" y="414"/>
                    <a:pt x="856" y="404"/>
                  </a:cubicBezTo>
                  <a:cubicBezTo>
                    <a:pt x="844" y="395"/>
                    <a:pt x="839" y="364"/>
                    <a:pt x="844" y="345"/>
                  </a:cubicBezTo>
                  <a:cubicBezTo>
                    <a:pt x="850" y="327"/>
                    <a:pt x="843" y="326"/>
                    <a:pt x="866" y="302"/>
                  </a:cubicBezTo>
                  <a:cubicBezTo>
                    <a:pt x="889" y="278"/>
                    <a:pt x="910" y="276"/>
                    <a:pt x="906" y="243"/>
                  </a:cubicBezTo>
                  <a:cubicBezTo>
                    <a:pt x="902" y="209"/>
                    <a:pt x="915" y="224"/>
                    <a:pt x="916" y="198"/>
                  </a:cubicBezTo>
                  <a:cubicBezTo>
                    <a:pt x="917" y="172"/>
                    <a:pt x="912" y="152"/>
                    <a:pt x="922" y="145"/>
                  </a:cubicBezTo>
                  <a:cubicBezTo>
                    <a:pt x="932" y="138"/>
                    <a:pt x="953" y="105"/>
                    <a:pt x="945" y="86"/>
                  </a:cubicBezTo>
                  <a:cubicBezTo>
                    <a:pt x="937" y="67"/>
                    <a:pt x="923" y="45"/>
                    <a:pt x="935" y="22"/>
                  </a:cubicBezTo>
                  <a:cubicBezTo>
                    <a:pt x="947" y="0"/>
                    <a:pt x="862" y="12"/>
                    <a:pt x="862" y="12"/>
                  </a:cubicBezTo>
                  <a:cubicBezTo>
                    <a:pt x="521" y="184"/>
                    <a:pt x="521" y="184"/>
                    <a:pt x="521" y="184"/>
                  </a:cubicBezTo>
                  <a:cubicBezTo>
                    <a:pt x="311" y="345"/>
                    <a:pt x="311" y="345"/>
                    <a:pt x="311" y="345"/>
                  </a:cubicBezTo>
                  <a:cubicBezTo>
                    <a:pt x="175" y="536"/>
                    <a:pt x="175" y="536"/>
                    <a:pt x="175" y="536"/>
                  </a:cubicBezTo>
                  <a:cubicBezTo>
                    <a:pt x="289" y="758"/>
                    <a:pt x="289" y="758"/>
                    <a:pt x="289" y="758"/>
                  </a:cubicBezTo>
                  <a:cubicBezTo>
                    <a:pt x="78" y="1087"/>
                    <a:pt x="78" y="1087"/>
                    <a:pt x="78" y="1087"/>
                  </a:cubicBezTo>
                  <a:cubicBezTo>
                    <a:pt x="0" y="1677"/>
                    <a:pt x="0" y="1677"/>
                    <a:pt x="0" y="1677"/>
                  </a:cubicBezTo>
                  <a:cubicBezTo>
                    <a:pt x="353" y="1744"/>
                    <a:pt x="353" y="1744"/>
                    <a:pt x="353" y="1744"/>
                  </a:cubicBezTo>
                  <a:cubicBezTo>
                    <a:pt x="463" y="1717"/>
                    <a:pt x="463" y="1717"/>
                    <a:pt x="463" y="1717"/>
                  </a:cubicBezTo>
                  <a:lnTo>
                    <a:pt x="534" y="1677"/>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7" name="Freeform 26"/>
            <p:cNvSpPr>
              <a:spLocks noChangeArrowheads="1"/>
            </p:cNvSpPr>
            <p:nvPr/>
          </p:nvSpPr>
          <p:spPr bwMode="auto">
            <a:xfrm>
              <a:off x="2607260" y="2800903"/>
              <a:ext cx="285468" cy="419358"/>
            </a:xfrm>
            <a:custGeom>
              <a:gdLst>
                <a:gd fmla="*/ 553 w 643" name="T0"/>
                <a:gd fmla="*/ 531 h 942" name="T1"/>
                <a:gd fmla="*/ 569 w 643" name="T2"/>
                <a:gd fmla="*/ 496 h 942" name="T3"/>
                <a:gd fmla="*/ 563 w 643" name="T4"/>
                <a:gd fmla="*/ 446 h 942" name="T5"/>
                <a:gd fmla="*/ 580 w 643" name="T6"/>
                <a:gd fmla="*/ 406 h 942" name="T7"/>
                <a:gd fmla="*/ 636 w 643" name="T8"/>
                <a:gd fmla="*/ 350 h 942" name="T9"/>
                <a:gd fmla="*/ 509 w 643" name="T10"/>
                <a:gd fmla="*/ 241 h 942" name="T11"/>
                <a:gd fmla="*/ 535 w 643" name="T12"/>
                <a:gd fmla="*/ 48 h 942" name="T13"/>
                <a:gd fmla="*/ 454 w 643" name="T14"/>
                <a:gd fmla="*/ 0 h 942" name="T15"/>
                <a:gd fmla="*/ 356 w 643" name="T16"/>
                <a:gd fmla="*/ 46 h 942" name="T17"/>
                <a:gd fmla="*/ 181 w 643" name="T18"/>
                <a:gd fmla="*/ 215 h 942" name="T19"/>
                <a:gd fmla="*/ 26 w 643" name="T20"/>
                <a:gd fmla="*/ 411 h 942" name="T21"/>
                <a:gd fmla="*/ 0 w 643" name="T22"/>
                <a:gd fmla="*/ 494 h 942" name="T23"/>
                <a:gd fmla="*/ 179 w 643" name="T24"/>
                <a:gd fmla="*/ 792 h 942" name="T25"/>
                <a:gd fmla="*/ 254 w 643" name="T26"/>
                <a:gd fmla="*/ 881 h 942" name="T27"/>
                <a:gd fmla="*/ 461 w 643" name="T28"/>
                <a:gd fmla="*/ 942 h 942" name="T29"/>
                <a:gd fmla="*/ 522 w 643" name="T30"/>
                <a:gd fmla="*/ 849 h 942" name="T31"/>
                <a:gd fmla="*/ 539 w 643" name="T32"/>
                <a:gd fmla="*/ 603 h 942" name="T33"/>
                <a:gd fmla="*/ 532 w 643" name="T34"/>
                <a:gd fmla="*/ 540 h 942" name="T35"/>
                <a:gd fmla="*/ 553 w 643" name="T36"/>
                <a:gd fmla="*/ 531 h 942" name="T37"/>
                <a:gd fmla="*/ 0 60000 65536" name="T38"/>
                <a:gd fmla="*/ 0 60000 65536" name="T39"/>
                <a:gd fmla="*/ 0 60000 65536" name="T40"/>
                <a:gd fmla="*/ 0 60000 65536" name="T41"/>
                <a:gd fmla="*/ 0 60000 65536" name="T42"/>
                <a:gd fmla="*/ 0 60000 65536" name="T43"/>
                <a:gd fmla="*/ 0 60000 65536" name="T44"/>
                <a:gd fmla="*/ 0 60000 65536" name="T45"/>
                <a:gd fmla="*/ 0 60000 65536" name="T46"/>
                <a:gd fmla="*/ 0 60000 65536" name="T47"/>
                <a:gd fmla="*/ 0 60000 65536" name="T48"/>
                <a:gd fmla="*/ 0 60000 65536" name="T49"/>
                <a:gd fmla="*/ 0 60000 65536" name="T50"/>
                <a:gd fmla="*/ 0 60000 65536" name="T51"/>
                <a:gd fmla="*/ 0 60000 65536" name="T52"/>
                <a:gd fmla="*/ 0 60000 65536" name="T53"/>
                <a:gd fmla="*/ 0 60000 65536" name="T54"/>
                <a:gd fmla="*/ 0 60000 65536" name="T55"/>
                <a:gd fmla="*/ 0 60000 65536" name="T56"/>
                <a:gd fmla="*/ 0 w 643" name="T57"/>
                <a:gd fmla="*/ 0 h 942" name="T58"/>
                <a:gd fmla="*/ 643 w 643" name="T59"/>
                <a:gd fmla="*/ 942 h 942" name="T60"/>
              </a:gdLst>
              <a:cxnLst>
                <a:cxn ang="T38">
                  <a:pos x="T0" y="T1"/>
                </a:cxn>
                <a:cxn ang="T39">
                  <a:pos x="T2" y="T3"/>
                </a:cxn>
                <a:cxn ang="T40">
                  <a:pos x="T4" y="T5"/>
                </a:cxn>
                <a:cxn ang="T41">
                  <a:pos x="T6" y="T7"/>
                </a:cxn>
                <a:cxn ang="T42">
                  <a:pos x="T8" y="T9"/>
                </a:cxn>
                <a:cxn ang="T43">
                  <a:pos x="T10" y="T11"/>
                </a:cxn>
                <a:cxn ang="T44">
                  <a:pos x="T12" y="T13"/>
                </a:cxn>
                <a:cxn ang="T45">
                  <a:pos x="T14" y="T15"/>
                </a:cxn>
                <a:cxn ang="T46">
                  <a:pos x="T16" y="T17"/>
                </a:cxn>
                <a:cxn ang="T47">
                  <a:pos x="T18" y="T19"/>
                </a:cxn>
                <a:cxn ang="T48">
                  <a:pos x="T20" y="T21"/>
                </a:cxn>
                <a:cxn ang="T49">
                  <a:pos x="T22" y="T23"/>
                </a:cxn>
                <a:cxn ang="T50">
                  <a:pos x="T24" y="T25"/>
                </a:cxn>
                <a:cxn ang="T51">
                  <a:pos x="T26" y="T27"/>
                </a:cxn>
                <a:cxn ang="T52">
                  <a:pos x="T28" y="T29"/>
                </a:cxn>
                <a:cxn ang="T53">
                  <a:pos x="T30" y="T31"/>
                </a:cxn>
                <a:cxn ang="T54">
                  <a:pos x="T32" y="T33"/>
                </a:cxn>
                <a:cxn ang="T55">
                  <a:pos x="T34" y="T35"/>
                </a:cxn>
                <a:cxn ang="T56">
                  <a:pos x="T36" y="T37"/>
                </a:cxn>
              </a:cxnLst>
              <a:rect b="T60" l="T57" r="T59" t="T58"/>
              <a:pathLst>
                <a:path h="942" w="643">
                  <a:moveTo>
                    <a:pt x="553" y="531"/>
                  </a:moveTo>
                  <a:cubicBezTo>
                    <a:pt x="553" y="531"/>
                    <a:pt x="584" y="518"/>
                    <a:pt x="569" y="496"/>
                  </a:cubicBezTo>
                  <a:cubicBezTo>
                    <a:pt x="555" y="473"/>
                    <a:pt x="554" y="463"/>
                    <a:pt x="563" y="446"/>
                  </a:cubicBezTo>
                  <a:cubicBezTo>
                    <a:pt x="573" y="428"/>
                    <a:pt x="560" y="429"/>
                    <a:pt x="580" y="406"/>
                  </a:cubicBezTo>
                  <a:cubicBezTo>
                    <a:pt x="599" y="384"/>
                    <a:pt x="629" y="382"/>
                    <a:pt x="636" y="350"/>
                  </a:cubicBezTo>
                  <a:cubicBezTo>
                    <a:pt x="643" y="318"/>
                    <a:pt x="509" y="241"/>
                    <a:pt x="509" y="241"/>
                  </a:cubicBezTo>
                  <a:cubicBezTo>
                    <a:pt x="535" y="48"/>
                    <a:pt x="535" y="48"/>
                    <a:pt x="535" y="48"/>
                  </a:cubicBezTo>
                  <a:cubicBezTo>
                    <a:pt x="454" y="0"/>
                    <a:pt x="454" y="0"/>
                    <a:pt x="454" y="0"/>
                  </a:cubicBezTo>
                  <a:cubicBezTo>
                    <a:pt x="356" y="46"/>
                    <a:pt x="356" y="46"/>
                    <a:pt x="356" y="46"/>
                  </a:cubicBezTo>
                  <a:cubicBezTo>
                    <a:pt x="181" y="215"/>
                    <a:pt x="181" y="215"/>
                    <a:pt x="181" y="215"/>
                  </a:cubicBezTo>
                  <a:cubicBezTo>
                    <a:pt x="26" y="411"/>
                    <a:pt x="26" y="411"/>
                    <a:pt x="26" y="411"/>
                  </a:cubicBezTo>
                  <a:cubicBezTo>
                    <a:pt x="0" y="494"/>
                    <a:pt x="0" y="494"/>
                    <a:pt x="0" y="494"/>
                  </a:cubicBezTo>
                  <a:cubicBezTo>
                    <a:pt x="179" y="792"/>
                    <a:pt x="179" y="792"/>
                    <a:pt x="179" y="792"/>
                  </a:cubicBezTo>
                  <a:cubicBezTo>
                    <a:pt x="179" y="792"/>
                    <a:pt x="252" y="881"/>
                    <a:pt x="254" y="881"/>
                  </a:cubicBezTo>
                  <a:cubicBezTo>
                    <a:pt x="257" y="881"/>
                    <a:pt x="461" y="942"/>
                    <a:pt x="461" y="942"/>
                  </a:cubicBezTo>
                  <a:cubicBezTo>
                    <a:pt x="522" y="849"/>
                    <a:pt x="522" y="849"/>
                    <a:pt x="522" y="849"/>
                  </a:cubicBezTo>
                  <a:cubicBezTo>
                    <a:pt x="539" y="603"/>
                    <a:pt x="539" y="603"/>
                    <a:pt x="539" y="603"/>
                  </a:cubicBezTo>
                  <a:cubicBezTo>
                    <a:pt x="532" y="540"/>
                    <a:pt x="532" y="540"/>
                    <a:pt x="532" y="540"/>
                  </a:cubicBezTo>
                  <a:lnTo>
                    <a:pt x="553" y="531"/>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8" name="Freeform 27"/>
            <p:cNvSpPr>
              <a:spLocks noChangeArrowheads="1"/>
            </p:cNvSpPr>
            <p:nvPr/>
          </p:nvSpPr>
          <p:spPr bwMode="auto">
            <a:xfrm>
              <a:off x="2043902" y="1358412"/>
              <a:ext cx="1991963" cy="1666064"/>
            </a:xfrm>
            <a:custGeom>
              <a:gdLst>
                <a:gd fmla="*/ 620 w 4476" name="T0"/>
                <a:gd fmla="*/ 2540 h 3743" name="T1"/>
                <a:gd fmla="*/ 1202 w 4476" name="T2"/>
                <a:gd fmla="*/ 2737 h 3743" name="T3"/>
                <a:gd fmla="*/ 1598 w 4476" name="T4"/>
                <a:gd fmla="*/ 2683 h 3743" name="T5"/>
                <a:gd fmla="*/ 2252 w 4476" name="T6"/>
                <a:gd fmla="*/ 2527 h 3743" name="T7"/>
                <a:gd fmla="*/ 2522 w 4476" name="T8"/>
                <a:gd fmla="*/ 2277 h 3743" name="T9"/>
                <a:gd fmla="*/ 2546 w 4476" name="T10"/>
                <a:gd fmla="*/ 1972 h 3743" name="T11"/>
                <a:gd fmla="*/ 2920 w 4476" name="T12"/>
                <a:gd fmla="*/ 1866 h 3743" name="T13"/>
                <a:gd fmla="*/ 3154 w 4476" name="T14"/>
                <a:gd fmla="*/ 1738 h 3743" name="T15"/>
                <a:gd fmla="*/ 3377 w 4476" name="T16"/>
                <a:gd fmla="*/ 1570 h 3743" name="T17"/>
                <a:gd fmla="*/ 3684 w 4476" name="T18"/>
                <a:gd fmla="*/ 1429 h 3743" name="T19"/>
                <a:gd fmla="*/ 3427 w 4476" name="T20"/>
                <a:gd fmla="*/ 1232 h 3743" name="T21"/>
                <a:gd fmla="*/ 3097 w 4476" name="T22"/>
                <a:gd fmla="*/ 1334 h 3743" name="T23"/>
                <a:gd fmla="*/ 3067 w 4476" name="T24"/>
                <a:gd fmla="*/ 1079 h 3743" name="T25"/>
                <a:gd fmla="*/ 3337 w 4476" name="T26"/>
                <a:gd fmla="*/ 895 h 3743" name="T27"/>
                <a:gd fmla="*/ 3512 w 4476" name="T28"/>
                <a:gd fmla="*/ 594 h 3743" name="T29"/>
                <a:gd fmla="*/ 3636 w 4476" name="T30"/>
                <a:gd fmla="*/ 234 h 3743" name="T31"/>
                <a:gd fmla="*/ 3657 w 4476" name="T32"/>
                <a:gd fmla="*/ 27 h 3743" name="T33"/>
                <a:gd fmla="*/ 3742 w 4476" name="T34"/>
                <a:gd fmla="*/ 144 h 3743" name="T35"/>
                <a:gd fmla="*/ 3916 w 4476" name="T36"/>
                <a:gd fmla="*/ 209 h 3743" name="T37"/>
                <a:gd fmla="*/ 4111 w 4476" name="T38"/>
                <a:gd fmla="*/ 408 h 3743" name="T39"/>
                <a:gd fmla="*/ 4303 w 4476" name="T40"/>
                <a:gd fmla="*/ 314 h 3743" name="T41"/>
                <a:gd fmla="*/ 4426 w 4476" name="T42"/>
                <a:gd fmla="*/ 520 h 3743" name="T43"/>
                <a:gd fmla="*/ 4416 w 4476" name="T44"/>
                <a:gd fmla="*/ 814 h 3743" name="T45"/>
                <a:gd fmla="*/ 4365 w 4476" name="T46"/>
                <a:gd fmla="*/ 1040 h 3743" name="T47"/>
                <a:gd fmla="*/ 4196 w 4476" name="T48"/>
                <a:gd fmla="*/ 1125 h 3743" name="T49"/>
                <a:gd fmla="*/ 4140 w 4476" name="T50"/>
                <a:gd fmla="*/ 1332 h 3743" name="T51"/>
                <a:gd fmla="*/ 4256 w 4476" name="T52"/>
                <a:gd fmla="*/ 1424 h 3743" name="T53"/>
                <a:gd fmla="*/ 4220 w 4476" name="T54"/>
                <a:gd fmla="*/ 1584 h 3743" name="T55"/>
                <a:gd fmla="*/ 4058 w 4476" name="T56"/>
                <a:gd fmla="*/ 1668 h 3743" name="T57"/>
                <a:gd fmla="*/ 4129 w 4476" name="T58"/>
                <a:gd fmla="*/ 1863 h 3743" name="T59"/>
                <a:gd fmla="*/ 4298 w 4476" name="T60"/>
                <a:gd fmla="*/ 1917 h 3743" name="T61"/>
                <a:gd fmla="*/ 4409 w 4476" name="T62"/>
                <a:gd fmla="*/ 2172 h 3743" name="T63"/>
                <a:gd fmla="*/ 4242 w 4476" name="T64"/>
                <a:gd fmla="*/ 2293 h 3743" name="T65"/>
                <a:gd fmla="*/ 4057 w 4476" name="T66"/>
                <a:gd fmla="*/ 2402 h 3743" name="T67"/>
                <a:gd fmla="*/ 3887 w 4476" name="T68"/>
                <a:gd fmla="*/ 2524 h 3743" name="T69"/>
                <a:gd fmla="*/ 3755 w 4476" name="T70"/>
                <a:gd fmla="*/ 2517 h 3743" name="T71"/>
                <a:gd fmla="*/ 3617 w 4476" name="T72"/>
                <a:gd fmla="*/ 2674 h 3743" name="T73"/>
                <a:gd fmla="*/ 3428 w 4476" name="T74"/>
                <a:gd fmla="*/ 2456 h 3743" name="T75"/>
                <a:gd fmla="*/ 3294 w 4476" name="T76"/>
                <a:gd fmla="*/ 2591 h 3743" name="T77"/>
                <a:gd fmla="*/ 3040 w 4476" name="T78"/>
                <a:gd fmla="*/ 2672 h 3743" name="T79"/>
                <a:gd fmla="*/ 2923 w 4476" name="T80"/>
                <a:gd fmla="*/ 2730 h 3743" name="T81"/>
                <a:gd fmla="*/ 2930 w 4476" name="T82"/>
                <a:gd fmla="*/ 2921 h 3743" name="T83"/>
                <a:gd fmla="*/ 2744 w 4476" name="T84"/>
                <a:gd fmla="*/ 3022 h 3743" name="T85"/>
                <a:gd fmla="*/ 2526 w 4476" name="T86"/>
                <a:gd fmla="*/ 3185 h 3743" name="T87"/>
                <a:gd fmla="*/ 2343 w 4476" name="T88"/>
                <a:gd fmla="*/ 3233 h 3743" name="T89"/>
                <a:gd fmla="*/ 2240 w 4476" name="T90"/>
                <a:gd fmla="*/ 3389 h 3743" name="T91"/>
                <a:gd fmla="*/ 2054 w 4476" name="T92"/>
                <a:gd fmla="*/ 3584 h 3743" name="T93"/>
                <a:gd fmla="*/ 1869 w 4476" name="T94"/>
                <a:gd fmla="*/ 3603 h 3743" name="T95"/>
                <a:gd fmla="*/ 1720 w 4476" name="T96"/>
                <a:gd fmla="*/ 3442 h 3743" name="T97"/>
                <a:gd fmla="*/ 1651 w 4476" name="T98"/>
                <a:gd fmla="*/ 3294 h 3743" name="T99"/>
                <a:gd fmla="*/ 1562 w 4476" name="T100"/>
                <a:gd fmla="*/ 3445 h 3743" name="T101"/>
                <a:gd fmla="*/ 1450 w 4476" name="T102"/>
                <a:gd fmla="*/ 3653 h 3743" name="T103"/>
                <a:gd fmla="*/ 934 w 4476" name="T104"/>
                <a:gd fmla="*/ 3556 h 3743" name="T105"/>
                <a:gd fmla="*/ 215 w 4476" name="T106"/>
                <a:gd fmla="*/ 2531 h 3743"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60000 65536" name="T147"/>
                <a:gd fmla="*/ 0 60000 65536" name="T148"/>
                <a:gd fmla="*/ 0 60000 65536" name="T149"/>
                <a:gd fmla="*/ 0 60000 65536" name="T150"/>
                <a:gd fmla="*/ 0 60000 65536" name="T151"/>
                <a:gd fmla="*/ 0 60000 65536" name="T152"/>
                <a:gd fmla="*/ 0 60000 65536" name="T153"/>
                <a:gd fmla="*/ 0 60000 65536" name="T154"/>
                <a:gd fmla="*/ 0 60000 65536" name="T155"/>
                <a:gd fmla="*/ 0 60000 65536" name="T156"/>
                <a:gd fmla="*/ 0 60000 65536" name="T157"/>
                <a:gd fmla="*/ 0 60000 65536" name="T158"/>
                <a:gd fmla="*/ 0 60000 65536" name="T159"/>
                <a:gd fmla="*/ 0 60000 65536" name="T160"/>
                <a:gd fmla="*/ 0 60000 65536" name="T161"/>
                <a:gd fmla="*/ 0 w 4476" name="T162"/>
                <a:gd fmla="*/ 0 h 3743" name="T163"/>
                <a:gd fmla="*/ 4476 w 4476" name="T164"/>
                <a:gd fmla="*/ 3743 h 3743" name="T165"/>
              </a:gdLst>
              <a:cxnLst>
                <a:cxn ang="T108">
                  <a:pos x="T0" y="T1"/>
                </a:cxn>
                <a:cxn ang="T109">
                  <a:pos x="T2" y="T3"/>
                </a:cxn>
                <a:cxn ang="T110">
                  <a:pos x="T4" y="T5"/>
                </a:cxn>
                <a:cxn ang="T111">
                  <a:pos x="T6" y="T7"/>
                </a:cxn>
                <a:cxn ang="T112">
                  <a:pos x="T8" y="T9"/>
                </a:cxn>
                <a:cxn ang="T113">
                  <a:pos x="T10" y="T11"/>
                </a:cxn>
                <a:cxn ang="T114">
                  <a:pos x="T12" y="T13"/>
                </a:cxn>
                <a:cxn ang="T115">
                  <a:pos x="T14" y="T15"/>
                </a:cxn>
                <a:cxn ang="T116">
                  <a:pos x="T16" y="T17"/>
                </a:cxn>
                <a:cxn ang="T117">
                  <a:pos x="T18" y="T19"/>
                </a:cxn>
                <a:cxn ang="T118">
                  <a:pos x="T20" y="T21"/>
                </a:cxn>
                <a:cxn ang="T119">
                  <a:pos x="T22" y="T23"/>
                </a:cxn>
                <a:cxn ang="T120">
                  <a:pos x="T24" y="T25"/>
                </a:cxn>
                <a:cxn ang="T121">
                  <a:pos x="T26" y="T27"/>
                </a:cxn>
                <a:cxn ang="T122">
                  <a:pos x="T28" y="T29"/>
                </a:cxn>
                <a:cxn ang="T123">
                  <a:pos x="T30" y="T31"/>
                </a:cxn>
                <a:cxn ang="T124">
                  <a:pos x="T32" y="T33"/>
                </a:cxn>
                <a:cxn ang="T125">
                  <a:pos x="T34" y="T35"/>
                </a:cxn>
                <a:cxn ang="T126">
                  <a:pos x="T36" y="T37"/>
                </a:cxn>
                <a:cxn ang="T127">
                  <a:pos x="T38" y="T39"/>
                </a:cxn>
                <a:cxn ang="T128">
                  <a:pos x="T40" y="T41"/>
                </a:cxn>
                <a:cxn ang="T129">
                  <a:pos x="T42" y="T43"/>
                </a:cxn>
                <a:cxn ang="T130">
                  <a:pos x="T44" y="T45"/>
                </a:cxn>
                <a:cxn ang="T131">
                  <a:pos x="T46" y="T47"/>
                </a:cxn>
                <a:cxn ang="T132">
                  <a:pos x="T48" y="T49"/>
                </a:cxn>
                <a:cxn ang="T133">
                  <a:pos x="T50" y="T51"/>
                </a:cxn>
                <a:cxn ang="T134">
                  <a:pos x="T52" y="T53"/>
                </a:cxn>
                <a:cxn ang="T135">
                  <a:pos x="T54" y="T55"/>
                </a:cxn>
                <a:cxn ang="T136">
                  <a:pos x="T56" y="T57"/>
                </a:cxn>
                <a:cxn ang="T137">
                  <a:pos x="T58" y="T59"/>
                </a:cxn>
                <a:cxn ang="T138">
                  <a:pos x="T60" y="T61"/>
                </a:cxn>
                <a:cxn ang="T139">
                  <a:pos x="T62" y="T63"/>
                </a:cxn>
                <a:cxn ang="T140">
                  <a:pos x="T64" y="T65"/>
                </a:cxn>
                <a:cxn ang="T141">
                  <a:pos x="T66" y="T67"/>
                </a:cxn>
                <a:cxn ang="T142">
                  <a:pos x="T68" y="T69"/>
                </a:cxn>
                <a:cxn ang="T143">
                  <a:pos x="T70" y="T71"/>
                </a:cxn>
                <a:cxn ang="T144">
                  <a:pos x="T72" y="T73"/>
                </a:cxn>
                <a:cxn ang="T145">
                  <a:pos x="T74" y="T75"/>
                </a:cxn>
                <a:cxn ang="T146">
                  <a:pos x="T76" y="T77"/>
                </a:cxn>
                <a:cxn ang="T147">
                  <a:pos x="T78" y="T79"/>
                </a:cxn>
                <a:cxn ang="T148">
                  <a:pos x="T80" y="T81"/>
                </a:cxn>
                <a:cxn ang="T149">
                  <a:pos x="T82" y="T83"/>
                </a:cxn>
                <a:cxn ang="T150">
                  <a:pos x="T84" y="T85"/>
                </a:cxn>
                <a:cxn ang="T151">
                  <a:pos x="T86" y="T87"/>
                </a:cxn>
                <a:cxn ang="T152">
                  <a:pos x="T88" y="T89"/>
                </a:cxn>
                <a:cxn ang="T153">
                  <a:pos x="T90" y="T91"/>
                </a:cxn>
                <a:cxn ang="T154">
                  <a:pos x="T92" y="T93"/>
                </a:cxn>
                <a:cxn ang="T155">
                  <a:pos x="T94" y="T95"/>
                </a:cxn>
                <a:cxn ang="T156">
                  <a:pos x="T96" y="T97"/>
                </a:cxn>
                <a:cxn ang="T157">
                  <a:pos x="T98" y="T99"/>
                </a:cxn>
                <a:cxn ang="T158">
                  <a:pos x="T100" y="T101"/>
                </a:cxn>
                <a:cxn ang="T159">
                  <a:pos x="T102" y="T103"/>
                </a:cxn>
                <a:cxn ang="T160">
                  <a:pos x="T104" y="T105"/>
                </a:cxn>
                <a:cxn ang="T161">
                  <a:pos x="T106" y="T107"/>
                </a:cxn>
              </a:cxnLst>
              <a:rect b="T165" l="T162" r="T164" t="T163"/>
              <a:pathLst>
                <a:path h="3743" w="4476">
                  <a:moveTo>
                    <a:pt x="215" y="2531"/>
                  </a:moveTo>
                  <a:cubicBezTo>
                    <a:pt x="217" y="2531"/>
                    <a:pt x="218" y="2530"/>
                    <a:pt x="220" y="2530"/>
                  </a:cubicBezTo>
                  <a:cubicBezTo>
                    <a:pt x="258" y="2519"/>
                    <a:pt x="303" y="2531"/>
                    <a:pt x="331" y="2540"/>
                  </a:cubicBezTo>
                  <a:cubicBezTo>
                    <a:pt x="358" y="2550"/>
                    <a:pt x="431" y="2551"/>
                    <a:pt x="464" y="2560"/>
                  </a:cubicBezTo>
                  <a:cubicBezTo>
                    <a:pt x="497" y="2569"/>
                    <a:pt x="541" y="2558"/>
                    <a:pt x="570" y="2547"/>
                  </a:cubicBezTo>
                  <a:cubicBezTo>
                    <a:pt x="599" y="2535"/>
                    <a:pt x="605" y="2533"/>
                    <a:pt x="620" y="2540"/>
                  </a:cubicBezTo>
                  <a:cubicBezTo>
                    <a:pt x="635" y="2548"/>
                    <a:pt x="673" y="2551"/>
                    <a:pt x="689" y="2551"/>
                  </a:cubicBezTo>
                  <a:cubicBezTo>
                    <a:pt x="706" y="2551"/>
                    <a:pt x="812" y="2568"/>
                    <a:pt x="842" y="2570"/>
                  </a:cubicBezTo>
                  <a:cubicBezTo>
                    <a:pt x="873" y="2571"/>
                    <a:pt x="896" y="2579"/>
                    <a:pt x="910" y="2604"/>
                  </a:cubicBezTo>
                  <a:cubicBezTo>
                    <a:pt x="924" y="2629"/>
                    <a:pt x="937" y="2637"/>
                    <a:pt x="972" y="2650"/>
                  </a:cubicBezTo>
                  <a:cubicBezTo>
                    <a:pt x="1007" y="2664"/>
                    <a:pt x="1041" y="2678"/>
                    <a:pt x="1071" y="2687"/>
                  </a:cubicBezTo>
                  <a:cubicBezTo>
                    <a:pt x="1102" y="2696"/>
                    <a:pt x="1166" y="2726"/>
                    <a:pt x="1202" y="2737"/>
                  </a:cubicBezTo>
                  <a:cubicBezTo>
                    <a:pt x="1239" y="2748"/>
                    <a:pt x="1274" y="2750"/>
                    <a:pt x="1297" y="2739"/>
                  </a:cubicBezTo>
                  <a:cubicBezTo>
                    <a:pt x="1321" y="2727"/>
                    <a:pt x="1340" y="2731"/>
                    <a:pt x="1340" y="2736"/>
                  </a:cubicBezTo>
                  <a:cubicBezTo>
                    <a:pt x="1340" y="2741"/>
                    <a:pt x="1327" y="2753"/>
                    <a:pt x="1360" y="2778"/>
                  </a:cubicBezTo>
                  <a:cubicBezTo>
                    <a:pt x="1392" y="2803"/>
                    <a:pt x="1421" y="2790"/>
                    <a:pt x="1442" y="2782"/>
                  </a:cubicBezTo>
                  <a:cubicBezTo>
                    <a:pt x="1462" y="2775"/>
                    <a:pt x="1467" y="2761"/>
                    <a:pt x="1507" y="2737"/>
                  </a:cubicBezTo>
                  <a:cubicBezTo>
                    <a:pt x="1547" y="2713"/>
                    <a:pt x="1558" y="2709"/>
                    <a:pt x="1598" y="2683"/>
                  </a:cubicBezTo>
                  <a:cubicBezTo>
                    <a:pt x="1638" y="2657"/>
                    <a:pt x="1688" y="2649"/>
                    <a:pt x="1716" y="2640"/>
                  </a:cubicBezTo>
                  <a:cubicBezTo>
                    <a:pt x="1745" y="2631"/>
                    <a:pt x="1819" y="2609"/>
                    <a:pt x="1856" y="2601"/>
                  </a:cubicBezTo>
                  <a:cubicBezTo>
                    <a:pt x="1892" y="2593"/>
                    <a:pt x="1969" y="2594"/>
                    <a:pt x="2007" y="2596"/>
                  </a:cubicBezTo>
                  <a:cubicBezTo>
                    <a:pt x="2044" y="2599"/>
                    <a:pt x="2070" y="2595"/>
                    <a:pt x="2110" y="2591"/>
                  </a:cubicBezTo>
                  <a:cubicBezTo>
                    <a:pt x="2149" y="2587"/>
                    <a:pt x="2168" y="2566"/>
                    <a:pt x="2181" y="2548"/>
                  </a:cubicBezTo>
                  <a:cubicBezTo>
                    <a:pt x="2193" y="2530"/>
                    <a:pt x="2213" y="2532"/>
                    <a:pt x="2252" y="2527"/>
                  </a:cubicBezTo>
                  <a:cubicBezTo>
                    <a:pt x="2291" y="2523"/>
                    <a:pt x="2283" y="2515"/>
                    <a:pt x="2296" y="2497"/>
                  </a:cubicBezTo>
                  <a:cubicBezTo>
                    <a:pt x="2310" y="2479"/>
                    <a:pt x="2313" y="2467"/>
                    <a:pt x="2333" y="2454"/>
                  </a:cubicBezTo>
                  <a:cubicBezTo>
                    <a:pt x="2353" y="2441"/>
                    <a:pt x="2372" y="2400"/>
                    <a:pt x="2382" y="2377"/>
                  </a:cubicBezTo>
                  <a:cubicBezTo>
                    <a:pt x="2391" y="2354"/>
                    <a:pt x="2427" y="2340"/>
                    <a:pt x="2449" y="2337"/>
                  </a:cubicBezTo>
                  <a:cubicBezTo>
                    <a:pt x="2472" y="2333"/>
                    <a:pt x="2478" y="2338"/>
                    <a:pt x="2490" y="2318"/>
                  </a:cubicBezTo>
                  <a:cubicBezTo>
                    <a:pt x="2502" y="2297"/>
                    <a:pt x="2506" y="2288"/>
                    <a:pt x="2522" y="2277"/>
                  </a:cubicBezTo>
                  <a:cubicBezTo>
                    <a:pt x="2539" y="2267"/>
                    <a:pt x="2534" y="2247"/>
                    <a:pt x="2518" y="2221"/>
                  </a:cubicBezTo>
                  <a:cubicBezTo>
                    <a:pt x="2502" y="2195"/>
                    <a:pt x="2468" y="2177"/>
                    <a:pt x="2457" y="2162"/>
                  </a:cubicBezTo>
                  <a:cubicBezTo>
                    <a:pt x="2446" y="2147"/>
                    <a:pt x="2439" y="2137"/>
                    <a:pt x="2450" y="2124"/>
                  </a:cubicBezTo>
                  <a:cubicBezTo>
                    <a:pt x="2461" y="2110"/>
                    <a:pt x="2466" y="2097"/>
                    <a:pt x="2466" y="2073"/>
                  </a:cubicBezTo>
                  <a:cubicBezTo>
                    <a:pt x="2466" y="2049"/>
                    <a:pt x="2487" y="2020"/>
                    <a:pt x="2499" y="1996"/>
                  </a:cubicBezTo>
                  <a:cubicBezTo>
                    <a:pt x="2511" y="1972"/>
                    <a:pt x="2518" y="1976"/>
                    <a:pt x="2546" y="1972"/>
                  </a:cubicBezTo>
                  <a:cubicBezTo>
                    <a:pt x="2575" y="1968"/>
                    <a:pt x="2597" y="1973"/>
                    <a:pt x="2619" y="1995"/>
                  </a:cubicBezTo>
                  <a:cubicBezTo>
                    <a:pt x="2640" y="2016"/>
                    <a:pt x="2680" y="2019"/>
                    <a:pt x="2703" y="2022"/>
                  </a:cubicBezTo>
                  <a:cubicBezTo>
                    <a:pt x="2727" y="2025"/>
                    <a:pt x="2752" y="2029"/>
                    <a:pt x="2784" y="2022"/>
                  </a:cubicBezTo>
                  <a:cubicBezTo>
                    <a:pt x="2816" y="2014"/>
                    <a:pt x="2809" y="2014"/>
                    <a:pt x="2819" y="1997"/>
                  </a:cubicBezTo>
                  <a:cubicBezTo>
                    <a:pt x="2829" y="1979"/>
                    <a:pt x="2852" y="1964"/>
                    <a:pt x="2870" y="1943"/>
                  </a:cubicBezTo>
                  <a:cubicBezTo>
                    <a:pt x="2888" y="1923"/>
                    <a:pt x="2909" y="1882"/>
                    <a:pt x="2920" y="1866"/>
                  </a:cubicBezTo>
                  <a:cubicBezTo>
                    <a:pt x="2931" y="1851"/>
                    <a:pt x="2936" y="1838"/>
                    <a:pt x="2952" y="1850"/>
                  </a:cubicBezTo>
                  <a:cubicBezTo>
                    <a:pt x="2968" y="1861"/>
                    <a:pt x="2979" y="1866"/>
                    <a:pt x="2992" y="1857"/>
                  </a:cubicBezTo>
                  <a:cubicBezTo>
                    <a:pt x="3004" y="1847"/>
                    <a:pt x="3019" y="1846"/>
                    <a:pt x="3041" y="1846"/>
                  </a:cubicBezTo>
                  <a:cubicBezTo>
                    <a:pt x="3064" y="1846"/>
                    <a:pt x="3093" y="1826"/>
                    <a:pt x="3102" y="1808"/>
                  </a:cubicBezTo>
                  <a:cubicBezTo>
                    <a:pt x="3110" y="1790"/>
                    <a:pt x="3120" y="1773"/>
                    <a:pt x="3143" y="1769"/>
                  </a:cubicBezTo>
                  <a:cubicBezTo>
                    <a:pt x="3165" y="1764"/>
                    <a:pt x="3165" y="1753"/>
                    <a:pt x="3154" y="1738"/>
                  </a:cubicBezTo>
                  <a:cubicBezTo>
                    <a:pt x="3143" y="1722"/>
                    <a:pt x="3154" y="1714"/>
                    <a:pt x="3162" y="1691"/>
                  </a:cubicBezTo>
                  <a:cubicBezTo>
                    <a:pt x="3169" y="1669"/>
                    <a:pt x="3192" y="1661"/>
                    <a:pt x="3212" y="1637"/>
                  </a:cubicBezTo>
                  <a:cubicBezTo>
                    <a:pt x="3231" y="1614"/>
                    <a:pt x="3238" y="1605"/>
                    <a:pt x="3268" y="1618"/>
                  </a:cubicBezTo>
                  <a:cubicBezTo>
                    <a:pt x="3298" y="1631"/>
                    <a:pt x="3289" y="1634"/>
                    <a:pt x="3309" y="1631"/>
                  </a:cubicBezTo>
                  <a:cubicBezTo>
                    <a:pt x="3330" y="1628"/>
                    <a:pt x="3326" y="1607"/>
                    <a:pt x="3328" y="1577"/>
                  </a:cubicBezTo>
                  <a:cubicBezTo>
                    <a:pt x="3331" y="1547"/>
                    <a:pt x="3351" y="1553"/>
                    <a:pt x="3377" y="1570"/>
                  </a:cubicBezTo>
                  <a:cubicBezTo>
                    <a:pt x="3403" y="1586"/>
                    <a:pt x="3409" y="1553"/>
                    <a:pt x="3427" y="1531"/>
                  </a:cubicBezTo>
                  <a:cubicBezTo>
                    <a:pt x="3446" y="1508"/>
                    <a:pt x="3463" y="1503"/>
                    <a:pt x="3496" y="1501"/>
                  </a:cubicBezTo>
                  <a:cubicBezTo>
                    <a:pt x="3529" y="1499"/>
                    <a:pt x="3522" y="1491"/>
                    <a:pt x="3556" y="1484"/>
                  </a:cubicBezTo>
                  <a:cubicBezTo>
                    <a:pt x="3590" y="1476"/>
                    <a:pt x="3589" y="1499"/>
                    <a:pt x="3608" y="1509"/>
                  </a:cubicBezTo>
                  <a:cubicBezTo>
                    <a:pt x="3627" y="1519"/>
                    <a:pt x="3656" y="1506"/>
                    <a:pt x="3674" y="1498"/>
                  </a:cubicBezTo>
                  <a:cubicBezTo>
                    <a:pt x="3692" y="1490"/>
                    <a:pt x="3690" y="1454"/>
                    <a:pt x="3684" y="1429"/>
                  </a:cubicBezTo>
                  <a:cubicBezTo>
                    <a:pt x="3678" y="1404"/>
                    <a:pt x="3663" y="1389"/>
                    <a:pt x="3639" y="1378"/>
                  </a:cubicBezTo>
                  <a:cubicBezTo>
                    <a:pt x="3615" y="1368"/>
                    <a:pt x="3608" y="1359"/>
                    <a:pt x="3600" y="1337"/>
                  </a:cubicBezTo>
                  <a:cubicBezTo>
                    <a:pt x="3592" y="1315"/>
                    <a:pt x="3589" y="1330"/>
                    <a:pt x="3569" y="1313"/>
                  </a:cubicBezTo>
                  <a:cubicBezTo>
                    <a:pt x="3548" y="1296"/>
                    <a:pt x="3552" y="1289"/>
                    <a:pt x="3534" y="1289"/>
                  </a:cubicBezTo>
                  <a:cubicBezTo>
                    <a:pt x="3516" y="1289"/>
                    <a:pt x="3502" y="1276"/>
                    <a:pt x="3477" y="1257"/>
                  </a:cubicBezTo>
                  <a:cubicBezTo>
                    <a:pt x="3451" y="1238"/>
                    <a:pt x="3445" y="1233"/>
                    <a:pt x="3427" y="1232"/>
                  </a:cubicBezTo>
                  <a:cubicBezTo>
                    <a:pt x="3409" y="1232"/>
                    <a:pt x="3368" y="1234"/>
                    <a:pt x="3346" y="1249"/>
                  </a:cubicBezTo>
                  <a:cubicBezTo>
                    <a:pt x="3324" y="1264"/>
                    <a:pt x="3312" y="1281"/>
                    <a:pt x="3304" y="1309"/>
                  </a:cubicBezTo>
                  <a:cubicBezTo>
                    <a:pt x="3296" y="1336"/>
                    <a:pt x="3276" y="1329"/>
                    <a:pt x="3260" y="1312"/>
                  </a:cubicBezTo>
                  <a:cubicBezTo>
                    <a:pt x="3244" y="1296"/>
                    <a:pt x="3220" y="1278"/>
                    <a:pt x="3194" y="1294"/>
                  </a:cubicBezTo>
                  <a:cubicBezTo>
                    <a:pt x="3168" y="1309"/>
                    <a:pt x="3162" y="1309"/>
                    <a:pt x="3142" y="1309"/>
                  </a:cubicBezTo>
                  <a:cubicBezTo>
                    <a:pt x="3122" y="1309"/>
                    <a:pt x="3106" y="1315"/>
                    <a:pt x="3097" y="1334"/>
                  </a:cubicBezTo>
                  <a:cubicBezTo>
                    <a:pt x="3089" y="1353"/>
                    <a:pt x="3068" y="1343"/>
                    <a:pt x="3052" y="1336"/>
                  </a:cubicBezTo>
                  <a:cubicBezTo>
                    <a:pt x="3037" y="1329"/>
                    <a:pt x="3026" y="1318"/>
                    <a:pt x="3008" y="1288"/>
                  </a:cubicBezTo>
                  <a:cubicBezTo>
                    <a:pt x="2990" y="1258"/>
                    <a:pt x="3007" y="1245"/>
                    <a:pt x="3031" y="1226"/>
                  </a:cubicBezTo>
                  <a:cubicBezTo>
                    <a:pt x="3055" y="1207"/>
                    <a:pt x="3037" y="1193"/>
                    <a:pt x="3031" y="1171"/>
                  </a:cubicBezTo>
                  <a:cubicBezTo>
                    <a:pt x="3025" y="1149"/>
                    <a:pt x="3037" y="1137"/>
                    <a:pt x="3055" y="1123"/>
                  </a:cubicBezTo>
                  <a:cubicBezTo>
                    <a:pt x="3074" y="1109"/>
                    <a:pt x="3069" y="1100"/>
                    <a:pt x="3067" y="1079"/>
                  </a:cubicBezTo>
                  <a:cubicBezTo>
                    <a:pt x="3066" y="1058"/>
                    <a:pt x="3088" y="1017"/>
                    <a:pt x="3096" y="997"/>
                  </a:cubicBezTo>
                  <a:cubicBezTo>
                    <a:pt x="3104" y="976"/>
                    <a:pt x="3123" y="929"/>
                    <a:pt x="3136" y="899"/>
                  </a:cubicBezTo>
                  <a:cubicBezTo>
                    <a:pt x="3149" y="869"/>
                    <a:pt x="3155" y="874"/>
                    <a:pt x="3172" y="880"/>
                  </a:cubicBezTo>
                  <a:cubicBezTo>
                    <a:pt x="3189" y="887"/>
                    <a:pt x="3190" y="889"/>
                    <a:pt x="3228" y="893"/>
                  </a:cubicBezTo>
                  <a:cubicBezTo>
                    <a:pt x="3266" y="897"/>
                    <a:pt x="3272" y="902"/>
                    <a:pt x="3291" y="915"/>
                  </a:cubicBezTo>
                  <a:cubicBezTo>
                    <a:pt x="3310" y="927"/>
                    <a:pt x="3317" y="912"/>
                    <a:pt x="3337" y="895"/>
                  </a:cubicBezTo>
                  <a:cubicBezTo>
                    <a:pt x="3358" y="878"/>
                    <a:pt x="3386" y="845"/>
                    <a:pt x="3395" y="833"/>
                  </a:cubicBezTo>
                  <a:cubicBezTo>
                    <a:pt x="3404" y="820"/>
                    <a:pt x="3418" y="793"/>
                    <a:pt x="3464" y="784"/>
                  </a:cubicBezTo>
                  <a:cubicBezTo>
                    <a:pt x="3509" y="775"/>
                    <a:pt x="3486" y="773"/>
                    <a:pt x="3505" y="735"/>
                  </a:cubicBezTo>
                  <a:cubicBezTo>
                    <a:pt x="3523" y="697"/>
                    <a:pt x="3496" y="712"/>
                    <a:pt x="3480" y="698"/>
                  </a:cubicBezTo>
                  <a:cubicBezTo>
                    <a:pt x="3464" y="684"/>
                    <a:pt x="3486" y="660"/>
                    <a:pt x="3496" y="642"/>
                  </a:cubicBezTo>
                  <a:cubicBezTo>
                    <a:pt x="3507" y="624"/>
                    <a:pt x="3508" y="620"/>
                    <a:pt x="3512" y="594"/>
                  </a:cubicBezTo>
                  <a:cubicBezTo>
                    <a:pt x="3516" y="567"/>
                    <a:pt x="3518" y="568"/>
                    <a:pt x="3540" y="544"/>
                  </a:cubicBezTo>
                  <a:cubicBezTo>
                    <a:pt x="3563" y="520"/>
                    <a:pt x="3554" y="497"/>
                    <a:pt x="3559" y="482"/>
                  </a:cubicBezTo>
                  <a:cubicBezTo>
                    <a:pt x="3564" y="467"/>
                    <a:pt x="3572" y="430"/>
                    <a:pt x="3581" y="408"/>
                  </a:cubicBezTo>
                  <a:cubicBezTo>
                    <a:pt x="3591" y="386"/>
                    <a:pt x="3628" y="362"/>
                    <a:pt x="3636" y="342"/>
                  </a:cubicBezTo>
                  <a:cubicBezTo>
                    <a:pt x="3645" y="322"/>
                    <a:pt x="3652" y="324"/>
                    <a:pt x="3656" y="296"/>
                  </a:cubicBezTo>
                  <a:cubicBezTo>
                    <a:pt x="3661" y="268"/>
                    <a:pt x="3647" y="259"/>
                    <a:pt x="3636" y="234"/>
                  </a:cubicBezTo>
                  <a:cubicBezTo>
                    <a:pt x="3626" y="210"/>
                    <a:pt x="3640" y="207"/>
                    <a:pt x="3632" y="193"/>
                  </a:cubicBezTo>
                  <a:cubicBezTo>
                    <a:pt x="3625" y="180"/>
                    <a:pt x="3598" y="175"/>
                    <a:pt x="3580" y="183"/>
                  </a:cubicBezTo>
                  <a:cubicBezTo>
                    <a:pt x="3561" y="190"/>
                    <a:pt x="3552" y="192"/>
                    <a:pt x="3546" y="171"/>
                  </a:cubicBezTo>
                  <a:cubicBezTo>
                    <a:pt x="3539" y="150"/>
                    <a:pt x="3559" y="139"/>
                    <a:pt x="3570" y="124"/>
                  </a:cubicBezTo>
                  <a:cubicBezTo>
                    <a:pt x="3582" y="108"/>
                    <a:pt x="3593" y="77"/>
                    <a:pt x="3614" y="57"/>
                  </a:cubicBezTo>
                  <a:cubicBezTo>
                    <a:pt x="3634" y="37"/>
                    <a:pt x="3636" y="27"/>
                    <a:pt x="3657" y="27"/>
                  </a:cubicBezTo>
                  <a:cubicBezTo>
                    <a:pt x="3678" y="26"/>
                    <a:pt x="3672" y="31"/>
                    <a:pt x="3718" y="10"/>
                  </a:cubicBezTo>
                  <a:cubicBezTo>
                    <a:pt x="3728" y="6"/>
                    <a:pt x="3732" y="4"/>
                    <a:pt x="3739" y="0"/>
                  </a:cubicBezTo>
                  <a:cubicBezTo>
                    <a:pt x="3739" y="0"/>
                    <a:pt x="3746" y="13"/>
                    <a:pt x="3753" y="21"/>
                  </a:cubicBezTo>
                  <a:cubicBezTo>
                    <a:pt x="3759" y="30"/>
                    <a:pt x="3782" y="47"/>
                    <a:pt x="3774" y="67"/>
                  </a:cubicBezTo>
                  <a:cubicBezTo>
                    <a:pt x="3766" y="88"/>
                    <a:pt x="3762" y="92"/>
                    <a:pt x="3759" y="105"/>
                  </a:cubicBezTo>
                  <a:cubicBezTo>
                    <a:pt x="3756" y="118"/>
                    <a:pt x="3755" y="131"/>
                    <a:pt x="3742" y="144"/>
                  </a:cubicBezTo>
                  <a:cubicBezTo>
                    <a:pt x="3730" y="158"/>
                    <a:pt x="3703" y="179"/>
                    <a:pt x="3732" y="184"/>
                  </a:cubicBezTo>
                  <a:cubicBezTo>
                    <a:pt x="3761" y="189"/>
                    <a:pt x="3779" y="201"/>
                    <a:pt x="3789" y="208"/>
                  </a:cubicBezTo>
                  <a:cubicBezTo>
                    <a:pt x="3799" y="215"/>
                    <a:pt x="3815" y="231"/>
                    <a:pt x="3830" y="216"/>
                  </a:cubicBezTo>
                  <a:cubicBezTo>
                    <a:pt x="3846" y="201"/>
                    <a:pt x="3846" y="195"/>
                    <a:pt x="3846" y="183"/>
                  </a:cubicBezTo>
                  <a:cubicBezTo>
                    <a:pt x="3845" y="172"/>
                    <a:pt x="3862" y="152"/>
                    <a:pt x="3871" y="172"/>
                  </a:cubicBezTo>
                  <a:cubicBezTo>
                    <a:pt x="3881" y="191"/>
                    <a:pt x="3898" y="204"/>
                    <a:pt x="3916" y="209"/>
                  </a:cubicBezTo>
                  <a:cubicBezTo>
                    <a:pt x="3934" y="215"/>
                    <a:pt x="3969" y="221"/>
                    <a:pt x="3957" y="236"/>
                  </a:cubicBezTo>
                  <a:cubicBezTo>
                    <a:pt x="3945" y="251"/>
                    <a:pt x="3949" y="257"/>
                    <a:pt x="3956" y="271"/>
                  </a:cubicBezTo>
                  <a:cubicBezTo>
                    <a:pt x="3963" y="285"/>
                    <a:pt x="3973" y="313"/>
                    <a:pt x="3982" y="329"/>
                  </a:cubicBezTo>
                  <a:cubicBezTo>
                    <a:pt x="3991" y="346"/>
                    <a:pt x="4007" y="366"/>
                    <a:pt x="4014" y="385"/>
                  </a:cubicBezTo>
                  <a:cubicBezTo>
                    <a:pt x="4021" y="404"/>
                    <a:pt x="4015" y="416"/>
                    <a:pt x="4040" y="411"/>
                  </a:cubicBezTo>
                  <a:cubicBezTo>
                    <a:pt x="4064" y="406"/>
                    <a:pt x="4103" y="420"/>
                    <a:pt x="4111" y="408"/>
                  </a:cubicBezTo>
                  <a:cubicBezTo>
                    <a:pt x="4118" y="396"/>
                    <a:pt x="4142" y="385"/>
                    <a:pt x="4154" y="386"/>
                  </a:cubicBezTo>
                  <a:cubicBezTo>
                    <a:pt x="4166" y="386"/>
                    <a:pt x="4167" y="382"/>
                    <a:pt x="4176" y="376"/>
                  </a:cubicBezTo>
                  <a:cubicBezTo>
                    <a:pt x="4186" y="370"/>
                    <a:pt x="4198" y="363"/>
                    <a:pt x="4217" y="375"/>
                  </a:cubicBezTo>
                  <a:cubicBezTo>
                    <a:pt x="4237" y="388"/>
                    <a:pt x="4232" y="378"/>
                    <a:pt x="4238" y="364"/>
                  </a:cubicBezTo>
                  <a:cubicBezTo>
                    <a:pt x="4244" y="350"/>
                    <a:pt x="4255" y="356"/>
                    <a:pt x="4268" y="352"/>
                  </a:cubicBezTo>
                  <a:cubicBezTo>
                    <a:pt x="4280" y="347"/>
                    <a:pt x="4301" y="327"/>
                    <a:pt x="4303" y="314"/>
                  </a:cubicBezTo>
                  <a:cubicBezTo>
                    <a:pt x="4306" y="301"/>
                    <a:pt x="4318" y="272"/>
                    <a:pt x="4337" y="282"/>
                  </a:cubicBezTo>
                  <a:cubicBezTo>
                    <a:pt x="4356" y="291"/>
                    <a:pt x="4380" y="307"/>
                    <a:pt x="4387" y="315"/>
                  </a:cubicBezTo>
                  <a:cubicBezTo>
                    <a:pt x="4395" y="323"/>
                    <a:pt x="4407" y="336"/>
                    <a:pt x="4431" y="356"/>
                  </a:cubicBezTo>
                  <a:cubicBezTo>
                    <a:pt x="4456" y="376"/>
                    <a:pt x="4476" y="386"/>
                    <a:pt x="4462" y="411"/>
                  </a:cubicBezTo>
                  <a:cubicBezTo>
                    <a:pt x="4449" y="436"/>
                    <a:pt x="4438" y="449"/>
                    <a:pt x="4440" y="473"/>
                  </a:cubicBezTo>
                  <a:cubicBezTo>
                    <a:pt x="4441" y="497"/>
                    <a:pt x="4442" y="510"/>
                    <a:pt x="4426" y="520"/>
                  </a:cubicBezTo>
                  <a:cubicBezTo>
                    <a:pt x="4411" y="530"/>
                    <a:pt x="4419" y="543"/>
                    <a:pt x="4419" y="559"/>
                  </a:cubicBezTo>
                  <a:cubicBezTo>
                    <a:pt x="4419" y="575"/>
                    <a:pt x="4413" y="595"/>
                    <a:pt x="4404" y="610"/>
                  </a:cubicBezTo>
                  <a:cubicBezTo>
                    <a:pt x="4396" y="624"/>
                    <a:pt x="4398" y="641"/>
                    <a:pt x="4400" y="656"/>
                  </a:cubicBezTo>
                  <a:cubicBezTo>
                    <a:pt x="4401" y="671"/>
                    <a:pt x="4402" y="685"/>
                    <a:pt x="4407" y="705"/>
                  </a:cubicBezTo>
                  <a:cubicBezTo>
                    <a:pt x="4412" y="725"/>
                    <a:pt x="4421" y="739"/>
                    <a:pt x="4426" y="759"/>
                  </a:cubicBezTo>
                  <a:cubicBezTo>
                    <a:pt x="4430" y="778"/>
                    <a:pt x="4436" y="809"/>
                    <a:pt x="4416" y="814"/>
                  </a:cubicBezTo>
                  <a:cubicBezTo>
                    <a:pt x="4395" y="819"/>
                    <a:pt x="4405" y="803"/>
                    <a:pt x="4385" y="824"/>
                  </a:cubicBezTo>
                  <a:cubicBezTo>
                    <a:pt x="4365" y="845"/>
                    <a:pt x="4372" y="840"/>
                    <a:pt x="4371" y="858"/>
                  </a:cubicBezTo>
                  <a:cubicBezTo>
                    <a:pt x="4370" y="877"/>
                    <a:pt x="4364" y="888"/>
                    <a:pt x="4358" y="908"/>
                  </a:cubicBezTo>
                  <a:cubicBezTo>
                    <a:pt x="4353" y="928"/>
                    <a:pt x="4350" y="948"/>
                    <a:pt x="4349" y="960"/>
                  </a:cubicBezTo>
                  <a:cubicBezTo>
                    <a:pt x="4348" y="972"/>
                    <a:pt x="4343" y="982"/>
                    <a:pt x="4353" y="1001"/>
                  </a:cubicBezTo>
                  <a:cubicBezTo>
                    <a:pt x="4363" y="1020"/>
                    <a:pt x="4368" y="1029"/>
                    <a:pt x="4365" y="1040"/>
                  </a:cubicBezTo>
                  <a:cubicBezTo>
                    <a:pt x="4362" y="1051"/>
                    <a:pt x="4360" y="1064"/>
                    <a:pt x="4349" y="1054"/>
                  </a:cubicBezTo>
                  <a:cubicBezTo>
                    <a:pt x="4338" y="1044"/>
                    <a:pt x="4318" y="1026"/>
                    <a:pt x="4318" y="1004"/>
                  </a:cubicBezTo>
                  <a:cubicBezTo>
                    <a:pt x="4317" y="982"/>
                    <a:pt x="4303" y="978"/>
                    <a:pt x="4292" y="999"/>
                  </a:cubicBezTo>
                  <a:cubicBezTo>
                    <a:pt x="4280" y="1020"/>
                    <a:pt x="4271" y="1027"/>
                    <a:pt x="4262" y="1049"/>
                  </a:cubicBezTo>
                  <a:cubicBezTo>
                    <a:pt x="4254" y="1070"/>
                    <a:pt x="4245" y="1094"/>
                    <a:pt x="4232" y="1100"/>
                  </a:cubicBezTo>
                  <a:cubicBezTo>
                    <a:pt x="4218" y="1107"/>
                    <a:pt x="4203" y="1113"/>
                    <a:pt x="4196" y="1125"/>
                  </a:cubicBezTo>
                  <a:cubicBezTo>
                    <a:pt x="4190" y="1137"/>
                    <a:pt x="4177" y="1159"/>
                    <a:pt x="4167" y="1171"/>
                  </a:cubicBezTo>
                  <a:cubicBezTo>
                    <a:pt x="4156" y="1182"/>
                    <a:pt x="4146" y="1191"/>
                    <a:pt x="4127" y="1206"/>
                  </a:cubicBezTo>
                  <a:cubicBezTo>
                    <a:pt x="4109" y="1222"/>
                    <a:pt x="4099" y="1223"/>
                    <a:pt x="4102" y="1240"/>
                  </a:cubicBezTo>
                  <a:cubicBezTo>
                    <a:pt x="4104" y="1257"/>
                    <a:pt x="4117" y="1269"/>
                    <a:pt x="4106" y="1281"/>
                  </a:cubicBezTo>
                  <a:cubicBezTo>
                    <a:pt x="4094" y="1294"/>
                    <a:pt x="4098" y="1301"/>
                    <a:pt x="4108" y="1313"/>
                  </a:cubicBezTo>
                  <a:cubicBezTo>
                    <a:pt x="4118" y="1324"/>
                    <a:pt x="4115" y="1332"/>
                    <a:pt x="4140" y="1332"/>
                  </a:cubicBezTo>
                  <a:cubicBezTo>
                    <a:pt x="4165" y="1332"/>
                    <a:pt x="4158" y="1336"/>
                    <a:pt x="4169" y="1352"/>
                  </a:cubicBezTo>
                  <a:cubicBezTo>
                    <a:pt x="4179" y="1368"/>
                    <a:pt x="4181" y="1369"/>
                    <a:pt x="4192" y="1377"/>
                  </a:cubicBezTo>
                  <a:cubicBezTo>
                    <a:pt x="4202" y="1385"/>
                    <a:pt x="4195" y="1380"/>
                    <a:pt x="4212" y="1379"/>
                  </a:cubicBezTo>
                  <a:cubicBezTo>
                    <a:pt x="4229" y="1378"/>
                    <a:pt x="4236" y="1381"/>
                    <a:pt x="4249" y="1371"/>
                  </a:cubicBezTo>
                  <a:cubicBezTo>
                    <a:pt x="4262" y="1362"/>
                    <a:pt x="4284" y="1358"/>
                    <a:pt x="4280" y="1380"/>
                  </a:cubicBezTo>
                  <a:cubicBezTo>
                    <a:pt x="4276" y="1402"/>
                    <a:pt x="4272" y="1415"/>
                    <a:pt x="4256" y="1424"/>
                  </a:cubicBezTo>
                  <a:cubicBezTo>
                    <a:pt x="4240" y="1433"/>
                    <a:pt x="4232" y="1431"/>
                    <a:pt x="4224" y="1426"/>
                  </a:cubicBezTo>
                  <a:cubicBezTo>
                    <a:pt x="4216" y="1422"/>
                    <a:pt x="4199" y="1417"/>
                    <a:pt x="4197" y="1434"/>
                  </a:cubicBezTo>
                  <a:cubicBezTo>
                    <a:pt x="4195" y="1452"/>
                    <a:pt x="4195" y="1475"/>
                    <a:pt x="4206" y="1481"/>
                  </a:cubicBezTo>
                  <a:cubicBezTo>
                    <a:pt x="4217" y="1487"/>
                    <a:pt x="4231" y="1488"/>
                    <a:pt x="4236" y="1502"/>
                  </a:cubicBezTo>
                  <a:cubicBezTo>
                    <a:pt x="4241" y="1516"/>
                    <a:pt x="4240" y="1526"/>
                    <a:pt x="4236" y="1538"/>
                  </a:cubicBezTo>
                  <a:cubicBezTo>
                    <a:pt x="4231" y="1550"/>
                    <a:pt x="4226" y="1569"/>
                    <a:pt x="4220" y="1584"/>
                  </a:cubicBezTo>
                  <a:cubicBezTo>
                    <a:pt x="4213" y="1599"/>
                    <a:pt x="4200" y="1611"/>
                    <a:pt x="4183" y="1606"/>
                  </a:cubicBezTo>
                  <a:cubicBezTo>
                    <a:pt x="4166" y="1600"/>
                    <a:pt x="4150" y="1579"/>
                    <a:pt x="4138" y="1585"/>
                  </a:cubicBezTo>
                  <a:cubicBezTo>
                    <a:pt x="4125" y="1590"/>
                    <a:pt x="4111" y="1598"/>
                    <a:pt x="4099" y="1608"/>
                  </a:cubicBezTo>
                  <a:cubicBezTo>
                    <a:pt x="4088" y="1618"/>
                    <a:pt x="4068" y="1622"/>
                    <a:pt x="4053" y="1622"/>
                  </a:cubicBezTo>
                  <a:cubicBezTo>
                    <a:pt x="4038" y="1622"/>
                    <a:pt x="4017" y="1617"/>
                    <a:pt x="4024" y="1636"/>
                  </a:cubicBezTo>
                  <a:cubicBezTo>
                    <a:pt x="4031" y="1655"/>
                    <a:pt x="4042" y="1657"/>
                    <a:pt x="4058" y="1668"/>
                  </a:cubicBezTo>
                  <a:cubicBezTo>
                    <a:pt x="4074" y="1680"/>
                    <a:pt x="4076" y="1694"/>
                    <a:pt x="4084" y="1702"/>
                  </a:cubicBezTo>
                  <a:cubicBezTo>
                    <a:pt x="4093" y="1709"/>
                    <a:pt x="4095" y="1706"/>
                    <a:pt x="4110" y="1705"/>
                  </a:cubicBezTo>
                  <a:cubicBezTo>
                    <a:pt x="4126" y="1705"/>
                    <a:pt x="4133" y="1721"/>
                    <a:pt x="4134" y="1732"/>
                  </a:cubicBezTo>
                  <a:cubicBezTo>
                    <a:pt x="4135" y="1742"/>
                    <a:pt x="4123" y="1748"/>
                    <a:pt x="4116" y="1760"/>
                  </a:cubicBezTo>
                  <a:cubicBezTo>
                    <a:pt x="4110" y="1772"/>
                    <a:pt x="4116" y="1797"/>
                    <a:pt x="4119" y="1805"/>
                  </a:cubicBezTo>
                  <a:cubicBezTo>
                    <a:pt x="4122" y="1814"/>
                    <a:pt x="4114" y="1851"/>
                    <a:pt x="4129" y="1863"/>
                  </a:cubicBezTo>
                  <a:cubicBezTo>
                    <a:pt x="4143" y="1875"/>
                    <a:pt x="4159" y="1885"/>
                    <a:pt x="4162" y="1896"/>
                  </a:cubicBezTo>
                  <a:cubicBezTo>
                    <a:pt x="4166" y="1907"/>
                    <a:pt x="4146" y="1921"/>
                    <a:pt x="4162" y="1928"/>
                  </a:cubicBezTo>
                  <a:cubicBezTo>
                    <a:pt x="4178" y="1935"/>
                    <a:pt x="4188" y="1937"/>
                    <a:pt x="4200" y="1931"/>
                  </a:cubicBezTo>
                  <a:cubicBezTo>
                    <a:pt x="4212" y="1926"/>
                    <a:pt x="4243" y="1906"/>
                    <a:pt x="4258" y="1886"/>
                  </a:cubicBezTo>
                  <a:cubicBezTo>
                    <a:pt x="4273" y="1867"/>
                    <a:pt x="4285" y="1860"/>
                    <a:pt x="4286" y="1883"/>
                  </a:cubicBezTo>
                  <a:cubicBezTo>
                    <a:pt x="4287" y="1905"/>
                    <a:pt x="4286" y="1908"/>
                    <a:pt x="4298" y="1917"/>
                  </a:cubicBezTo>
                  <a:cubicBezTo>
                    <a:pt x="4310" y="1927"/>
                    <a:pt x="4336" y="1922"/>
                    <a:pt x="4339" y="1949"/>
                  </a:cubicBezTo>
                  <a:cubicBezTo>
                    <a:pt x="4342" y="1976"/>
                    <a:pt x="4351" y="1987"/>
                    <a:pt x="4360" y="2002"/>
                  </a:cubicBezTo>
                  <a:cubicBezTo>
                    <a:pt x="4368" y="2018"/>
                    <a:pt x="4373" y="2022"/>
                    <a:pt x="4376" y="2035"/>
                  </a:cubicBezTo>
                  <a:cubicBezTo>
                    <a:pt x="4378" y="2047"/>
                    <a:pt x="4371" y="2073"/>
                    <a:pt x="4388" y="2082"/>
                  </a:cubicBezTo>
                  <a:cubicBezTo>
                    <a:pt x="4406" y="2092"/>
                    <a:pt x="4430" y="2098"/>
                    <a:pt x="4428" y="2122"/>
                  </a:cubicBezTo>
                  <a:cubicBezTo>
                    <a:pt x="4427" y="2147"/>
                    <a:pt x="4433" y="2165"/>
                    <a:pt x="4409" y="2172"/>
                  </a:cubicBezTo>
                  <a:cubicBezTo>
                    <a:pt x="4385" y="2179"/>
                    <a:pt x="4376" y="2182"/>
                    <a:pt x="4365" y="2206"/>
                  </a:cubicBezTo>
                  <a:cubicBezTo>
                    <a:pt x="4354" y="2231"/>
                    <a:pt x="4338" y="2249"/>
                    <a:pt x="4329" y="2252"/>
                  </a:cubicBezTo>
                  <a:cubicBezTo>
                    <a:pt x="4320" y="2256"/>
                    <a:pt x="4297" y="2263"/>
                    <a:pt x="4283" y="2251"/>
                  </a:cubicBezTo>
                  <a:cubicBezTo>
                    <a:pt x="4268" y="2240"/>
                    <a:pt x="4242" y="2234"/>
                    <a:pt x="4236" y="2242"/>
                  </a:cubicBezTo>
                  <a:cubicBezTo>
                    <a:pt x="4231" y="2249"/>
                    <a:pt x="4229" y="2250"/>
                    <a:pt x="4237" y="2262"/>
                  </a:cubicBezTo>
                  <a:cubicBezTo>
                    <a:pt x="4244" y="2275"/>
                    <a:pt x="4252" y="2281"/>
                    <a:pt x="4242" y="2293"/>
                  </a:cubicBezTo>
                  <a:cubicBezTo>
                    <a:pt x="4233" y="2305"/>
                    <a:pt x="4222" y="2302"/>
                    <a:pt x="4215" y="2288"/>
                  </a:cubicBezTo>
                  <a:cubicBezTo>
                    <a:pt x="4208" y="2273"/>
                    <a:pt x="4195" y="2277"/>
                    <a:pt x="4184" y="2293"/>
                  </a:cubicBezTo>
                  <a:cubicBezTo>
                    <a:pt x="4173" y="2310"/>
                    <a:pt x="4183" y="2321"/>
                    <a:pt x="4163" y="2333"/>
                  </a:cubicBezTo>
                  <a:cubicBezTo>
                    <a:pt x="4143" y="2346"/>
                    <a:pt x="4139" y="2357"/>
                    <a:pt x="4125" y="2350"/>
                  </a:cubicBezTo>
                  <a:cubicBezTo>
                    <a:pt x="4111" y="2343"/>
                    <a:pt x="4109" y="2346"/>
                    <a:pt x="4096" y="2358"/>
                  </a:cubicBezTo>
                  <a:cubicBezTo>
                    <a:pt x="4083" y="2370"/>
                    <a:pt x="4063" y="2394"/>
                    <a:pt x="4057" y="2402"/>
                  </a:cubicBezTo>
                  <a:cubicBezTo>
                    <a:pt x="4050" y="2411"/>
                    <a:pt x="4038" y="2431"/>
                    <a:pt x="4028" y="2417"/>
                  </a:cubicBezTo>
                  <a:cubicBezTo>
                    <a:pt x="4018" y="2404"/>
                    <a:pt x="3996" y="2398"/>
                    <a:pt x="3988" y="2413"/>
                  </a:cubicBezTo>
                  <a:cubicBezTo>
                    <a:pt x="3979" y="2427"/>
                    <a:pt x="3973" y="2438"/>
                    <a:pt x="3961" y="2450"/>
                  </a:cubicBezTo>
                  <a:cubicBezTo>
                    <a:pt x="3949" y="2461"/>
                    <a:pt x="3929" y="2467"/>
                    <a:pt x="3933" y="2476"/>
                  </a:cubicBezTo>
                  <a:cubicBezTo>
                    <a:pt x="3937" y="2486"/>
                    <a:pt x="3928" y="2494"/>
                    <a:pt x="3919" y="2501"/>
                  </a:cubicBezTo>
                  <a:cubicBezTo>
                    <a:pt x="3909" y="2508"/>
                    <a:pt x="3908" y="2526"/>
                    <a:pt x="3887" y="2524"/>
                  </a:cubicBezTo>
                  <a:cubicBezTo>
                    <a:pt x="3866" y="2522"/>
                    <a:pt x="3866" y="2516"/>
                    <a:pt x="3852" y="2495"/>
                  </a:cubicBezTo>
                  <a:cubicBezTo>
                    <a:pt x="3839" y="2474"/>
                    <a:pt x="3840" y="2456"/>
                    <a:pt x="3828" y="2461"/>
                  </a:cubicBezTo>
                  <a:cubicBezTo>
                    <a:pt x="3815" y="2466"/>
                    <a:pt x="3800" y="2467"/>
                    <a:pt x="3793" y="2448"/>
                  </a:cubicBezTo>
                  <a:cubicBezTo>
                    <a:pt x="3785" y="2428"/>
                    <a:pt x="3773" y="2424"/>
                    <a:pt x="3762" y="2435"/>
                  </a:cubicBezTo>
                  <a:cubicBezTo>
                    <a:pt x="3751" y="2447"/>
                    <a:pt x="3732" y="2448"/>
                    <a:pt x="3744" y="2471"/>
                  </a:cubicBezTo>
                  <a:cubicBezTo>
                    <a:pt x="3755" y="2495"/>
                    <a:pt x="3764" y="2499"/>
                    <a:pt x="3755" y="2517"/>
                  </a:cubicBezTo>
                  <a:cubicBezTo>
                    <a:pt x="3746" y="2534"/>
                    <a:pt x="3749" y="2535"/>
                    <a:pt x="3757" y="2553"/>
                  </a:cubicBezTo>
                  <a:cubicBezTo>
                    <a:pt x="3766" y="2572"/>
                    <a:pt x="3777" y="2585"/>
                    <a:pt x="3784" y="2605"/>
                  </a:cubicBezTo>
                  <a:cubicBezTo>
                    <a:pt x="3792" y="2626"/>
                    <a:pt x="3794" y="2638"/>
                    <a:pt x="3787" y="2655"/>
                  </a:cubicBezTo>
                  <a:cubicBezTo>
                    <a:pt x="3780" y="2672"/>
                    <a:pt x="3778" y="2681"/>
                    <a:pt x="3756" y="2685"/>
                  </a:cubicBezTo>
                  <a:cubicBezTo>
                    <a:pt x="3734" y="2688"/>
                    <a:pt x="3690" y="2692"/>
                    <a:pt x="3673" y="2693"/>
                  </a:cubicBezTo>
                  <a:cubicBezTo>
                    <a:pt x="3656" y="2695"/>
                    <a:pt x="3631" y="2711"/>
                    <a:pt x="3617" y="2674"/>
                  </a:cubicBezTo>
                  <a:cubicBezTo>
                    <a:pt x="3602" y="2637"/>
                    <a:pt x="3609" y="2649"/>
                    <a:pt x="3592" y="2634"/>
                  </a:cubicBezTo>
                  <a:cubicBezTo>
                    <a:pt x="3575" y="2619"/>
                    <a:pt x="3565" y="2622"/>
                    <a:pt x="3573" y="2602"/>
                  </a:cubicBezTo>
                  <a:cubicBezTo>
                    <a:pt x="3580" y="2582"/>
                    <a:pt x="3585" y="2556"/>
                    <a:pt x="3572" y="2543"/>
                  </a:cubicBezTo>
                  <a:cubicBezTo>
                    <a:pt x="3559" y="2530"/>
                    <a:pt x="3515" y="2505"/>
                    <a:pt x="3510" y="2484"/>
                  </a:cubicBezTo>
                  <a:cubicBezTo>
                    <a:pt x="3505" y="2464"/>
                    <a:pt x="3491" y="2441"/>
                    <a:pt x="3471" y="2435"/>
                  </a:cubicBezTo>
                  <a:cubicBezTo>
                    <a:pt x="3451" y="2429"/>
                    <a:pt x="3436" y="2439"/>
                    <a:pt x="3428" y="2456"/>
                  </a:cubicBezTo>
                  <a:cubicBezTo>
                    <a:pt x="3420" y="2472"/>
                    <a:pt x="3407" y="2473"/>
                    <a:pt x="3391" y="2476"/>
                  </a:cubicBezTo>
                  <a:cubicBezTo>
                    <a:pt x="3374" y="2478"/>
                    <a:pt x="3351" y="2478"/>
                    <a:pt x="3348" y="2497"/>
                  </a:cubicBezTo>
                  <a:cubicBezTo>
                    <a:pt x="3345" y="2517"/>
                    <a:pt x="3357" y="2522"/>
                    <a:pt x="3354" y="2541"/>
                  </a:cubicBezTo>
                  <a:cubicBezTo>
                    <a:pt x="3352" y="2560"/>
                    <a:pt x="3356" y="2575"/>
                    <a:pt x="3356" y="2585"/>
                  </a:cubicBezTo>
                  <a:cubicBezTo>
                    <a:pt x="3356" y="2594"/>
                    <a:pt x="3356" y="2604"/>
                    <a:pt x="3336" y="2603"/>
                  </a:cubicBezTo>
                  <a:cubicBezTo>
                    <a:pt x="3315" y="2601"/>
                    <a:pt x="3309" y="2597"/>
                    <a:pt x="3294" y="2591"/>
                  </a:cubicBezTo>
                  <a:cubicBezTo>
                    <a:pt x="3279" y="2585"/>
                    <a:pt x="3270" y="2589"/>
                    <a:pt x="3260" y="2605"/>
                  </a:cubicBezTo>
                  <a:cubicBezTo>
                    <a:pt x="3251" y="2620"/>
                    <a:pt x="3229" y="2627"/>
                    <a:pt x="3217" y="2622"/>
                  </a:cubicBezTo>
                  <a:cubicBezTo>
                    <a:pt x="3205" y="2616"/>
                    <a:pt x="3182" y="2612"/>
                    <a:pt x="3168" y="2629"/>
                  </a:cubicBezTo>
                  <a:cubicBezTo>
                    <a:pt x="3154" y="2646"/>
                    <a:pt x="3127" y="2685"/>
                    <a:pt x="3109" y="2696"/>
                  </a:cubicBezTo>
                  <a:cubicBezTo>
                    <a:pt x="3091" y="2707"/>
                    <a:pt x="3068" y="2717"/>
                    <a:pt x="3059" y="2713"/>
                  </a:cubicBezTo>
                  <a:cubicBezTo>
                    <a:pt x="3049" y="2709"/>
                    <a:pt x="3037" y="2698"/>
                    <a:pt x="3040" y="2672"/>
                  </a:cubicBezTo>
                  <a:cubicBezTo>
                    <a:pt x="3043" y="2646"/>
                    <a:pt x="3052" y="2635"/>
                    <a:pt x="3044" y="2624"/>
                  </a:cubicBezTo>
                  <a:cubicBezTo>
                    <a:pt x="3037" y="2612"/>
                    <a:pt x="3029" y="2583"/>
                    <a:pt x="3000" y="2589"/>
                  </a:cubicBezTo>
                  <a:cubicBezTo>
                    <a:pt x="2972" y="2595"/>
                    <a:pt x="2978" y="2601"/>
                    <a:pt x="2977" y="2612"/>
                  </a:cubicBezTo>
                  <a:cubicBezTo>
                    <a:pt x="2975" y="2622"/>
                    <a:pt x="2972" y="2622"/>
                    <a:pt x="2958" y="2633"/>
                  </a:cubicBezTo>
                  <a:cubicBezTo>
                    <a:pt x="2944" y="2643"/>
                    <a:pt x="2940" y="2652"/>
                    <a:pt x="2940" y="2667"/>
                  </a:cubicBezTo>
                  <a:cubicBezTo>
                    <a:pt x="2941" y="2681"/>
                    <a:pt x="2936" y="2718"/>
                    <a:pt x="2923" y="2730"/>
                  </a:cubicBezTo>
                  <a:cubicBezTo>
                    <a:pt x="2910" y="2743"/>
                    <a:pt x="2894" y="2770"/>
                    <a:pt x="2900" y="2780"/>
                  </a:cubicBezTo>
                  <a:cubicBezTo>
                    <a:pt x="2906" y="2789"/>
                    <a:pt x="2910" y="2797"/>
                    <a:pt x="2902" y="2807"/>
                  </a:cubicBezTo>
                  <a:cubicBezTo>
                    <a:pt x="2894" y="2816"/>
                    <a:pt x="2895" y="2836"/>
                    <a:pt x="2905" y="2838"/>
                  </a:cubicBezTo>
                  <a:cubicBezTo>
                    <a:pt x="2914" y="2840"/>
                    <a:pt x="2929" y="2822"/>
                    <a:pt x="2934" y="2849"/>
                  </a:cubicBezTo>
                  <a:cubicBezTo>
                    <a:pt x="2938" y="2877"/>
                    <a:pt x="2942" y="2891"/>
                    <a:pt x="2939" y="2900"/>
                  </a:cubicBezTo>
                  <a:cubicBezTo>
                    <a:pt x="2936" y="2909"/>
                    <a:pt x="2924" y="2909"/>
                    <a:pt x="2930" y="2921"/>
                  </a:cubicBezTo>
                  <a:cubicBezTo>
                    <a:pt x="2936" y="2933"/>
                    <a:pt x="2939" y="2937"/>
                    <a:pt x="2929" y="2946"/>
                  </a:cubicBezTo>
                  <a:cubicBezTo>
                    <a:pt x="2920" y="2955"/>
                    <a:pt x="2894" y="2960"/>
                    <a:pt x="2882" y="2973"/>
                  </a:cubicBezTo>
                  <a:cubicBezTo>
                    <a:pt x="2870" y="2986"/>
                    <a:pt x="2861" y="2998"/>
                    <a:pt x="2841" y="3000"/>
                  </a:cubicBezTo>
                  <a:cubicBezTo>
                    <a:pt x="2820" y="3002"/>
                    <a:pt x="2814" y="3001"/>
                    <a:pt x="2803" y="2992"/>
                  </a:cubicBezTo>
                  <a:cubicBezTo>
                    <a:pt x="2793" y="2983"/>
                    <a:pt x="2781" y="2987"/>
                    <a:pt x="2771" y="2994"/>
                  </a:cubicBezTo>
                  <a:cubicBezTo>
                    <a:pt x="2761" y="3002"/>
                    <a:pt x="2756" y="3009"/>
                    <a:pt x="2744" y="3022"/>
                  </a:cubicBezTo>
                  <a:cubicBezTo>
                    <a:pt x="2731" y="3036"/>
                    <a:pt x="2738" y="3044"/>
                    <a:pt x="2712" y="3042"/>
                  </a:cubicBezTo>
                  <a:cubicBezTo>
                    <a:pt x="2685" y="3040"/>
                    <a:pt x="2675" y="3021"/>
                    <a:pt x="2661" y="3033"/>
                  </a:cubicBezTo>
                  <a:cubicBezTo>
                    <a:pt x="2646" y="3046"/>
                    <a:pt x="2626" y="3063"/>
                    <a:pt x="2624" y="3075"/>
                  </a:cubicBezTo>
                  <a:cubicBezTo>
                    <a:pt x="2621" y="3088"/>
                    <a:pt x="2596" y="3132"/>
                    <a:pt x="2584" y="3147"/>
                  </a:cubicBezTo>
                  <a:cubicBezTo>
                    <a:pt x="2573" y="3162"/>
                    <a:pt x="2570" y="3181"/>
                    <a:pt x="2554" y="3178"/>
                  </a:cubicBezTo>
                  <a:cubicBezTo>
                    <a:pt x="2538" y="3175"/>
                    <a:pt x="2533" y="3173"/>
                    <a:pt x="2526" y="3185"/>
                  </a:cubicBezTo>
                  <a:cubicBezTo>
                    <a:pt x="2520" y="3197"/>
                    <a:pt x="2486" y="3210"/>
                    <a:pt x="2480" y="3196"/>
                  </a:cubicBezTo>
                  <a:cubicBezTo>
                    <a:pt x="2474" y="3182"/>
                    <a:pt x="2467" y="3173"/>
                    <a:pt x="2455" y="3184"/>
                  </a:cubicBezTo>
                  <a:cubicBezTo>
                    <a:pt x="2443" y="3196"/>
                    <a:pt x="2425" y="3211"/>
                    <a:pt x="2414" y="3224"/>
                  </a:cubicBezTo>
                  <a:cubicBezTo>
                    <a:pt x="2403" y="3237"/>
                    <a:pt x="2401" y="3246"/>
                    <a:pt x="2389" y="3251"/>
                  </a:cubicBezTo>
                  <a:cubicBezTo>
                    <a:pt x="2377" y="3255"/>
                    <a:pt x="2370" y="3252"/>
                    <a:pt x="2365" y="3242"/>
                  </a:cubicBezTo>
                  <a:cubicBezTo>
                    <a:pt x="2360" y="3231"/>
                    <a:pt x="2353" y="3225"/>
                    <a:pt x="2343" y="3233"/>
                  </a:cubicBezTo>
                  <a:cubicBezTo>
                    <a:pt x="2334" y="3240"/>
                    <a:pt x="2318" y="3241"/>
                    <a:pt x="2311" y="3244"/>
                  </a:cubicBezTo>
                  <a:cubicBezTo>
                    <a:pt x="2303" y="3246"/>
                    <a:pt x="2288" y="3264"/>
                    <a:pt x="2283" y="3270"/>
                  </a:cubicBezTo>
                  <a:cubicBezTo>
                    <a:pt x="2277" y="3276"/>
                    <a:pt x="2276" y="3285"/>
                    <a:pt x="2258" y="3289"/>
                  </a:cubicBezTo>
                  <a:cubicBezTo>
                    <a:pt x="2239" y="3293"/>
                    <a:pt x="2238" y="3291"/>
                    <a:pt x="2233" y="3306"/>
                  </a:cubicBezTo>
                  <a:cubicBezTo>
                    <a:pt x="2227" y="3321"/>
                    <a:pt x="2219" y="3342"/>
                    <a:pt x="2225" y="3353"/>
                  </a:cubicBezTo>
                  <a:cubicBezTo>
                    <a:pt x="2231" y="3365"/>
                    <a:pt x="2243" y="3377"/>
                    <a:pt x="2240" y="3389"/>
                  </a:cubicBezTo>
                  <a:cubicBezTo>
                    <a:pt x="2237" y="3400"/>
                    <a:pt x="2245" y="3408"/>
                    <a:pt x="2223" y="3408"/>
                  </a:cubicBezTo>
                  <a:cubicBezTo>
                    <a:pt x="2202" y="3407"/>
                    <a:pt x="2192" y="3405"/>
                    <a:pt x="2185" y="3421"/>
                  </a:cubicBezTo>
                  <a:cubicBezTo>
                    <a:pt x="2178" y="3436"/>
                    <a:pt x="2160" y="3460"/>
                    <a:pt x="2147" y="3475"/>
                  </a:cubicBezTo>
                  <a:cubicBezTo>
                    <a:pt x="2133" y="3489"/>
                    <a:pt x="2117" y="3509"/>
                    <a:pt x="2109" y="3515"/>
                  </a:cubicBezTo>
                  <a:cubicBezTo>
                    <a:pt x="2101" y="3520"/>
                    <a:pt x="2078" y="3526"/>
                    <a:pt x="2070" y="3543"/>
                  </a:cubicBezTo>
                  <a:cubicBezTo>
                    <a:pt x="2062" y="3561"/>
                    <a:pt x="2054" y="3569"/>
                    <a:pt x="2054" y="3584"/>
                  </a:cubicBezTo>
                  <a:cubicBezTo>
                    <a:pt x="2054" y="3598"/>
                    <a:pt x="2058" y="3602"/>
                    <a:pt x="2040" y="3618"/>
                  </a:cubicBezTo>
                  <a:cubicBezTo>
                    <a:pt x="2022" y="3634"/>
                    <a:pt x="2025" y="3637"/>
                    <a:pt x="2005" y="3636"/>
                  </a:cubicBezTo>
                  <a:cubicBezTo>
                    <a:pt x="1985" y="3634"/>
                    <a:pt x="1989" y="3636"/>
                    <a:pt x="1984" y="3618"/>
                  </a:cubicBezTo>
                  <a:cubicBezTo>
                    <a:pt x="1980" y="3600"/>
                    <a:pt x="1970" y="3592"/>
                    <a:pt x="1959" y="3602"/>
                  </a:cubicBezTo>
                  <a:cubicBezTo>
                    <a:pt x="1948" y="3611"/>
                    <a:pt x="1941" y="3623"/>
                    <a:pt x="1926" y="3622"/>
                  </a:cubicBezTo>
                  <a:cubicBezTo>
                    <a:pt x="1911" y="3622"/>
                    <a:pt x="1884" y="3627"/>
                    <a:pt x="1869" y="3603"/>
                  </a:cubicBezTo>
                  <a:cubicBezTo>
                    <a:pt x="1854" y="3578"/>
                    <a:pt x="1856" y="3576"/>
                    <a:pt x="1842" y="3573"/>
                  </a:cubicBezTo>
                  <a:cubicBezTo>
                    <a:pt x="1827" y="3570"/>
                    <a:pt x="1822" y="3559"/>
                    <a:pt x="1817" y="3547"/>
                  </a:cubicBezTo>
                  <a:cubicBezTo>
                    <a:pt x="1813" y="3535"/>
                    <a:pt x="1801" y="3531"/>
                    <a:pt x="1786" y="3531"/>
                  </a:cubicBezTo>
                  <a:cubicBezTo>
                    <a:pt x="1771" y="3531"/>
                    <a:pt x="1716" y="3525"/>
                    <a:pt x="1704" y="3515"/>
                  </a:cubicBezTo>
                  <a:cubicBezTo>
                    <a:pt x="1691" y="3505"/>
                    <a:pt x="1682" y="3506"/>
                    <a:pt x="1696" y="3486"/>
                  </a:cubicBezTo>
                  <a:cubicBezTo>
                    <a:pt x="1710" y="3467"/>
                    <a:pt x="1708" y="3465"/>
                    <a:pt x="1720" y="3442"/>
                  </a:cubicBezTo>
                  <a:cubicBezTo>
                    <a:pt x="1731" y="3420"/>
                    <a:pt x="1735" y="3400"/>
                    <a:pt x="1747" y="3387"/>
                  </a:cubicBezTo>
                  <a:cubicBezTo>
                    <a:pt x="1760" y="3373"/>
                    <a:pt x="1781" y="3346"/>
                    <a:pt x="1763" y="3330"/>
                  </a:cubicBezTo>
                  <a:cubicBezTo>
                    <a:pt x="1745" y="3313"/>
                    <a:pt x="1743" y="3315"/>
                    <a:pt x="1743" y="3300"/>
                  </a:cubicBezTo>
                  <a:cubicBezTo>
                    <a:pt x="1743" y="3285"/>
                    <a:pt x="1735" y="3276"/>
                    <a:pt x="1715" y="3269"/>
                  </a:cubicBezTo>
                  <a:cubicBezTo>
                    <a:pt x="1694" y="3263"/>
                    <a:pt x="1701" y="3273"/>
                    <a:pt x="1680" y="3283"/>
                  </a:cubicBezTo>
                  <a:cubicBezTo>
                    <a:pt x="1659" y="3293"/>
                    <a:pt x="1663" y="3291"/>
                    <a:pt x="1651" y="3294"/>
                  </a:cubicBezTo>
                  <a:cubicBezTo>
                    <a:pt x="1639" y="3297"/>
                    <a:pt x="1637" y="3300"/>
                    <a:pt x="1633" y="3313"/>
                  </a:cubicBezTo>
                  <a:cubicBezTo>
                    <a:pt x="1628" y="3327"/>
                    <a:pt x="1638" y="3328"/>
                    <a:pt x="1622" y="3325"/>
                  </a:cubicBezTo>
                  <a:cubicBezTo>
                    <a:pt x="1606" y="3321"/>
                    <a:pt x="1594" y="3330"/>
                    <a:pt x="1598" y="3342"/>
                  </a:cubicBezTo>
                  <a:cubicBezTo>
                    <a:pt x="1603" y="3355"/>
                    <a:pt x="1612" y="3348"/>
                    <a:pt x="1601" y="3368"/>
                  </a:cubicBezTo>
                  <a:cubicBezTo>
                    <a:pt x="1590" y="3389"/>
                    <a:pt x="1575" y="3398"/>
                    <a:pt x="1573" y="3409"/>
                  </a:cubicBezTo>
                  <a:cubicBezTo>
                    <a:pt x="1571" y="3420"/>
                    <a:pt x="1565" y="3430"/>
                    <a:pt x="1562" y="3445"/>
                  </a:cubicBezTo>
                  <a:cubicBezTo>
                    <a:pt x="1558" y="3461"/>
                    <a:pt x="1562" y="3485"/>
                    <a:pt x="1564" y="3501"/>
                  </a:cubicBezTo>
                  <a:cubicBezTo>
                    <a:pt x="1566" y="3517"/>
                    <a:pt x="1560" y="3528"/>
                    <a:pt x="1567" y="3558"/>
                  </a:cubicBezTo>
                  <a:cubicBezTo>
                    <a:pt x="1574" y="3587"/>
                    <a:pt x="1579" y="3602"/>
                    <a:pt x="1568" y="3614"/>
                  </a:cubicBezTo>
                  <a:cubicBezTo>
                    <a:pt x="1558" y="3626"/>
                    <a:pt x="1560" y="3638"/>
                    <a:pt x="1542" y="3636"/>
                  </a:cubicBezTo>
                  <a:cubicBezTo>
                    <a:pt x="1525" y="3633"/>
                    <a:pt x="1507" y="3612"/>
                    <a:pt x="1494" y="3623"/>
                  </a:cubicBezTo>
                  <a:cubicBezTo>
                    <a:pt x="1481" y="3633"/>
                    <a:pt x="1467" y="3635"/>
                    <a:pt x="1450" y="3653"/>
                  </a:cubicBezTo>
                  <a:cubicBezTo>
                    <a:pt x="1432" y="3671"/>
                    <a:pt x="1424" y="3678"/>
                    <a:pt x="1409" y="3675"/>
                  </a:cubicBezTo>
                  <a:cubicBezTo>
                    <a:pt x="1394" y="3672"/>
                    <a:pt x="1398" y="3680"/>
                    <a:pt x="1385" y="3682"/>
                  </a:cubicBezTo>
                  <a:cubicBezTo>
                    <a:pt x="1372" y="3685"/>
                    <a:pt x="1368" y="3682"/>
                    <a:pt x="1362" y="3674"/>
                  </a:cubicBezTo>
                  <a:cubicBezTo>
                    <a:pt x="1356" y="3666"/>
                    <a:pt x="1335" y="3676"/>
                    <a:pt x="1326" y="3683"/>
                  </a:cubicBezTo>
                  <a:cubicBezTo>
                    <a:pt x="1316" y="3690"/>
                    <a:pt x="1305" y="3704"/>
                    <a:pt x="1294" y="3723"/>
                  </a:cubicBezTo>
                  <a:cubicBezTo>
                    <a:pt x="1284" y="3743"/>
                    <a:pt x="934" y="3556"/>
                    <a:pt x="934" y="3556"/>
                  </a:cubicBezTo>
                  <a:cubicBezTo>
                    <a:pt x="480" y="3211"/>
                    <a:pt x="480" y="3211"/>
                    <a:pt x="480" y="3211"/>
                  </a:cubicBezTo>
                  <a:cubicBezTo>
                    <a:pt x="0" y="2851"/>
                    <a:pt x="0" y="2851"/>
                    <a:pt x="0" y="2851"/>
                  </a:cubicBezTo>
                  <a:cubicBezTo>
                    <a:pt x="92" y="2633"/>
                    <a:pt x="92" y="2633"/>
                    <a:pt x="92" y="2633"/>
                  </a:cubicBezTo>
                  <a:cubicBezTo>
                    <a:pt x="200" y="2550"/>
                    <a:pt x="200" y="2550"/>
                    <a:pt x="200" y="2550"/>
                  </a:cubicBezTo>
                  <a:cubicBezTo>
                    <a:pt x="211" y="2532"/>
                    <a:pt x="211" y="2532"/>
                    <a:pt x="211" y="2532"/>
                  </a:cubicBezTo>
                  <a:lnTo>
                    <a:pt x="215" y="2531"/>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29" name="Freeform 28"/>
            <p:cNvSpPr>
              <a:spLocks noChangeArrowheads="1"/>
            </p:cNvSpPr>
            <p:nvPr/>
          </p:nvSpPr>
          <p:spPr bwMode="auto">
            <a:xfrm>
              <a:off x="2028744" y="3776037"/>
              <a:ext cx="767986" cy="797033"/>
            </a:xfrm>
            <a:custGeom>
              <a:gdLst>
                <a:gd fmla="*/ 170 w 1725" name="T0"/>
                <a:gd fmla="*/ 335 h 1790" name="T1"/>
                <a:gd fmla="*/ 257 w 1725" name="T2"/>
                <a:gd fmla="*/ 398 h 1790" name="T3"/>
                <a:gd fmla="*/ 254 w 1725" name="T4"/>
                <a:gd fmla="*/ 645 h 1790" name="T5"/>
                <a:gd fmla="*/ 207 w 1725" name="T6"/>
                <a:gd fmla="*/ 773 h 1790" name="T7"/>
                <a:gd fmla="*/ 132 w 1725" name="T8"/>
                <a:gd fmla="*/ 828 h 1790" name="T9"/>
                <a:gd fmla="*/ 34 w 1725" name="T10"/>
                <a:gd fmla="*/ 929 h 1790" name="T11"/>
                <a:gd fmla="*/ 22 w 1725" name="T12"/>
                <a:gd fmla="*/ 1042 h 1790" name="T13"/>
                <a:gd fmla="*/ 44 w 1725" name="T14"/>
                <a:gd fmla="*/ 1139 h 1790" name="T15"/>
                <a:gd fmla="*/ 182 w 1725" name="T16"/>
                <a:gd fmla="*/ 1108 h 1790" name="T17"/>
                <a:gd fmla="*/ 267 w 1725" name="T18"/>
                <a:gd fmla="*/ 1117 h 1790" name="T19"/>
                <a:gd fmla="*/ 255 w 1725" name="T20"/>
                <a:gd fmla="*/ 1241 h 1790" name="T21"/>
                <a:gd fmla="*/ 333 w 1725" name="T22"/>
                <a:gd fmla="*/ 1327 h 1790" name="T23"/>
                <a:gd fmla="*/ 356 w 1725" name="T24"/>
                <a:gd fmla="*/ 1405 h 1790" name="T25"/>
                <a:gd fmla="*/ 332 w 1725" name="T26"/>
                <a:gd fmla="*/ 1535 h 1790" name="T27"/>
                <a:gd fmla="*/ 436 w 1725" name="T28"/>
                <a:gd fmla="*/ 1559 h 1790" name="T29"/>
                <a:gd fmla="*/ 496 w 1725" name="T30"/>
                <a:gd fmla="*/ 1670 h 1790" name="T31"/>
                <a:gd fmla="*/ 603 w 1725" name="T32"/>
                <a:gd fmla="*/ 1682 h 1790" name="T33"/>
                <a:gd fmla="*/ 717 w 1725" name="T34"/>
                <a:gd fmla="*/ 1725 h 1790" name="T35"/>
                <a:gd fmla="*/ 800 w 1725" name="T36"/>
                <a:gd fmla="*/ 1773 h 1790" name="T37"/>
                <a:gd fmla="*/ 819 w 1725" name="T38"/>
                <a:gd fmla="*/ 1651 h 1790" name="T39"/>
                <a:gd fmla="*/ 812 w 1725" name="T40"/>
                <a:gd fmla="*/ 1513 h 1790" name="T41"/>
                <a:gd fmla="*/ 915 w 1725" name="T42"/>
                <a:gd fmla="*/ 1517 h 1790" name="T43"/>
                <a:gd fmla="*/ 984 w 1725" name="T44"/>
                <a:gd fmla="*/ 1462 h 1790" name="T45"/>
                <a:gd fmla="*/ 1080 w 1725" name="T46"/>
                <a:gd fmla="*/ 1533 h 1790" name="T47"/>
                <a:gd fmla="*/ 1166 w 1725" name="T48"/>
                <a:gd fmla="*/ 1484 h 1790" name="T49"/>
                <a:gd fmla="*/ 1237 w 1725" name="T50"/>
                <a:gd fmla="*/ 1501 h 1790" name="T51"/>
                <a:gd fmla="*/ 1334 w 1725" name="T52"/>
                <a:gd fmla="*/ 1453 h 1790" name="T53"/>
                <a:gd fmla="*/ 1419 w 1725" name="T54"/>
                <a:gd fmla="*/ 1444 h 1790" name="T55"/>
                <a:gd fmla="*/ 1494 w 1725" name="T56"/>
                <a:gd fmla="*/ 1356 h 1790" name="T57"/>
                <a:gd fmla="*/ 1588 w 1725" name="T58"/>
                <a:gd fmla="*/ 1366 h 1790" name="T59"/>
                <a:gd fmla="*/ 1662 w 1725" name="T60"/>
                <a:gd fmla="*/ 1309 h 1790" name="T61"/>
                <a:gd fmla="*/ 1716 w 1725" name="T62"/>
                <a:gd fmla="*/ 1233 h 1790" name="T63"/>
                <a:gd fmla="*/ 1693 w 1725" name="T64"/>
                <a:gd fmla="*/ 1166 h 1790" name="T65"/>
                <a:gd fmla="*/ 1628 w 1725" name="T66"/>
                <a:gd fmla="*/ 1181 h 1790" name="T67"/>
                <a:gd fmla="*/ 1558 w 1725" name="T68"/>
                <a:gd fmla="*/ 1179 h 1790" name="T69"/>
                <a:gd fmla="*/ 1524 w 1725" name="T70"/>
                <a:gd fmla="*/ 1148 h 1790" name="T71"/>
                <a:gd fmla="*/ 1477 w 1725" name="T72"/>
                <a:gd fmla="*/ 1102 h 1790" name="T73"/>
                <a:gd fmla="*/ 1430 w 1725" name="T74"/>
                <a:gd fmla="*/ 1104 h 1790" name="T75"/>
                <a:gd fmla="*/ 1386 w 1725" name="T76"/>
                <a:gd fmla="*/ 1057 h 1790" name="T77"/>
                <a:gd fmla="*/ 1414 w 1725" name="T78"/>
                <a:gd fmla="*/ 998 h 1790" name="T79"/>
                <a:gd fmla="*/ 1421 w 1725" name="T80"/>
                <a:gd fmla="*/ 945 h 1790" name="T81"/>
                <a:gd fmla="*/ 1344 w 1725" name="T82"/>
                <a:gd fmla="*/ 858 h 1790" name="T83"/>
                <a:gd fmla="*/ 1368 w 1725" name="T84"/>
                <a:gd fmla="*/ 757 h 1790" name="T85"/>
                <a:gd fmla="*/ 1370 w 1725" name="T86"/>
                <a:gd fmla="*/ 683 h 1790" name="T87"/>
                <a:gd fmla="*/ 1335 w 1725" name="T88"/>
                <a:gd fmla="*/ 621 h 1790" name="T89"/>
                <a:gd fmla="*/ 1286 w 1725" name="T90"/>
                <a:gd fmla="*/ 627 h 1790" name="T91"/>
                <a:gd fmla="*/ 1223 w 1725" name="T92"/>
                <a:gd fmla="*/ 576 h 1790" name="T93"/>
                <a:gd fmla="*/ 1228 w 1725" name="T94"/>
                <a:gd fmla="*/ 507 h 1790" name="T95"/>
                <a:gd fmla="*/ 1283 w 1725" name="T96"/>
                <a:gd fmla="*/ 456 h 1790" name="T97"/>
                <a:gd fmla="*/ 1344 w 1725" name="T98"/>
                <a:gd fmla="*/ 465 h 1790" name="T99"/>
                <a:gd fmla="*/ 1409 w 1725" name="T100"/>
                <a:gd fmla="*/ 472 h 1790" name="T101"/>
                <a:gd fmla="*/ 1471 w 1725" name="T102"/>
                <a:gd fmla="*/ 468 h 1790" name="T103"/>
                <a:gd fmla="*/ 1536 w 1725" name="T104"/>
                <a:gd fmla="*/ 435 h 1790" name="T105"/>
                <a:gd fmla="*/ 1518 w 1725" name="T106"/>
                <a:gd fmla="*/ 240 h 1790" name="T107"/>
                <a:gd fmla="*/ 1132 w 1725" name="T108"/>
                <a:gd fmla="*/ 190 h 1790" name="T109"/>
                <a:gd fmla="*/ 191 w 1725" name="T110"/>
                <a:gd fmla="*/ 0 h 1790" name="T111"/>
                <a:gd fmla="*/ 153 w 1725" name="T112"/>
                <a:gd fmla="*/ 274 h 1790"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60000 65536" name="T147"/>
                <a:gd fmla="*/ 0 60000 65536" name="T148"/>
                <a:gd fmla="*/ 0 60000 65536" name="T149"/>
                <a:gd fmla="*/ 0 60000 65536" name="T150"/>
                <a:gd fmla="*/ 0 60000 65536" name="T151"/>
                <a:gd fmla="*/ 0 60000 65536" name="T152"/>
                <a:gd fmla="*/ 0 60000 65536" name="T153"/>
                <a:gd fmla="*/ 0 60000 65536" name="T154"/>
                <a:gd fmla="*/ 0 60000 65536" name="T155"/>
                <a:gd fmla="*/ 0 60000 65536" name="T156"/>
                <a:gd fmla="*/ 0 60000 65536" name="T157"/>
                <a:gd fmla="*/ 0 60000 65536" name="T158"/>
                <a:gd fmla="*/ 0 60000 65536" name="T159"/>
                <a:gd fmla="*/ 0 60000 65536" name="T160"/>
                <a:gd fmla="*/ 0 60000 65536" name="T161"/>
                <a:gd fmla="*/ 0 60000 65536" name="T162"/>
                <a:gd fmla="*/ 0 60000 65536" name="T163"/>
                <a:gd fmla="*/ 0 60000 65536" name="T164"/>
                <a:gd fmla="*/ 0 60000 65536" name="T165"/>
                <a:gd fmla="*/ 0 60000 65536" name="T166"/>
                <a:gd fmla="*/ 0 60000 65536" name="T167"/>
                <a:gd fmla="*/ 0 60000 65536" name="T168"/>
                <a:gd fmla="*/ 0 60000 65536" name="T169"/>
                <a:gd fmla="*/ 0 60000 65536" name="T170"/>
                <a:gd fmla="*/ 0 w 1725" name="T171"/>
                <a:gd fmla="*/ 0 h 1790" name="T172"/>
                <a:gd fmla="*/ 1725 w 1725" name="T173"/>
                <a:gd fmla="*/ 1790 h 1790" name="T174"/>
              </a:gd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b="T174" l="T171" r="T173" t="T172"/>
              <a:pathLst>
                <a:path h="1790" w="1725">
                  <a:moveTo>
                    <a:pt x="154" y="279"/>
                  </a:moveTo>
                  <a:cubicBezTo>
                    <a:pt x="155" y="296"/>
                    <a:pt x="157" y="312"/>
                    <a:pt x="170" y="335"/>
                  </a:cubicBezTo>
                  <a:cubicBezTo>
                    <a:pt x="183" y="358"/>
                    <a:pt x="174" y="385"/>
                    <a:pt x="203" y="370"/>
                  </a:cubicBezTo>
                  <a:cubicBezTo>
                    <a:pt x="233" y="355"/>
                    <a:pt x="251" y="377"/>
                    <a:pt x="257" y="398"/>
                  </a:cubicBezTo>
                  <a:cubicBezTo>
                    <a:pt x="262" y="419"/>
                    <a:pt x="266" y="464"/>
                    <a:pt x="267" y="481"/>
                  </a:cubicBezTo>
                  <a:cubicBezTo>
                    <a:pt x="267" y="497"/>
                    <a:pt x="254" y="628"/>
                    <a:pt x="254" y="645"/>
                  </a:cubicBezTo>
                  <a:cubicBezTo>
                    <a:pt x="254" y="662"/>
                    <a:pt x="247" y="702"/>
                    <a:pt x="244" y="719"/>
                  </a:cubicBezTo>
                  <a:cubicBezTo>
                    <a:pt x="240" y="736"/>
                    <a:pt x="230" y="764"/>
                    <a:pt x="207" y="773"/>
                  </a:cubicBezTo>
                  <a:cubicBezTo>
                    <a:pt x="183" y="783"/>
                    <a:pt x="190" y="795"/>
                    <a:pt x="173" y="809"/>
                  </a:cubicBezTo>
                  <a:cubicBezTo>
                    <a:pt x="155" y="824"/>
                    <a:pt x="140" y="804"/>
                    <a:pt x="132" y="828"/>
                  </a:cubicBezTo>
                  <a:cubicBezTo>
                    <a:pt x="123" y="852"/>
                    <a:pt x="111" y="870"/>
                    <a:pt x="89" y="878"/>
                  </a:cubicBezTo>
                  <a:cubicBezTo>
                    <a:pt x="67" y="885"/>
                    <a:pt x="28" y="901"/>
                    <a:pt x="34" y="929"/>
                  </a:cubicBezTo>
                  <a:cubicBezTo>
                    <a:pt x="40" y="957"/>
                    <a:pt x="46" y="973"/>
                    <a:pt x="23" y="984"/>
                  </a:cubicBezTo>
                  <a:cubicBezTo>
                    <a:pt x="0" y="995"/>
                    <a:pt x="8" y="1016"/>
                    <a:pt x="22" y="1042"/>
                  </a:cubicBezTo>
                  <a:cubicBezTo>
                    <a:pt x="35" y="1068"/>
                    <a:pt x="38" y="1083"/>
                    <a:pt x="28" y="1101"/>
                  </a:cubicBezTo>
                  <a:cubicBezTo>
                    <a:pt x="19" y="1119"/>
                    <a:pt x="19" y="1149"/>
                    <a:pt x="44" y="1139"/>
                  </a:cubicBezTo>
                  <a:cubicBezTo>
                    <a:pt x="69" y="1130"/>
                    <a:pt x="69" y="1119"/>
                    <a:pt x="98" y="1107"/>
                  </a:cubicBezTo>
                  <a:cubicBezTo>
                    <a:pt x="127" y="1096"/>
                    <a:pt x="135" y="1100"/>
                    <a:pt x="182" y="1108"/>
                  </a:cubicBezTo>
                  <a:cubicBezTo>
                    <a:pt x="229" y="1115"/>
                    <a:pt x="196" y="1110"/>
                    <a:pt x="227" y="1098"/>
                  </a:cubicBezTo>
                  <a:cubicBezTo>
                    <a:pt x="259" y="1087"/>
                    <a:pt x="281" y="1093"/>
                    <a:pt x="267" y="1117"/>
                  </a:cubicBezTo>
                  <a:cubicBezTo>
                    <a:pt x="253" y="1141"/>
                    <a:pt x="234" y="1159"/>
                    <a:pt x="242" y="1177"/>
                  </a:cubicBezTo>
                  <a:cubicBezTo>
                    <a:pt x="250" y="1195"/>
                    <a:pt x="255" y="1226"/>
                    <a:pt x="255" y="1241"/>
                  </a:cubicBezTo>
                  <a:cubicBezTo>
                    <a:pt x="255" y="1256"/>
                    <a:pt x="231" y="1294"/>
                    <a:pt x="261" y="1308"/>
                  </a:cubicBezTo>
                  <a:cubicBezTo>
                    <a:pt x="291" y="1322"/>
                    <a:pt x="309" y="1326"/>
                    <a:pt x="333" y="1327"/>
                  </a:cubicBezTo>
                  <a:cubicBezTo>
                    <a:pt x="357" y="1328"/>
                    <a:pt x="366" y="1332"/>
                    <a:pt x="373" y="1354"/>
                  </a:cubicBezTo>
                  <a:cubicBezTo>
                    <a:pt x="380" y="1376"/>
                    <a:pt x="368" y="1380"/>
                    <a:pt x="356" y="1405"/>
                  </a:cubicBezTo>
                  <a:cubicBezTo>
                    <a:pt x="343" y="1430"/>
                    <a:pt x="336" y="1444"/>
                    <a:pt x="341" y="1467"/>
                  </a:cubicBezTo>
                  <a:cubicBezTo>
                    <a:pt x="346" y="1490"/>
                    <a:pt x="347" y="1521"/>
                    <a:pt x="332" y="1535"/>
                  </a:cubicBezTo>
                  <a:cubicBezTo>
                    <a:pt x="316" y="1548"/>
                    <a:pt x="319" y="1553"/>
                    <a:pt x="348" y="1557"/>
                  </a:cubicBezTo>
                  <a:cubicBezTo>
                    <a:pt x="377" y="1561"/>
                    <a:pt x="401" y="1549"/>
                    <a:pt x="436" y="1559"/>
                  </a:cubicBezTo>
                  <a:cubicBezTo>
                    <a:pt x="470" y="1570"/>
                    <a:pt x="454" y="1574"/>
                    <a:pt x="459" y="1596"/>
                  </a:cubicBezTo>
                  <a:cubicBezTo>
                    <a:pt x="464" y="1619"/>
                    <a:pt x="474" y="1659"/>
                    <a:pt x="496" y="1670"/>
                  </a:cubicBezTo>
                  <a:cubicBezTo>
                    <a:pt x="519" y="1681"/>
                    <a:pt x="534" y="1673"/>
                    <a:pt x="556" y="1682"/>
                  </a:cubicBezTo>
                  <a:cubicBezTo>
                    <a:pt x="578" y="1692"/>
                    <a:pt x="579" y="1706"/>
                    <a:pt x="603" y="1682"/>
                  </a:cubicBezTo>
                  <a:cubicBezTo>
                    <a:pt x="627" y="1659"/>
                    <a:pt x="647" y="1630"/>
                    <a:pt x="673" y="1650"/>
                  </a:cubicBezTo>
                  <a:cubicBezTo>
                    <a:pt x="700" y="1670"/>
                    <a:pt x="709" y="1703"/>
                    <a:pt x="717" y="1725"/>
                  </a:cubicBezTo>
                  <a:cubicBezTo>
                    <a:pt x="725" y="1747"/>
                    <a:pt x="745" y="1768"/>
                    <a:pt x="761" y="1760"/>
                  </a:cubicBezTo>
                  <a:cubicBezTo>
                    <a:pt x="778" y="1751"/>
                    <a:pt x="781" y="1755"/>
                    <a:pt x="800" y="1773"/>
                  </a:cubicBezTo>
                  <a:cubicBezTo>
                    <a:pt x="820" y="1790"/>
                    <a:pt x="834" y="1781"/>
                    <a:pt x="828" y="1747"/>
                  </a:cubicBezTo>
                  <a:cubicBezTo>
                    <a:pt x="822" y="1712"/>
                    <a:pt x="815" y="1678"/>
                    <a:pt x="819" y="1651"/>
                  </a:cubicBezTo>
                  <a:cubicBezTo>
                    <a:pt x="822" y="1624"/>
                    <a:pt x="821" y="1626"/>
                    <a:pt x="800" y="1588"/>
                  </a:cubicBezTo>
                  <a:cubicBezTo>
                    <a:pt x="780" y="1551"/>
                    <a:pt x="797" y="1525"/>
                    <a:pt x="812" y="1513"/>
                  </a:cubicBezTo>
                  <a:cubicBezTo>
                    <a:pt x="827" y="1501"/>
                    <a:pt x="857" y="1492"/>
                    <a:pt x="873" y="1490"/>
                  </a:cubicBezTo>
                  <a:cubicBezTo>
                    <a:pt x="888" y="1488"/>
                    <a:pt x="904" y="1510"/>
                    <a:pt x="915" y="1517"/>
                  </a:cubicBezTo>
                  <a:cubicBezTo>
                    <a:pt x="926" y="1524"/>
                    <a:pt x="936" y="1540"/>
                    <a:pt x="945" y="1514"/>
                  </a:cubicBezTo>
                  <a:cubicBezTo>
                    <a:pt x="954" y="1488"/>
                    <a:pt x="962" y="1455"/>
                    <a:pt x="984" y="1462"/>
                  </a:cubicBezTo>
                  <a:cubicBezTo>
                    <a:pt x="1007" y="1470"/>
                    <a:pt x="1034" y="1462"/>
                    <a:pt x="1046" y="1480"/>
                  </a:cubicBezTo>
                  <a:cubicBezTo>
                    <a:pt x="1059" y="1498"/>
                    <a:pt x="1058" y="1528"/>
                    <a:pt x="1080" y="1533"/>
                  </a:cubicBezTo>
                  <a:cubicBezTo>
                    <a:pt x="1103" y="1538"/>
                    <a:pt x="1111" y="1531"/>
                    <a:pt x="1115" y="1508"/>
                  </a:cubicBezTo>
                  <a:cubicBezTo>
                    <a:pt x="1119" y="1485"/>
                    <a:pt x="1160" y="1456"/>
                    <a:pt x="1166" y="1484"/>
                  </a:cubicBezTo>
                  <a:cubicBezTo>
                    <a:pt x="1173" y="1511"/>
                    <a:pt x="1190" y="1530"/>
                    <a:pt x="1196" y="1503"/>
                  </a:cubicBezTo>
                  <a:cubicBezTo>
                    <a:pt x="1201" y="1475"/>
                    <a:pt x="1225" y="1479"/>
                    <a:pt x="1237" y="1501"/>
                  </a:cubicBezTo>
                  <a:cubicBezTo>
                    <a:pt x="1249" y="1524"/>
                    <a:pt x="1274" y="1524"/>
                    <a:pt x="1280" y="1497"/>
                  </a:cubicBezTo>
                  <a:cubicBezTo>
                    <a:pt x="1286" y="1471"/>
                    <a:pt x="1315" y="1445"/>
                    <a:pt x="1334" y="1453"/>
                  </a:cubicBezTo>
                  <a:cubicBezTo>
                    <a:pt x="1352" y="1462"/>
                    <a:pt x="1356" y="1490"/>
                    <a:pt x="1378" y="1461"/>
                  </a:cubicBezTo>
                  <a:cubicBezTo>
                    <a:pt x="1401" y="1432"/>
                    <a:pt x="1406" y="1445"/>
                    <a:pt x="1419" y="1444"/>
                  </a:cubicBezTo>
                  <a:cubicBezTo>
                    <a:pt x="1432" y="1443"/>
                    <a:pt x="1446" y="1433"/>
                    <a:pt x="1447" y="1408"/>
                  </a:cubicBezTo>
                  <a:cubicBezTo>
                    <a:pt x="1447" y="1384"/>
                    <a:pt x="1458" y="1374"/>
                    <a:pt x="1494" y="1356"/>
                  </a:cubicBezTo>
                  <a:cubicBezTo>
                    <a:pt x="1531" y="1339"/>
                    <a:pt x="1565" y="1332"/>
                    <a:pt x="1576" y="1351"/>
                  </a:cubicBezTo>
                  <a:cubicBezTo>
                    <a:pt x="1579" y="1356"/>
                    <a:pt x="1583" y="1361"/>
                    <a:pt x="1588" y="1366"/>
                  </a:cubicBezTo>
                  <a:cubicBezTo>
                    <a:pt x="1588" y="1366"/>
                    <a:pt x="1605" y="1358"/>
                    <a:pt x="1615" y="1346"/>
                  </a:cubicBezTo>
                  <a:cubicBezTo>
                    <a:pt x="1626" y="1333"/>
                    <a:pt x="1637" y="1307"/>
                    <a:pt x="1662" y="1309"/>
                  </a:cubicBezTo>
                  <a:cubicBezTo>
                    <a:pt x="1687" y="1311"/>
                    <a:pt x="1705" y="1309"/>
                    <a:pt x="1710" y="1291"/>
                  </a:cubicBezTo>
                  <a:cubicBezTo>
                    <a:pt x="1714" y="1274"/>
                    <a:pt x="1706" y="1239"/>
                    <a:pt x="1716" y="1233"/>
                  </a:cubicBezTo>
                  <a:cubicBezTo>
                    <a:pt x="1725" y="1226"/>
                    <a:pt x="1717" y="1222"/>
                    <a:pt x="1711" y="1203"/>
                  </a:cubicBezTo>
                  <a:cubicBezTo>
                    <a:pt x="1705" y="1183"/>
                    <a:pt x="1698" y="1165"/>
                    <a:pt x="1693" y="1166"/>
                  </a:cubicBezTo>
                  <a:cubicBezTo>
                    <a:pt x="1687" y="1166"/>
                    <a:pt x="1667" y="1168"/>
                    <a:pt x="1659" y="1180"/>
                  </a:cubicBezTo>
                  <a:cubicBezTo>
                    <a:pt x="1652" y="1192"/>
                    <a:pt x="1644" y="1195"/>
                    <a:pt x="1628" y="1181"/>
                  </a:cubicBezTo>
                  <a:cubicBezTo>
                    <a:pt x="1612" y="1168"/>
                    <a:pt x="1603" y="1143"/>
                    <a:pt x="1590" y="1166"/>
                  </a:cubicBezTo>
                  <a:cubicBezTo>
                    <a:pt x="1577" y="1188"/>
                    <a:pt x="1568" y="1187"/>
                    <a:pt x="1558" y="1179"/>
                  </a:cubicBezTo>
                  <a:cubicBezTo>
                    <a:pt x="1549" y="1170"/>
                    <a:pt x="1539" y="1167"/>
                    <a:pt x="1533" y="1171"/>
                  </a:cubicBezTo>
                  <a:cubicBezTo>
                    <a:pt x="1527" y="1174"/>
                    <a:pt x="1520" y="1165"/>
                    <a:pt x="1524" y="1148"/>
                  </a:cubicBezTo>
                  <a:cubicBezTo>
                    <a:pt x="1527" y="1131"/>
                    <a:pt x="1520" y="1115"/>
                    <a:pt x="1507" y="1102"/>
                  </a:cubicBezTo>
                  <a:cubicBezTo>
                    <a:pt x="1494" y="1089"/>
                    <a:pt x="1486" y="1096"/>
                    <a:pt x="1477" y="1102"/>
                  </a:cubicBezTo>
                  <a:cubicBezTo>
                    <a:pt x="1468" y="1108"/>
                    <a:pt x="1463" y="1094"/>
                    <a:pt x="1450" y="1095"/>
                  </a:cubicBezTo>
                  <a:cubicBezTo>
                    <a:pt x="1438" y="1096"/>
                    <a:pt x="1430" y="1091"/>
                    <a:pt x="1430" y="1104"/>
                  </a:cubicBezTo>
                  <a:cubicBezTo>
                    <a:pt x="1430" y="1117"/>
                    <a:pt x="1421" y="1123"/>
                    <a:pt x="1411" y="1107"/>
                  </a:cubicBezTo>
                  <a:cubicBezTo>
                    <a:pt x="1402" y="1091"/>
                    <a:pt x="1391" y="1068"/>
                    <a:pt x="1386" y="1057"/>
                  </a:cubicBezTo>
                  <a:cubicBezTo>
                    <a:pt x="1382" y="1046"/>
                    <a:pt x="1368" y="1025"/>
                    <a:pt x="1383" y="1023"/>
                  </a:cubicBezTo>
                  <a:cubicBezTo>
                    <a:pt x="1399" y="1021"/>
                    <a:pt x="1403" y="1006"/>
                    <a:pt x="1414" y="998"/>
                  </a:cubicBezTo>
                  <a:cubicBezTo>
                    <a:pt x="1426" y="990"/>
                    <a:pt x="1417" y="978"/>
                    <a:pt x="1414" y="967"/>
                  </a:cubicBezTo>
                  <a:cubicBezTo>
                    <a:pt x="1412" y="956"/>
                    <a:pt x="1407" y="956"/>
                    <a:pt x="1421" y="945"/>
                  </a:cubicBezTo>
                  <a:cubicBezTo>
                    <a:pt x="1434" y="934"/>
                    <a:pt x="1444" y="929"/>
                    <a:pt x="1414" y="910"/>
                  </a:cubicBezTo>
                  <a:cubicBezTo>
                    <a:pt x="1384" y="891"/>
                    <a:pt x="1347" y="872"/>
                    <a:pt x="1344" y="858"/>
                  </a:cubicBezTo>
                  <a:cubicBezTo>
                    <a:pt x="1341" y="844"/>
                    <a:pt x="1347" y="822"/>
                    <a:pt x="1350" y="810"/>
                  </a:cubicBezTo>
                  <a:cubicBezTo>
                    <a:pt x="1354" y="799"/>
                    <a:pt x="1366" y="773"/>
                    <a:pt x="1368" y="757"/>
                  </a:cubicBezTo>
                  <a:cubicBezTo>
                    <a:pt x="1370" y="741"/>
                    <a:pt x="1363" y="720"/>
                    <a:pt x="1375" y="710"/>
                  </a:cubicBezTo>
                  <a:cubicBezTo>
                    <a:pt x="1387" y="701"/>
                    <a:pt x="1374" y="695"/>
                    <a:pt x="1370" y="683"/>
                  </a:cubicBezTo>
                  <a:cubicBezTo>
                    <a:pt x="1366" y="670"/>
                    <a:pt x="1363" y="660"/>
                    <a:pt x="1360" y="640"/>
                  </a:cubicBezTo>
                  <a:cubicBezTo>
                    <a:pt x="1356" y="620"/>
                    <a:pt x="1341" y="611"/>
                    <a:pt x="1335" y="621"/>
                  </a:cubicBezTo>
                  <a:cubicBezTo>
                    <a:pt x="1328" y="632"/>
                    <a:pt x="1315" y="627"/>
                    <a:pt x="1308" y="620"/>
                  </a:cubicBezTo>
                  <a:cubicBezTo>
                    <a:pt x="1302" y="613"/>
                    <a:pt x="1294" y="617"/>
                    <a:pt x="1286" y="627"/>
                  </a:cubicBezTo>
                  <a:cubicBezTo>
                    <a:pt x="1278" y="637"/>
                    <a:pt x="1268" y="652"/>
                    <a:pt x="1253" y="636"/>
                  </a:cubicBezTo>
                  <a:cubicBezTo>
                    <a:pt x="1237" y="620"/>
                    <a:pt x="1212" y="594"/>
                    <a:pt x="1223" y="576"/>
                  </a:cubicBezTo>
                  <a:cubicBezTo>
                    <a:pt x="1234" y="558"/>
                    <a:pt x="1230" y="551"/>
                    <a:pt x="1223" y="537"/>
                  </a:cubicBezTo>
                  <a:cubicBezTo>
                    <a:pt x="1217" y="523"/>
                    <a:pt x="1212" y="517"/>
                    <a:pt x="1228" y="507"/>
                  </a:cubicBezTo>
                  <a:cubicBezTo>
                    <a:pt x="1244" y="497"/>
                    <a:pt x="1239" y="489"/>
                    <a:pt x="1248" y="480"/>
                  </a:cubicBezTo>
                  <a:cubicBezTo>
                    <a:pt x="1257" y="471"/>
                    <a:pt x="1264" y="453"/>
                    <a:pt x="1283" y="456"/>
                  </a:cubicBezTo>
                  <a:cubicBezTo>
                    <a:pt x="1303" y="459"/>
                    <a:pt x="1296" y="461"/>
                    <a:pt x="1314" y="469"/>
                  </a:cubicBezTo>
                  <a:cubicBezTo>
                    <a:pt x="1331" y="477"/>
                    <a:pt x="1343" y="482"/>
                    <a:pt x="1344" y="465"/>
                  </a:cubicBezTo>
                  <a:cubicBezTo>
                    <a:pt x="1345" y="448"/>
                    <a:pt x="1365" y="443"/>
                    <a:pt x="1379" y="458"/>
                  </a:cubicBezTo>
                  <a:cubicBezTo>
                    <a:pt x="1392" y="472"/>
                    <a:pt x="1397" y="472"/>
                    <a:pt x="1409" y="472"/>
                  </a:cubicBezTo>
                  <a:cubicBezTo>
                    <a:pt x="1421" y="471"/>
                    <a:pt x="1427" y="487"/>
                    <a:pt x="1448" y="489"/>
                  </a:cubicBezTo>
                  <a:cubicBezTo>
                    <a:pt x="1468" y="490"/>
                    <a:pt x="1466" y="485"/>
                    <a:pt x="1471" y="468"/>
                  </a:cubicBezTo>
                  <a:cubicBezTo>
                    <a:pt x="1477" y="450"/>
                    <a:pt x="1492" y="448"/>
                    <a:pt x="1508" y="452"/>
                  </a:cubicBezTo>
                  <a:cubicBezTo>
                    <a:pt x="1524" y="455"/>
                    <a:pt x="1532" y="449"/>
                    <a:pt x="1536" y="435"/>
                  </a:cubicBezTo>
                  <a:cubicBezTo>
                    <a:pt x="1540" y="420"/>
                    <a:pt x="1530" y="370"/>
                    <a:pt x="1555" y="349"/>
                  </a:cubicBezTo>
                  <a:cubicBezTo>
                    <a:pt x="1581" y="327"/>
                    <a:pt x="1518" y="240"/>
                    <a:pt x="1518" y="240"/>
                  </a:cubicBezTo>
                  <a:cubicBezTo>
                    <a:pt x="1333" y="119"/>
                    <a:pt x="1333" y="119"/>
                    <a:pt x="1333" y="119"/>
                  </a:cubicBezTo>
                  <a:cubicBezTo>
                    <a:pt x="1132" y="190"/>
                    <a:pt x="1132" y="190"/>
                    <a:pt x="1132" y="190"/>
                  </a:cubicBezTo>
                  <a:cubicBezTo>
                    <a:pt x="1132" y="190"/>
                    <a:pt x="565" y="31"/>
                    <a:pt x="554" y="31"/>
                  </a:cubicBezTo>
                  <a:cubicBezTo>
                    <a:pt x="543" y="31"/>
                    <a:pt x="191" y="0"/>
                    <a:pt x="191" y="0"/>
                  </a:cubicBezTo>
                  <a:cubicBezTo>
                    <a:pt x="153" y="216"/>
                    <a:pt x="153" y="216"/>
                    <a:pt x="153" y="216"/>
                  </a:cubicBezTo>
                  <a:cubicBezTo>
                    <a:pt x="153" y="274"/>
                    <a:pt x="153" y="274"/>
                    <a:pt x="153" y="274"/>
                  </a:cubicBezTo>
                  <a:lnTo>
                    <a:pt x="154" y="279"/>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0" name="Freeform 29"/>
            <p:cNvSpPr>
              <a:spLocks noChangeArrowheads="1"/>
            </p:cNvSpPr>
            <p:nvPr/>
          </p:nvSpPr>
          <p:spPr bwMode="auto">
            <a:xfrm>
              <a:off x="2007271" y="3279628"/>
              <a:ext cx="965035" cy="828611"/>
            </a:xfrm>
            <a:custGeom>
              <a:gdLst>
                <a:gd fmla="*/ 398 w 2169" name="T0"/>
                <a:gd fmla="*/ 1258 h 1862" name="T1"/>
                <a:gd fmla="*/ 468 w 2169" name="T2"/>
                <a:gd fmla="*/ 1396 h 1862" name="T3"/>
                <a:gd fmla="*/ 534 w 2169" name="T4"/>
                <a:gd fmla="*/ 1345 h 1862" name="T5"/>
                <a:gd fmla="*/ 600 w 2169" name="T6"/>
                <a:gd fmla="*/ 1317 h 1862" name="T7"/>
                <a:gd fmla="*/ 578 w 2169" name="T8"/>
                <a:gd fmla="*/ 1366 h 1862" name="T9"/>
                <a:gd fmla="*/ 634 w 2169" name="T10"/>
                <a:gd fmla="*/ 1469 h 1862" name="T11"/>
                <a:gd fmla="*/ 732 w 2169" name="T12"/>
                <a:gd fmla="*/ 1515 h 1862" name="T13"/>
                <a:gd fmla="*/ 790 w 2169" name="T14"/>
                <a:gd fmla="*/ 1604 h 1862" name="T15"/>
                <a:gd fmla="*/ 826 w 2169" name="T16"/>
                <a:gd fmla="*/ 1693 h 1862" name="T17"/>
                <a:gd fmla="*/ 841 w 2169" name="T18"/>
                <a:gd fmla="*/ 1761 h 1862" name="T19"/>
                <a:gd fmla="*/ 915 w 2169" name="T20"/>
                <a:gd fmla="*/ 1830 h 1862" name="T21"/>
                <a:gd fmla="*/ 1006 w 2169" name="T22"/>
                <a:gd fmla="*/ 1827 h 1862" name="T23"/>
                <a:gd fmla="*/ 1063 w 2169" name="T24"/>
                <a:gd fmla="*/ 1810 h 1862" name="T25"/>
                <a:gd fmla="*/ 1131 w 2169" name="T26"/>
                <a:gd fmla="*/ 1757 h 1862" name="T27"/>
                <a:gd fmla="*/ 1112 w 2169" name="T28"/>
                <a:gd fmla="*/ 1652 h 1862" name="T29"/>
                <a:gd fmla="*/ 1132 w 2169" name="T30"/>
                <a:gd fmla="*/ 1572 h 1862" name="T31"/>
                <a:gd fmla="*/ 1209 w 2169" name="T32"/>
                <a:gd fmla="*/ 1511 h 1862" name="T33"/>
                <a:gd fmla="*/ 1236 w 2169" name="T34"/>
                <a:gd fmla="*/ 1435 h 1862" name="T35"/>
                <a:gd fmla="*/ 1260 w 2169" name="T36"/>
                <a:gd fmla="*/ 1384 h 1862" name="T37"/>
                <a:gd fmla="*/ 1331 w 2169" name="T38"/>
                <a:gd fmla="*/ 1337 h 1862" name="T39"/>
                <a:gd fmla="*/ 1388 w 2169" name="T40"/>
                <a:gd fmla="*/ 1321 h 1862" name="T41"/>
                <a:gd fmla="*/ 1400 w 2169" name="T42"/>
                <a:gd fmla="*/ 1388 h 1862" name="T43"/>
                <a:gd fmla="*/ 1453 w 2169" name="T44"/>
                <a:gd fmla="*/ 1477 h 1862" name="T45"/>
                <a:gd fmla="*/ 1544 w 2169" name="T46"/>
                <a:gd fmla="*/ 1424 h 1862" name="T47"/>
                <a:gd fmla="*/ 1597 w 2169" name="T48"/>
                <a:gd fmla="*/ 1489 h 1862" name="T49"/>
                <a:gd fmla="*/ 1697 w 2169" name="T50"/>
                <a:gd fmla="*/ 1507 h 1862" name="T51"/>
                <a:gd fmla="*/ 1761 w 2169" name="T52"/>
                <a:gd fmla="*/ 1455 h 1862" name="T53"/>
                <a:gd fmla="*/ 1710 w 2169" name="T54"/>
                <a:gd fmla="*/ 1402 h 1862" name="T55"/>
                <a:gd fmla="*/ 1644 w 2169" name="T56"/>
                <a:gd fmla="*/ 1332 h 1862" name="T57"/>
                <a:gd fmla="*/ 1719 w 2169" name="T58"/>
                <a:gd fmla="*/ 1275 h 1862" name="T59"/>
                <a:gd fmla="*/ 1786 w 2169" name="T60"/>
                <a:gd fmla="*/ 1303 h 1862" name="T61"/>
                <a:gd fmla="*/ 1675 w 2169" name="T62"/>
                <a:gd fmla="*/ 1221 h 1862" name="T63"/>
                <a:gd fmla="*/ 1609 w 2169" name="T64"/>
                <a:gd fmla="*/ 1098 h 1862" name="T65"/>
                <a:gd fmla="*/ 1673 w 2169" name="T66"/>
                <a:gd fmla="*/ 1011 h 1862" name="T67"/>
                <a:gd fmla="*/ 1675 w 2169" name="T68"/>
                <a:gd fmla="*/ 890 h 1862" name="T69"/>
                <a:gd fmla="*/ 1762 w 2169" name="T70"/>
                <a:gd fmla="*/ 947 h 1862" name="T71"/>
                <a:gd fmla="*/ 1852 w 2169" name="T72"/>
                <a:gd fmla="*/ 977 h 1862" name="T73"/>
                <a:gd fmla="*/ 1969 w 2169" name="T74"/>
                <a:gd fmla="*/ 913 h 1862" name="T75"/>
                <a:gd fmla="*/ 1999 w 2169" name="T76"/>
                <a:gd fmla="*/ 816 h 1862" name="T77"/>
                <a:gd fmla="*/ 2126 w 2169" name="T78"/>
                <a:gd fmla="*/ 714 h 1862" name="T79"/>
                <a:gd fmla="*/ 2160 w 2169" name="T80"/>
                <a:gd fmla="*/ 586 h 1862" name="T81"/>
                <a:gd fmla="*/ 2119 w 2169" name="T82"/>
                <a:gd fmla="*/ 499 h 1862" name="T83"/>
                <a:gd fmla="*/ 1974 w 2169" name="T84"/>
                <a:gd fmla="*/ 473 h 1862" name="T85"/>
                <a:gd fmla="*/ 1893 w 2169" name="T86"/>
                <a:gd fmla="*/ 449 h 1862" name="T87"/>
                <a:gd fmla="*/ 1759 w 2169" name="T88"/>
                <a:gd fmla="*/ 434 h 1862" name="T89"/>
                <a:gd fmla="*/ 1632 w 2169" name="T90"/>
                <a:gd fmla="*/ 345 h 1862" name="T91"/>
                <a:gd fmla="*/ 676 w 2169" name="T92"/>
                <a:gd fmla="*/ 141 h 1862" name="T93"/>
                <a:gd fmla="*/ 119 w 2169" name="T94"/>
                <a:gd fmla="*/ 623 h 1862" name="T95"/>
                <a:gd fmla="*/ 0 60000 65536" name="T96"/>
                <a:gd fmla="*/ 0 60000 65536"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w 2169" name="T144"/>
                <a:gd fmla="*/ 0 h 1862" name="T145"/>
                <a:gd fmla="*/ 2169 w 2169" name="T146"/>
                <a:gd fmla="*/ 1862 h 1862" name="T147"/>
              </a:gd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b="T147" l="T144" r="T146" t="T145"/>
              <a:pathLst>
                <a:path h="1862" w="2169">
                  <a:moveTo>
                    <a:pt x="397" y="1154"/>
                  </a:moveTo>
                  <a:cubicBezTo>
                    <a:pt x="397" y="1154"/>
                    <a:pt x="400" y="1183"/>
                    <a:pt x="397" y="1194"/>
                  </a:cubicBezTo>
                  <a:cubicBezTo>
                    <a:pt x="394" y="1205"/>
                    <a:pt x="399" y="1249"/>
                    <a:pt x="398" y="1258"/>
                  </a:cubicBezTo>
                  <a:cubicBezTo>
                    <a:pt x="398" y="1267"/>
                    <a:pt x="388" y="1303"/>
                    <a:pt x="402" y="1329"/>
                  </a:cubicBezTo>
                  <a:cubicBezTo>
                    <a:pt x="415" y="1354"/>
                    <a:pt x="436" y="1365"/>
                    <a:pt x="442" y="1374"/>
                  </a:cubicBezTo>
                  <a:cubicBezTo>
                    <a:pt x="448" y="1382"/>
                    <a:pt x="463" y="1409"/>
                    <a:pt x="468" y="1396"/>
                  </a:cubicBezTo>
                  <a:cubicBezTo>
                    <a:pt x="474" y="1382"/>
                    <a:pt x="482" y="1382"/>
                    <a:pt x="491" y="1380"/>
                  </a:cubicBezTo>
                  <a:cubicBezTo>
                    <a:pt x="501" y="1379"/>
                    <a:pt x="522" y="1372"/>
                    <a:pt x="528" y="1365"/>
                  </a:cubicBezTo>
                  <a:cubicBezTo>
                    <a:pt x="534" y="1359"/>
                    <a:pt x="538" y="1363"/>
                    <a:pt x="534" y="1345"/>
                  </a:cubicBezTo>
                  <a:cubicBezTo>
                    <a:pt x="531" y="1327"/>
                    <a:pt x="536" y="1320"/>
                    <a:pt x="547" y="1310"/>
                  </a:cubicBezTo>
                  <a:cubicBezTo>
                    <a:pt x="558" y="1300"/>
                    <a:pt x="566" y="1296"/>
                    <a:pt x="578" y="1299"/>
                  </a:cubicBezTo>
                  <a:cubicBezTo>
                    <a:pt x="590" y="1303"/>
                    <a:pt x="596" y="1305"/>
                    <a:pt x="600" y="1317"/>
                  </a:cubicBezTo>
                  <a:cubicBezTo>
                    <a:pt x="604" y="1328"/>
                    <a:pt x="609" y="1334"/>
                    <a:pt x="613" y="1341"/>
                  </a:cubicBezTo>
                  <a:cubicBezTo>
                    <a:pt x="618" y="1348"/>
                    <a:pt x="617" y="1356"/>
                    <a:pt x="611" y="1357"/>
                  </a:cubicBezTo>
                  <a:cubicBezTo>
                    <a:pt x="604" y="1358"/>
                    <a:pt x="579" y="1354"/>
                    <a:pt x="578" y="1366"/>
                  </a:cubicBezTo>
                  <a:cubicBezTo>
                    <a:pt x="577" y="1379"/>
                    <a:pt x="588" y="1385"/>
                    <a:pt x="592" y="1394"/>
                  </a:cubicBezTo>
                  <a:cubicBezTo>
                    <a:pt x="597" y="1404"/>
                    <a:pt x="602" y="1419"/>
                    <a:pt x="609" y="1435"/>
                  </a:cubicBezTo>
                  <a:cubicBezTo>
                    <a:pt x="617" y="1450"/>
                    <a:pt x="619" y="1465"/>
                    <a:pt x="634" y="1469"/>
                  </a:cubicBezTo>
                  <a:cubicBezTo>
                    <a:pt x="650" y="1472"/>
                    <a:pt x="653" y="1471"/>
                    <a:pt x="668" y="1469"/>
                  </a:cubicBezTo>
                  <a:cubicBezTo>
                    <a:pt x="683" y="1466"/>
                    <a:pt x="708" y="1467"/>
                    <a:pt x="714" y="1481"/>
                  </a:cubicBezTo>
                  <a:cubicBezTo>
                    <a:pt x="721" y="1494"/>
                    <a:pt x="729" y="1502"/>
                    <a:pt x="732" y="1515"/>
                  </a:cubicBezTo>
                  <a:cubicBezTo>
                    <a:pt x="736" y="1529"/>
                    <a:pt x="742" y="1536"/>
                    <a:pt x="745" y="1548"/>
                  </a:cubicBezTo>
                  <a:cubicBezTo>
                    <a:pt x="749" y="1560"/>
                    <a:pt x="756" y="1576"/>
                    <a:pt x="768" y="1580"/>
                  </a:cubicBezTo>
                  <a:cubicBezTo>
                    <a:pt x="780" y="1585"/>
                    <a:pt x="784" y="1597"/>
                    <a:pt x="790" y="1604"/>
                  </a:cubicBezTo>
                  <a:cubicBezTo>
                    <a:pt x="796" y="1611"/>
                    <a:pt x="800" y="1616"/>
                    <a:pt x="799" y="1630"/>
                  </a:cubicBezTo>
                  <a:cubicBezTo>
                    <a:pt x="797" y="1644"/>
                    <a:pt x="794" y="1652"/>
                    <a:pt x="806" y="1666"/>
                  </a:cubicBezTo>
                  <a:cubicBezTo>
                    <a:pt x="818" y="1679"/>
                    <a:pt x="825" y="1682"/>
                    <a:pt x="826" y="1693"/>
                  </a:cubicBezTo>
                  <a:cubicBezTo>
                    <a:pt x="827" y="1704"/>
                    <a:pt x="834" y="1711"/>
                    <a:pt x="839" y="1709"/>
                  </a:cubicBezTo>
                  <a:cubicBezTo>
                    <a:pt x="844" y="1707"/>
                    <a:pt x="839" y="1715"/>
                    <a:pt x="839" y="1725"/>
                  </a:cubicBezTo>
                  <a:cubicBezTo>
                    <a:pt x="838" y="1736"/>
                    <a:pt x="833" y="1747"/>
                    <a:pt x="841" y="1761"/>
                  </a:cubicBezTo>
                  <a:cubicBezTo>
                    <a:pt x="849" y="1775"/>
                    <a:pt x="856" y="1786"/>
                    <a:pt x="859" y="1800"/>
                  </a:cubicBezTo>
                  <a:cubicBezTo>
                    <a:pt x="861" y="1814"/>
                    <a:pt x="863" y="1822"/>
                    <a:pt x="873" y="1821"/>
                  </a:cubicBezTo>
                  <a:cubicBezTo>
                    <a:pt x="882" y="1821"/>
                    <a:pt x="901" y="1813"/>
                    <a:pt x="915" y="1830"/>
                  </a:cubicBezTo>
                  <a:cubicBezTo>
                    <a:pt x="928" y="1846"/>
                    <a:pt x="910" y="1855"/>
                    <a:pt x="936" y="1859"/>
                  </a:cubicBezTo>
                  <a:cubicBezTo>
                    <a:pt x="962" y="1862"/>
                    <a:pt x="966" y="1858"/>
                    <a:pt x="971" y="1850"/>
                  </a:cubicBezTo>
                  <a:cubicBezTo>
                    <a:pt x="976" y="1843"/>
                    <a:pt x="994" y="1828"/>
                    <a:pt x="1006" y="1827"/>
                  </a:cubicBezTo>
                  <a:cubicBezTo>
                    <a:pt x="1018" y="1826"/>
                    <a:pt x="1022" y="1820"/>
                    <a:pt x="1025" y="1815"/>
                  </a:cubicBezTo>
                  <a:cubicBezTo>
                    <a:pt x="1028" y="1810"/>
                    <a:pt x="1044" y="1803"/>
                    <a:pt x="1049" y="1800"/>
                  </a:cubicBezTo>
                  <a:cubicBezTo>
                    <a:pt x="1054" y="1798"/>
                    <a:pt x="1064" y="1797"/>
                    <a:pt x="1063" y="1810"/>
                  </a:cubicBezTo>
                  <a:cubicBezTo>
                    <a:pt x="1062" y="1823"/>
                    <a:pt x="1065" y="1831"/>
                    <a:pt x="1074" y="1829"/>
                  </a:cubicBezTo>
                  <a:cubicBezTo>
                    <a:pt x="1082" y="1827"/>
                    <a:pt x="1093" y="1816"/>
                    <a:pt x="1099" y="1806"/>
                  </a:cubicBezTo>
                  <a:cubicBezTo>
                    <a:pt x="1104" y="1797"/>
                    <a:pt x="1131" y="1771"/>
                    <a:pt x="1131" y="1757"/>
                  </a:cubicBezTo>
                  <a:cubicBezTo>
                    <a:pt x="1131" y="1743"/>
                    <a:pt x="1139" y="1734"/>
                    <a:pt x="1139" y="1724"/>
                  </a:cubicBezTo>
                  <a:cubicBezTo>
                    <a:pt x="1139" y="1714"/>
                    <a:pt x="1145" y="1690"/>
                    <a:pt x="1128" y="1681"/>
                  </a:cubicBezTo>
                  <a:cubicBezTo>
                    <a:pt x="1112" y="1673"/>
                    <a:pt x="1110" y="1665"/>
                    <a:pt x="1112" y="1652"/>
                  </a:cubicBezTo>
                  <a:cubicBezTo>
                    <a:pt x="1114" y="1640"/>
                    <a:pt x="1118" y="1632"/>
                    <a:pt x="1117" y="1621"/>
                  </a:cubicBezTo>
                  <a:cubicBezTo>
                    <a:pt x="1117" y="1611"/>
                    <a:pt x="1109" y="1604"/>
                    <a:pt x="1119" y="1594"/>
                  </a:cubicBezTo>
                  <a:cubicBezTo>
                    <a:pt x="1130" y="1583"/>
                    <a:pt x="1127" y="1581"/>
                    <a:pt x="1132" y="1572"/>
                  </a:cubicBezTo>
                  <a:cubicBezTo>
                    <a:pt x="1138" y="1564"/>
                    <a:pt x="1157" y="1556"/>
                    <a:pt x="1169" y="1552"/>
                  </a:cubicBezTo>
                  <a:cubicBezTo>
                    <a:pt x="1182" y="1548"/>
                    <a:pt x="1187" y="1541"/>
                    <a:pt x="1195" y="1535"/>
                  </a:cubicBezTo>
                  <a:cubicBezTo>
                    <a:pt x="1202" y="1529"/>
                    <a:pt x="1208" y="1523"/>
                    <a:pt x="1209" y="1511"/>
                  </a:cubicBezTo>
                  <a:cubicBezTo>
                    <a:pt x="1211" y="1499"/>
                    <a:pt x="1213" y="1500"/>
                    <a:pt x="1223" y="1489"/>
                  </a:cubicBezTo>
                  <a:cubicBezTo>
                    <a:pt x="1234" y="1479"/>
                    <a:pt x="1236" y="1472"/>
                    <a:pt x="1238" y="1462"/>
                  </a:cubicBezTo>
                  <a:cubicBezTo>
                    <a:pt x="1239" y="1452"/>
                    <a:pt x="1249" y="1438"/>
                    <a:pt x="1236" y="1435"/>
                  </a:cubicBezTo>
                  <a:cubicBezTo>
                    <a:pt x="1223" y="1433"/>
                    <a:pt x="1209" y="1426"/>
                    <a:pt x="1219" y="1414"/>
                  </a:cubicBezTo>
                  <a:cubicBezTo>
                    <a:pt x="1229" y="1402"/>
                    <a:pt x="1231" y="1396"/>
                    <a:pt x="1243" y="1395"/>
                  </a:cubicBezTo>
                  <a:cubicBezTo>
                    <a:pt x="1254" y="1394"/>
                    <a:pt x="1254" y="1395"/>
                    <a:pt x="1260" y="1384"/>
                  </a:cubicBezTo>
                  <a:cubicBezTo>
                    <a:pt x="1265" y="1372"/>
                    <a:pt x="1264" y="1376"/>
                    <a:pt x="1280" y="1380"/>
                  </a:cubicBezTo>
                  <a:cubicBezTo>
                    <a:pt x="1296" y="1384"/>
                    <a:pt x="1303" y="1382"/>
                    <a:pt x="1311" y="1372"/>
                  </a:cubicBezTo>
                  <a:cubicBezTo>
                    <a:pt x="1320" y="1362"/>
                    <a:pt x="1326" y="1350"/>
                    <a:pt x="1331" y="1337"/>
                  </a:cubicBezTo>
                  <a:cubicBezTo>
                    <a:pt x="1335" y="1323"/>
                    <a:pt x="1337" y="1316"/>
                    <a:pt x="1348" y="1310"/>
                  </a:cubicBezTo>
                  <a:cubicBezTo>
                    <a:pt x="1359" y="1305"/>
                    <a:pt x="1366" y="1301"/>
                    <a:pt x="1374" y="1305"/>
                  </a:cubicBezTo>
                  <a:cubicBezTo>
                    <a:pt x="1383" y="1309"/>
                    <a:pt x="1406" y="1314"/>
                    <a:pt x="1388" y="1321"/>
                  </a:cubicBezTo>
                  <a:cubicBezTo>
                    <a:pt x="1370" y="1327"/>
                    <a:pt x="1374" y="1333"/>
                    <a:pt x="1372" y="1344"/>
                  </a:cubicBezTo>
                  <a:cubicBezTo>
                    <a:pt x="1369" y="1355"/>
                    <a:pt x="1372" y="1372"/>
                    <a:pt x="1383" y="1372"/>
                  </a:cubicBezTo>
                  <a:cubicBezTo>
                    <a:pt x="1394" y="1372"/>
                    <a:pt x="1413" y="1370"/>
                    <a:pt x="1400" y="1388"/>
                  </a:cubicBezTo>
                  <a:cubicBezTo>
                    <a:pt x="1386" y="1405"/>
                    <a:pt x="1375" y="1414"/>
                    <a:pt x="1380" y="1428"/>
                  </a:cubicBezTo>
                  <a:cubicBezTo>
                    <a:pt x="1385" y="1443"/>
                    <a:pt x="1395" y="1458"/>
                    <a:pt x="1404" y="1462"/>
                  </a:cubicBezTo>
                  <a:cubicBezTo>
                    <a:pt x="1414" y="1466"/>
                    <a:pt x="1438" y="1480"/>
                    <a:pt x="1453" y="1477"/>
                  </a:cubicBezTo>
                  <a:cubicBezTo>
                    <a:pt x="1468" y="1473"/>
                    <a:pt x="1488" y="1467"/>
                    <a:pt x="1501" y="1464"/>
                  </a:cubicBezTo>
                  <a:cubicBezTo>
                    <a:pt x="1514" y="1461"/>
                    <a:pt x="1513" y="1459"/>
                    <a:pt x="1520" y="1444"/>
                  </a:cubicBezTo>
                  <a:cubicBezTo>
                    <a:pt x="1527" y="1430"/>
                    <a:pt x="1520" y="1413"/>
                    <a:pt x="1544" y="1424"/>
                  </a:cubicBezTo>
                  <a:cubicBezTo>
                    <a:pt x="1568" y="1434"/>
                    <a:pt x="1575" y="1434"/>
                    <a:pt x="1575" y="1445"/>
                  </a:cubicBezTo>
                  <a:cubicBezTo>
                    <a:pt x="1576" y="1455"/>
                    <a:pt x="1569" y="1459"/>
                    <a:pt x="1575" y="1472"/>
                  </a:cubicBezTo>
                  <a:cubicBezTo>
                    <a:pt x="1582" y="1485"/>
                    <a:pt x="1579" y="1490"/>
                    <a:pt x="1597" y="1489"/>
                  </a:cubicBezTo>
                  <a:cubicBezTo>
                    <a:pt x="1615" y="1488"/>
                    <a:pt x="1611" y="1491"/>
                    <a:pt x="1625" y="1484"/>
                  </a:cubicBezTo>
                  <a:cubicBezTo>
                    <a:pt x="1638" y="1478"/>
                    <a:pt x="1654" y="1483"/>
                    <a:pt x="1668" y="1493"/>
                  </a:cubicBezTo>
                  <a:cubicBezTo>
                    <a:pt x="1682" y="1503"/>
                    <a:pt x="1685" y="1523"/>
                    <a:pt x="1697" y="1507"/>
                  </a:cubicBezTo>
                  <a:cubicBezTo>
                    <a:pt x="1709" y="1491"/>
                    <a:pt x="1715" y="1496"/>
                    <a:pt x="1722" y="1498"/>
                  </a:cubicBezTo>
                  <a:cubicBezTo>
                    <a:pt x="1730" y="1501"/>
                    <a:pt x="1733" y="1496"/>
                    <a:pt x="1742" y="1484"/>
                  </a:cubicBezTo>
                  <a:cubicBezTo>
                    <a:pt x="1751" y="1472"/>
                    <a:pt x="1751" y="1461"/>
                    <a:pt x="1761" y="1455"/>
                  </a:cubicBezTo>
                  <a:cubicBezTo>
                    <a:pt x="1771" y="1449"/>
                    <a:pt x="1775" y="1442"/>
                    <a:pt x="1768" y="1432"/>
                  </a:cubicBezTo>
                  <a:cubicBezTo>
                    <a:pt x="1761" y="1422"/>
                    <a:pt x="1739" y="1422"/>
                    <a:pt x="1732" y="1411"/>
                  </a:cubicBezTo>
                  <a:cubicBezTo>
                    <a:pt x="1726" y="1401"/>
                    <a:pt x="1719" y="1403"/>
                    <a:pt x="1710" y="1402"/>
                  </a:cubicBezTo>
                  <a:cubicBezTo>
                    <a:pt x="1702" y="1402"/>
                    <a:pt x="1704" y="1393"/>
                    <a:pt x="1697" y="1380"/>
                  </a:cubicBezTo>
                  <a:cubicBezTo>
                    <a:pt x="1690" y="1366"/>
                    <a:pt x="1680" y="1359"/>
                    <a:pt x="1664" y="1357"/>
                  </a:cubicBezTo>
                  <a:cubicBezTo>
                    <a:pt x="1647" y="1355"/>
                    <a:pt x="1641" y="1342"/>
                    <a:pt x="1644" y="1332"/>
                  </a:cubicBezTo>
                  <a:cubicBezTo>
                    <a:pt x="1646" y="1322"/>
                    <a:pt x="1649" y="1309"/>
                    <a:pt x="1666" y="1306"/>
                  </a:cubicBezTo>
                  <a:cubicBezTo>
                    <a:pt x="1683" y="1303"/>
                    <a:pt x="1701" y="1304"/>
                    <a:pt x="1702" y="1295"/>
                  </a:cubicBezTo>
                  <a:cubicBezTo>
                    <a:pt x="1703" y="1285"/>
                    <a:pt x="1708" y="1267"/>
                    <a:pt x="1719" y="1275"/>
                  </a:cubicBezTo>
                  <a:cubicBezTo>
                    <a:pt x="1731" y="1282"/>
                    <a:pt x="1752" y="1303"/>
                    <a:pt x="1758" y="1311"/>
                  </a:cubicBezTo>
                  <a:cubicBezTo>
                    <a:pt x="1764" y="1319"/>
                    <a:pt x="1775" y="1340"/>
                    <a:pt x="1780" y="1332"/>
                  </a:cubicBezTo>
                  <a:cubicBezTo>
                    <a:pt x="1785" y="1325"/>
                    <a:pt x="1795" y="1319"/>
                    <a:pt x="1786" y="1303"/>
                  </a:cubicBezTo>
                  <a:cubicBezTo>
                    <a:pt x="1776" y="1286"/>
                    <a:pt x="1755" y="1262"/>
                    <a:pt x="1751" y="1252"/>
                  </a:cubicBezTo>
                  <a:cubicBezTo>
                    <a:pt x="1747" y="1242"/>
                    <a:pt x="1726" y="1226"/>
                    <a:pt x="1712" y="1230"/>
                  </a:cubicBezTo>
                  <a:cubicBezTo>
                    <a:pt x="1698" y="1234"/>
                    <a:pt x="1677" y="1241"/>
                    <a:pt x="1675" y="1221"/>
                  </a:cubicBezTo>
                  <a:cubicBezTo>
                    <a:pt x="1672" y="1202"/>
                    <a:pt x="1678" y="1164"/>
                    <a:pt x="1646" y="1163"/>
                  </a:cubicBezTo>
                  <a:cubicBezTo>
                    <a:pt x="1614" y="1161"/>
                    <a:pt x="1613" y="1158"/>
                    <a:pt x="1612" y="1144"/>
                  </a:cubicBezTo>
                  <a:cubicBezTo>
                    <a:pt x="1612" y="1131"/>
                    <a:pt x="1613" y="1110"/>
                    <a:pt x="1609" y="1098"/>
                  </a:cubicBezTo>
                  <a:cubicBezTo>
                    <a:pt x="1606" y="1085"/>
                    <a:pt x="1603" y="1071"/>
                    <a:pt x="1616" y="1068"/>
                  </a:cubicBezTo>
                  <a:cubicBezTo>
                    <a:pt x="1629" y="1064"/>
                    <a:pt x="1649" y="1064"/>
                    <a:pt x="1661" y="1050"/>
                  </a:cubicBezTo>
                  <a:cubicBezTo>
                    <a:pt x="1673" y="1035"/>
                    <a:pt x="1676" y="1026"/>
                    <a:pt x="1673" y="1011"/>
                  </a:cubicBezTo>
                  <a:cubicBezTo>
                    <a:pt x="1669" y="997"/>
                    <a:pt x="1658" y="968"/>
                    <a:pt x="1652" y="957"/>
                  </a:cubicBezTo>
                  <a:cubicBezTo>
                    <a:pt x="1646" y="945"/>
                    <a:pt x="1642" y="924"/>
                    <a:pt x="1649" y="914"/>
                  </a:cubicBezTo>
                  <a:cubicBezTo>
                    <a:pt x="1655" y="904"/>
                    <a:pt x="1667" y="893"/>
                    <a:pt x="1675" y="890"/>
                  </a:cubicBezTo>
                  <a:cubicBezTo>
                    <a:pt x="1683" y="887"/>
                    <a:pt x="1692" y="886"/>
                    <a:pt x="1709" y="893"/>
                  </a:cubicBezTo>
                  <a:cubicBezTo>
                    <a:pt x="1727" y="899"/>
                    <a:pt x="1734" y="917"/>
                    <a:pt x="1743" y="932"/>
                  </a:cubicBezTo>
                  <a:cubicBezTo>
                    <a:pt x="1751" y="946"/>
                    <a:pt x="1747" y="955"/>
                    <a:pt x="1762" y="947"/>
                  </a:cubicBezTo>
                  <a:cubicBezTo>
                    <a:pt x="1777" y="939"/>
                    <a:pt x="1778" y="938"/>
                    <a:pt x="1793" y="935"/>
                  </a:cubicBezTo>
                  <a:cubicBezTo>
                    <a:pt x="1807" y="932"/>
                    <a:pt x="1818" y="933"/>
                    <a:pt x="1830" y="951"/>
                  </a:cubicBezTo>
                  <a:cubicBezTo>
                    <a:pt x="1842" y="969"/>
                    <a:pt x="1838" y="967"/>
                    <a:pt x="1852" y="977"/>
                  </a:cubicBezTo>
                  <a:cubicBezTo>
                    <a:pt x="1867" y="988"/>
                    <a:pt x="1885" y="988"/>
                    <a:pt x="1898" y="986"/>
                  </a:cubicBezTo>
                  <a:cubicBezTo>
                    <a:pt x="1911" y="984"/>
                    <a:pt x="1937" y="980"/>
                    <a:pt x="1942" y="965"/>
                  </a:cubicBezTo>
                  <a:cubicBezTo>
                    <a:pt x="1947" y="951"/>
                    <a:pt x="1966" y="925"/>
                    <a:pt x="1969" y="913"/>
                  </a:cubicBezTo>
                  <a:cubicBezTo>
                    <a:pt x="1973" y="900"/>
                    <a:pt x="1975" y="885"/>
                    <a:pt x="1983" y="872"/>
                  </a:cubicBezTo>
                  <a:cubicBezTo>
                    <a:pt x="1991" y="860"/>
                    <a:pt x="1996" y="847"/>
                    <a:pt x="1992" y="837"/>
                  </a:cubicBezTo>
                  <a:cubicBezTo>
                    <a:pt x="1987" y="826"/>
                    <a:pt x="1985" y="820"/>
                    <a:pt x="1999" y="816"/>
                  </a:cubicBezTo>
                  <a:cubicBezTo>
                    <a:pt x="2014" y="811"/>
                    <a:pt x="2032" y="808"/>
                    <a:pt x="2052" y="805"/>
                  </a:cubicBezTo>
                  <a:cubicBezTo>
                    <a:pt x="2071" y="801"/>
                    <a:pt x="2089" y="786"/>
                    <a:pt x="2095" y="777"/>
                  </a:cubicBezTo>
                  <a:cubicBezTo>
                    <a:pt x="2101" y="768"/>
                    <a:pt x="2125" y="725"/>
                    <a:pt x="2126" y="714"/>
                  </a:cubicBezTo>
                  <a:cubicBezTo>
                    <a:pt x="2128" y="702"/>
                    <a:pt x="2136" y="671"/>
                    <a:pt x="2140" y="659"/>
                  </a:cubicBezTo>
                  <a:cubicBezTo>
                    <a:pt x="2144" y="647"/>
                    <a:pt x="2150" y="631"/>
                    <a:pt x="2157" y="620"/>
                  </a:cubicBezTo>
                  <a:cubicBezTo>
                    <a:pt x="2164" y="610"/>
                    <a:pt x="2169" y="597"/>
                    <a:pt x="2160" y="586"/>
                  </a:cubicBezTo>
                  <a:cubicBezTo>
                    <a:pt x="2151" y="575"/>
                    <a:pt x="2137" y="561"/>
                    <a:pt x="2147" y="550"/>
                  </a:cubicBezTo>
                  <a:cubicBezTo>
                    <a:pt x="2157" y="540"/>
                    <a:pt x="2168" y="530"/>
                    <a:pt x="2168" y="518"/>
                  </a:cubicBezTo>
                  <a:cubicBezTo>
                    <a:pt x="2168" y="506"/>
                    <a:pt x="2145" y="486"/>
                    <a:pt x="2119" y="499"/>
                  </a:cubicBezTo>
                  <a:cubicBezTo>
                    <a:pt x="2094" y="512"/>
                    <a:pt x="2064" y="526"/>
                    <a:pt x="2050" y="518"/>
                  </a:cubicBezTo>
                  <a:cubicBezTo>
                    <a:pt x="2035" y="511"/>
                    <a:pt x="2018" y="493"/>
                    <a:pt x="2012" y="482"/>
                  </a:cubicBezTo>
                  <a:cubicBezTo>
                    <a:pt x="2006" y="471"/>
                    <a:pt x="1989" y="465"/>
                    <a:pt x="1974" y="473"/>
                  </a:cubicBezTo>
                  <a:cubicBezTo>
                    <a:pt x="1959" y="481"/>
                    <a:pt x="1961" y="479"/>
                    <a:pt x="1958" y="456"/>
                  </a:cubicBezTo>
                  <a:cubicBezTo>
                    <a:pt x="1955" y="434"/>
                    <a:pt x="1942" y="445"/>
                    <a:pt x="1933" y="453"/>
                  </a:cubicBezTo>
                  <a:cubicBezTo>
                    <a:pt x="1925" y="461"/>
                    <a:pt x="1899" y="455"/>
                    <a:pt x="1893" y="449"/>
                  </a:cubicBezTo>
                  <a:cubicBezTo>
                    <a:pt x="1887" y="443"/>
                    <a:pt x="1900" y="436"/>
                    <a:pt x="1897" y="419"/>
                  </a:cubicBezTo>
                  <a:cubicBezTo>
                    <a:pt x="1895" y="401"/>
                    <a:pt x="1865" y="393"/>
                    <a:pt x="1839" y="402"/>
                  </a:cubicBezTo>
                  <a:cubicBezTo>
                    <a:pt x="1813" y="412"/>
                    <a:pt x="1779" y="430"/>
                    <a:pt x="1759" y="434"/>
                  </a:cubicBezTo>
                  <a:cubicBezTo>
                    <a:pt x="1738" y="438"/>
                    <a:pt x="1710" y="424"/>
                    <a:pt x="1713" y="407"/>
                  </a:cubicBezTo>
                  <a:cubicBezTo>
                    <a:pt x="1716" y="390"/>
                    <a:pt x="1713" y="388"/>
                    <a:pt x="1695" y="386"/>
                  </a:cubicBezTo>
                  <a:cubicBezTo>
                    <a:pt x="1677" y="384"/>
                    <a:pt x="1655" y="395"/>
                    <a:pt x="1632" y="345"/>
                  </a:cubicBezTo>
                  <a:cubicBezTo>
                    <a:pt x="1609" y="295"/>
                    <a:pt x="1295" y="100"/>
                    <a:pt x="1295" y="100"/>
                  </a:cubicBezTo>
                  <a:cubicBezTo>
                    <a:pt x="1041" y="0"/>
                    <a:pt x="1041" y="0"/>
                    <a:pt x="1041" y="0"/>
                  </a:cubicBezTo>
                  <a:cubicBezTo>
                    <a:pt x="676" y="141"/>
                    <a:pt x="676" y="141"/>
                    <a:pt x="676" y="141"/>
                  </a:cubicBezTo>
                  <a:cubicBezTo>
                    <a:pt x="252" y="164"/>
                    <a:pt x="252" y="164"/>
                    <a:pt x="252" y="164"/>
                  </a:cubicBezTo>
                  <a:cubicBezTo>
                    <a:pt x="0" y="303"/>
                    <a:pt x="0" y="303"/>
                    <a:pt x="0" y="303"/>
                  </a:cubicBezTo>
                  <a:cubicBezTo>
                    <a:pt x="119" y="623"/>
                    <a:pt x="119" y="623"/>
                    <a:pt x="119" y="623"/>
                  </a:cubicBezTo>
                  <a:cubicBezTo>
                    <a:pt x="297" y="1121"/>
                    <a:pt x="297" y="1121"/>
                    <a:pt x="297" y="1121"/>
                  </a:cubicBezTo>
                  <a:lnTo>
                    <a:pt x="397" y="1154"/>
                  </a:lnTo>
                  <a:close/>
                </a:path>
              </a:pathLst>
            </a:custGeom>
            <a:solidFill>
              <a:srgbClr val="00544A"/>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1" name="Freeform 30"/>
            <p:cNvSpPr>
              <a:spLocks noChangeArrowheads="1"/>
            </p:cNvSpPr>
            <p:nvPr/>
          </p:nvSpPr>
          <p:spPr bwMode="auto">
            <a:xfrm>
              <a:off x="1784959" y="2461121"/>
              <a:ext cx="1187346" cy="1016817"/>
            </a:xfrm>
            <a:custGeom>
              <a:gdLst>
                <a:gd fmla="*/ 727 w 2667" name="T0"/>
                <a:gd fmla="*/ 45 h 2283" name="T1"/>
                <a:gd fmla="*/ 820 w 2667" name="T2"/>
                <a:gd fmla="*/ 156 h 2283" name="T3"/>
                <a:gd fmla="*/ 810 w 2667" name="T4"/>
                <a:gd fmla="*/ 321 h 2283" name="T5"/>
                <a:gd fmla="*/ 842 w 2667" name="T6"/>
                <a:gd fmla="*/ 451 h 2283" name="T7"/>
                <a:gd fmla="*/ 936 w 2667" name="T8"/>
                <a:gd fmla="*/ 560 h 2283" name="T9"/>
                <a:gd fmla="*/ 1018 w 2667" name="T10"/>
                <a:gd fmla="*/ 508 h 2283" name="T11"/>
                <a:gd fmla="*/ 1170 w 2667" name="T12"/>
                <a:gd fmla="*/ 509 h 2283" name="T13"/>
                <a:gd fmla="*/ 1146 w 2667" name="T14"/>
                <a:gd fmla="*/ 626 h 2283" name="T15"/>
                <a:gd fmla="*/ 1204 w 2667" name="T16"/>
                <a:gd fmla="*/ 718 h 2283" name="T17"/>
                <a:gd fmla="*/ 1318 w 2667" name="T18"/>
                <a:gd fmla="*/ 779 h 2283" name="T19"/>
                <a:gd fmla="*/ 1410 w 2667" name="T20"/>
                <a:gd fmla="*/ 884 h 2283" name="T21"/>
                <a:gd fmla="*/ 1528 w 2667" name="T22"/>
                <a:gd fmla="*/ 909 h 2283" name="T23"/>
                <a:gd fmla="*/ 1632 w 2667" name="T24"/>
                <a:gd fmla="*/ 831 h 2283" name="T25"/>
                <a:gd fmla="*/ 1762 w 2667" name="T26"/>
                <a:gd fmla="*/ 805 h 2283" name="T27"/>
                <a:gd fmla="*/ 1872 w 2667" name="T28"/>
                <a:gd fmla="*/ 880 h 2283" name="T29"/>
                <a:gd fmla="*/ 1858 w 2667" name="T30"/>
                <a:gd fmla="*/ 969 h 2283" name="T31"/>
                <a:gd fmla="*/ 1779 w 2667" name="T32"/>
                <a:gd fmla="*/ 1034 h 2283" name="T33"/>
                <a:gd fmla="*/ 1787 w 2667" name="T34"/>
                <a:gd fmla="*/ 1149 h 2283" name="T35"/>
                <a:gd fmla="*/ 1887 w 2667" name="T36"/>
                <a:gd fmla="*/ 1224 h 2283" name="T37"/>
                <a:gd fmla="*/ 1959 w 2667" name="T38"/>
                <a:gd fmla="*/ 1270 h 2283" name="T39"/>
                <a:gd fmla="*/ 2046 w 2667" name="T40"/>
                <a:gd fmla="*/ 1350 h 2283" name="T41"/>
                <a:gd fmla="*/ 2112 w 2667" name="T42"/>
                <a:gd fmla="*/ 1471 h 2283" name="T43"/>
                <a:gd fmla="*/ 2074 w 2667" name="T44"/>
                <a:gd fmla="*/ 1560 h 2283" name="T45"/>
                <a:gd fmla="*/ 2197 w 2667" name="T46"/>
                <a:gd fmla="*/ 1654 h 2283" name="T47"/>
                <a:gd fmla="*/ 2284 w 2667" name="T48"/>
                <a:gd fmla="*/ 1607 h 2283" name="T49"/>
                <a:gd fmla="*/ 2368 w 2667" name="T50"/>
                <a:gd fmla="*/ 1501 h 2283" name="T51"/>
                <a:gd fmla="*/ 2298 w 2667" name="T52"/>
                <a:gd fmla="*/ 1453 h 2283" name="T53"/>
                <a:gd fmla="*/ 2309 w 2667" name="T54"/>
                <a:gd fmla="*/ 1372 h 2283" name="T55"/>
                <a:gd fmla="*/ 2339 w 2667" name="T56"/>
                <a:gd fmla="*/ 1282 h 2283" name="T57"/>
                <a:gd fmla="*/ 2405 w 2667" name="T58"/>
                <a:gd fmla="*/ 1315 h 2283" name="T59"/>
                <a:gd fmla="*/ 2551 w 2667" name="T60"/>
                <a:gd fmla="*/ 1390 h 2283" name="T61"/>
                <a:gd fmla="*/ 2634 w 2667" name="T62"/>
                <a:gd fmla="*/ 1427 h 2283" name="T63"/>
                <a:gd fmla="*/ 2637 w 2667" name="T64"/>
                <a:gd fmla="*/ 1538 h 2283" name="T65"/>
                <a:gd fmla="*/ 2649 w 2667" name="T66"/>
                <a:gd fmla="*/ 1622 h 2283" name="T67"/>
                <a:gd fmla="*/ 2547 w 2667" name="T68"/>
                <a:gd fmla="*/ 1687 h 2283" name="T69"/>
                <a:gd fmla="*/ 2514 w 2667" name="T70"/>
                <a:gd fmla="*/ 1747 h 2283" name="T71"/>
                <a:gd fmla="*/ 2387 w 2667" name="T72"/>
                <a:gd fmla="*/ 1756 h 2283" name="T73"/>
                <a:gd fmla="*/ 2289 w 2667" name="T74"/>
                <a:gd fmla="*/ 1781 h 2283" name="T75"/>
                <a:gd fmla="*/ 2264 w 2667" name="T76"/>
                <a:gd fmla="*/ 1873 h 2283" name="T77"/>
                <a:gd fmla="*/ 2280 w 2667" name="T78"/>
                <a:gd fmla="*/ 1957 h 2283" name="T79"/>
                <a:gd fmla="*/ 2283 w 2667" name="T80"/>
                <a:gd fmla="*/ 2062 h 2283" name="T81"/>
                <a:gd fmla="*/ 2192 w 2667" name="T82"/>
                <a:gd fmla="*/ 2055 h 2283" name="T83"/>
                <a:gd fmla="*/ 2152 w 2667" name="T84"/>
                <a:gd fmla="*/ 2211 h 2283" name="T85"/>
                <a:gd fmla="*/ 2050 w 2667" name="T86"/>
                <a:gd fmla="*/ 2280 h 2283" name="T87"/>
                <a:gd fmla="*/ 1906 w 2667" name="T88"/>
                <a:gd fmla="*/ 2158 h 2283" name="T89"/>
                <a:gd fmla="*/ 1766 w 2667" name="T90"/>
                <a:gd fmla="*/ 2094 h 2283" name="T91"/>
                <a:gd fmla="*/ 1679 w 2667" name="T92"/>
                <a:gd fmla="*/ 1922 h 2283" name="T93"/>
                <a:gd fmla="*/ 1520 w 2667" name="T94"/>
                <a:gd fmla="*/ 1977 h 2283" name="T95"/>
                <a:gd fmla="*/ 1416 w 2667" name="T96"/>
                <a:gd fmla="*/ 2049 h 2283" name="T97"/>
                <a:gd fmla="*/ 617 w 2667" name="T98"/>
                <a:gd fmla="*/ 1016 h 2283" name="T99"/>
                <a:gd fmla="*/ 0 w 2667" name="T100"/>
                <a:gd fmla="*/ 590 h 2283" name="T101"/>
                <a:gd fmla="*/ 539 w 2667" name="T102"/>
                <a:gd fmla="*/ 0 h 2283"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60000 65536" name="T147"/>
                <a:gd fmla="*/ 0 60000 65536" name="T148"/>
                <a:gd fmla="*/ 0 60000 65536" name="T149"/>
                <a:gd fmla="*/ 0 60000 65536" name="T150"/>
                <a:gd fmla="*/ 0 60000 65536" name="T151"/>
                <a:gd fmla="*/ 0 60000 65536" name="T152"/>
                <a:gd fmla="*/ 0 60000 65536" name="T153"/>
                <a:gd fmla="*/ 0 60000 65536" name="T154"/>
                <a:gd fmla="*/ 0 60000 65536" name="T155"/>
                <a:gd fmla="*/ 0 w 2667" name="T156"/>
                <a:gd fmla="*/ 0 h 2283" name="T157"/>
                <a:gd fmla="*/ 2667 w 2667" name="T158"/>
                <a:gd fmla="*/ 2283 h 2283" name="T159"/>
              </a:gdLst>
              <a:cxnLst>
                <a:cxn ang="T104">
                  <a:pos x="T0" y="T1"/>
                </a:cxn>
                <a:cxn ang="T105">
                  <a:pos x="T2" y="T3"/>
                </a:cxn>
                <a:cxn ang="T106">
                  <a:pos x="T4" y="T5"/>
                </a:cxn>
                <a:cxn ang="T107">
                  <a:pos x="T6" y="T7"/>
                </a:cxn>
                <a:cxn ang="T108">
                  <a:pos x="T8" y="T9"/>
                </a:cxn>
                <a:cxn ang="T109">
                  <a:pos x="T10" y="T11"/>
                </a:cxn>
                <a:cxn ang="T110">
                  <a:pos x="T12" y="T13"/>
                </a:cxn>
                <a:cxn ang="T111">
                  <a:pos x="T14" y="T15"/>
                </a:cxn>
                <a:cxn ang="T112">
                  <a:pos x="T16" y="T17"/>
                </a:cxn>
                <a:cxn ang="T113">
                  <a:pos x="T18" y="T19"/>
                </a:cxn>
                <a:cxn ang="T114">
                  <a:pos x="T20" y="T21"/>
                </a:cxn>
                <a:cxn ang="T115">
                  <a:pos x="T22" y="T23"/>
                </a:cxn>
                <a:cxn ang="T116">
                  <a:pos x="T24" y="T25"/>
                </a:cxn>
                <a:cxn ang="T117">
                  <a:pos x="T26" y="T27"/>
                </a:cxn>
                <a:cxn ang="T118">
                  <a:pos x="T28" y="T29"/>
                </a:cxn>
                <a:cxn ang="T119">
                  <a:pos x="T30" y="T31"/>
                </a:cxn>
                <a:cxn ang="T120">
                  <a:pos x="T32" y="T33"/>
                </a:cxn>
                <a:cxn ang="T121">
                  <a:pos x="T34" y="T35"/>
                </a:cxn>
                <a:cxn ang="T122">
                  <a:pos x="T36" y="T37"/>
                </a:cxn>
                <a:cxn ang="T123">
                  <a:pos x="T38" y="T39"/>
                </a:cxn>
                <a:cxn ang="T124">
                  <a:pos x="T40" y="T41"/>
                </a:cxn>
                <a:cxn ang="T125">
                  <a:pos x="T42" y="T43"/>
                </a:cxn>
                <a:cxn ang="T126">
                  <a:pos x="T44" y="T45"/>
                </a:cxn>
                <a:cxn ang="T127">
                  <a:pos x="T46" y="T47"/>
                </a:cxn>
                <a:cxn ang="T128">
                  <a:pos x="T48" y="T49"/>
                </a:cxn>
                <a:cxn ang="T129">
                  <a:pos x="T50" y="T51"/>
                </a:cxn>
                <a:cxn ang="T130">
                  <a:pos x="T52" y="T53"/>
                </a:cxn>
                <a:cxn ang="T131">
                  <a:pos x="T54" y="T55"/>
                </a:cxn>
                <a:cxn ang="T132">
                  <a:pos x="T56" y="T57"/>
                </a:cxn>
                <a:cxn ang="T133">
                  <a:pos x="T58" y="T59"/>
                </a:cxn>
                <a:cxn ang="T134">
                  <a:pos x="T60" y="T61"/>
                </a:cxn>
                <a:cxn ang="T135">
                  <a:pos x="T62" y="T63"/>
                </a:cxn>
                <a:cxn ang="T136">
                  <a:pos x="T64" y="T65"/>
                </a:cxn>
                <a:cxn ang="T137">
                  <a:pos x="T66" y="T67"/>
                </a:cxn>
                <a:cxn ang="T138">
                  <a:pos x="T68" y="T69"/>
                </a:cxn>
                <a:cxn ang="T139">
                  <a:pos x="T70" y="T71"/>
                </a:cxn>
                <a:cxn ang="T140">
                  <a:pos x="T72" y="T73"/>
                </a:cxn>
                <a:cxn ang="T141">
                  <a:pos x="T74" y="T75"/>
                </a:cxn>
                <a:cxn ang="T142">
                  <a:pos x="T76" y="T77"/>
                </a:cxn>
                <a:cxn ang="T143">
                  <a:pos x="T78" y="T79"/>
                </a:cxn>
                <a:cxn ang="T144">
                  <a:pos x="T80" y="T81"/>
                </a:cxn>
                <a:cxn ang="T145">
                  <a:pos x="T82" y="T83"/>
                </a:cxn>
                <a:cxn ang="T146">
                  <a:pos x="T84" y="T85"/>
                </a:cxn>
                <a:cxn ang="T147">
                  <a:pos x="T86" y="T87"/>
                </a:cxn>
                <a:cxn ang="T148">
                  <a:pos x="T88" y="T89"/>
                </a:cxn>
                <a:cxn ang="T149">
                  <a:pos x="T90" y="T91"/>
                </a:cxn>
                <a:cxn ang="T150">
                  <a:pos x="T92" y="T93"/>
                </a:cxn>
                <a:cxn ang="T151">
                  <a:pos x="T94" y="T95"/>
                </a:cxn>
                <a:cxn ang="T152">
                  <a:pos x="T96" y="T97"/>
                </a:cxn>
                <a:cxn ang="T153">
                  <a:pos x="T98" y="T99"/>
                </a:cxn>
                <a:cxn ang="T154">
                  <a:pos x="T100" y="T101"/>
                </a:cxn>
                <a:cxn ang="T155">
                  <a:pos x="T102" y="T103"/>
                </a:cxn>
              </a:cxnLst>
              <a:rect b="T159" l="T156" r="T158" t="T157"/>
              <a:pathLst>
                <a:path h="2283" w="2667">
                  <a:moveTo>
                    <a:pt x="622" y="23"/>
                  </a:moveTo>
                  <a:cubicBezTo>
                    <a:pt x="630" y="30"/>
                    <a:pt x="646" y="32"/>
                    <a:pt x="681" y="32"/>
                  </a:cubicBezTo>
                  <a:cubicBezTo>
                    <a:pt x="737" y="34"/>
                    <a:pt x="706" y="35"/>
                    <a:pt x="727" y="45"/>
                  </a:cubicBezTo>
                  <a:cubicBezTo>
                    <a:pt x="747" y="55"/>
                    <a:pt x="759" y="63"/>
                    <a:pt x="793" y="54"/>
                  </a:cubicBezTo>
                  <a:cubicBezTo>
                    <a:pt x="793" y="54"/>
                    <a:pt x="808" y="76"/>
                    <a:pt x="809" y="88"/>
                  </a:cubicBezTo>
                  <a:cubicBezTo>
                    <a:pt x="810" y="100"/>
                    <a:pt x="819" y="137"/>
                    <a:pt x="820" y="156"/>
                  </a:cubicBezTo>
                  <a:cubicBezTo>
                    <a:pt x="821" y="174"/>
                    <a:pt x="823" y="188"/>
                    <a:pt x="820" y="203"/>
                  </a:cubicBezTo>
                  <a:cubicBezTo>
                    <a:pt x="816" y="218"/>
                    <a:pt x="812" y="230"/>
                    <a:pt x="808" y="246"/>
                  </a:cubicBezTo>
                  <a:cubicBezTo>
                    <a:pt x="804" y="262"/>
                    <a:pt x="807" y="310"/>
                    <a:pt x="810" y="321"/>
                  </a:cubicBezTo>
                  <a:cubicBezTo>
                    <a:pt x="814" y="332"/>
                    <a:pt x="822" y="335"/>
                    <a:pt x="827" y="352"/>
                  </a:cubicBezTo>
                  <a:cubicBezTo>
                    <a:pt x="832" y="370"/>
                    <a:pt x="834" y="396"/>
                    <a:pt x="834" y="411"/>
                  </a:cubicBezTo>
                  <a:cubicBezTo>
                    <a:pt x="834" y="426"/>
                    <a:pt x="831" y="440"/>
                    <a:pt x="842" y="451"/>
                  </a:cubicBezTo>
                  <a:cubicBezTo>
                    <a:pt x="853" y="462"/>
                    <a:pt x="870" y="484"/>
                    <a:pt x="873" y="497"/>
                  </a:cubicBezTo>
                  <a:cubicBezTo>
                    <a:pt x="876" y="509"/>
                    <a:pt x="881" y="542"/>
                    <a:pt x="895" y="549"/>
                  </a:cubicBezTo>
                  <a:cubicBezTo>
                    <a:pt x="908" y="557"/>
                    <a:pt x="924" y="565"/>
                    <a:pt x="936" y="560"/>
                  </a:cubicBezTo>
                  <a:cubicBezTo>
                    <a:pt x="947" y="555"/>
                    <a:pt x="956" y="559"/>
                    <a:pt x="963" y="541"/>
                  </a:cubicBezTo>
                  <a:cubicBezTo>
                    <a:pt x="971" y="524"/>
                    <a:pt x="981" y="534"/>
                    <a:pt x="994" y="528"/>
                  </a:cubicBezTo>
                  <a:cubicBezTo>
                    <a:pt x="1007" y="523"/>
                    <a:pt x="1013" y="518"/>
                    <a:pt x="1018" y="508"/>
                  </a:cubicBezTo>
                  <a:cubicBezTo>
                    <a:pt x="1024" y="499"/>
                    <a:pt x="1049" y="486"/>
                    <a:pt x="1061" y="487"/>
                  </a:cubicBezTo>
                  <a:cubicBezTo>
                    <a:pt x="1072" y="487"/>
                    <a:pt x="1093" y="490"/>
                    <a:pt x="1116" y="496"/>
                  </a:cubicBezTo>
                  <a:cubicBezTo>
                    <a:pt x="1139" y="501"/>
                    <a:pt x="1165" y="491"/>
                    <a:pt x="1170" y="509"/>
                  </a:cubicBezTo>
                  <a:cubicBezTo>
                    <a:pt x="1174" y="527"/>
                    <a:pt x="1179" y="546"/>
                    <a:pt x="1170" y="566"/>
                  </a:cubicBezTo>
                  <a:cubicBezTo>
                    <a:pt x="1161" y="586"/>
                    <a:pt x="1162" y="593"/>
                    <a:pt x="1161" y="609"/>
                  </a:cubicBezTo>
                  <a:cubicBezTo>
                    <a:pt x="1159" y="624"/>
                    <a:pt x="1161" y="626"/>
                    <a:pt x="1146" y="626"/>
                  </a:cubicBezTo>
                  <a:cubicBezTo>
                    <a:pt x="1131" y="625"/>
                    <a:pt x="1122" y="639"/>
                    <a:pt x="1124" y="648"/>
                  </a:cubicBezTo>
                  <a:cubicBezTo>
                    <a:pt x="1126" y="657"/>
                    <a:pt x="1122" y="666"/>
                    <a:pt x="1146" y="674"/>
                  </a:cubicBezTo>
                  <a:cubicBezTo>
                    <a:pt x="1170" y="683"/>
                    <a:pt x="1196" y="707"/>
                    <a:pt x="1204" y="718"/>
                  </a:cubicBezTo>
                  <a:cubicBezTo>
                    <a:pt x="1212" y="730"/>
                    <a:pt x="1219" y="756"/>
                    <a:pt x="1237" y="755"/>
                  </a:cubicBezTo>
                  <a:cubicBezTo>
                    <a:pt x="1255" y="754"/>
                    <a:pt x="1270" y="752"/>
                    <a:pt x="1286" y="755"/>
                  </a:cubicBezTo>
                  <a:cubicBezTo>
                    <a:pt x="1302" y="757"/>
                    <a:pt x="1323" y="761"/>
                    <a:pt x="1318" y="779"/>
                  </a:cubicBezTo>
                  <a:cubicBezTo>
                    <a:pt x="1314" y="797"/>
                    <a:pt x="1309" y="805"/>
                    <a:pt x="1312" y="823"/>
                  </a:cubicBezTo>
                  <a:cubicBezTo>
                    <a:pt x="1316" y="842"/>
                    <a:pt x="1331" y="871"/>
                    <a:pt x="1351" y="878"/>
                  </a:cubicBezTo>
                  <a:cubicBezTo>
                    <a:pt x="1371" y="885"/>
                    <a:pt x="1397" y="885"/>
                    <a:pt x="1410" y="884"/>
                  </a:cubicBezTo>
                  <a:cubicBezTo>
                    <a:pt x="1422" y="884"/>
                    <a:pt x="1430" y="901"/>
                    <a:pt x="1449" y="900"/>
                  </a:cubicBezTo>
                  <a:cubicBezTo>
                    <a:pt x="1468" y="899"/>
                    <a:pt x="1479" y="897"/>
                    <a:pt x="1491" y="903"/>
                  </a:cubicBezTo>
                  <a:cubicBezTo>
                    <a:pt x="1503" y="909"/>
                    <a:pt x="1520" y="914"/>
                    <a:pt x="1528" y="909"/>
                  </a:cubicBezTo>
                  <a:cubicBezTo>
                    <a:pt x="1537" y="903"/>
                    <a:pt x="1560" y="888"/>
                    <a:pt x="1565" y="879"/>
                  </a:cubicBezTo>
                  <a:cubicBezTo>
                    <a:pt x="1570" y="871"/>
                    <a:pt x="1596" y="847"/>
                    <a:pt x="1601" y="839"/>
                  </a:cubicBezTo>
                  <a:cubicBezTo>
                    <a:pt x="1605" y="832"/>
                    <a:pt x="1616" y="825"/>
                    <a:pt x="1632" y="831"/>
                  </a:cubicBezTo>
                  <a:cubicBezTo>
                    <a:pt x="1648" y="837"/>
                    <a:pt x="1661" y="836"/>
                    <a:pt x="1670" y="819"/>
                  </a:cubicBezTo>
                  <a:cubicBezTo>
                    <a:pt x="1680" y="802"/>
                    <a:pt x="1692" y="794"/>
                    <a:pt x="1712" y="795"/>
                  </a:cubicBezTo>
                  <a:cubicBezTo>
                    <a:pt x="1731" y="797"/>
                    <a:pt x="1746" y="805"/>
                    <a:pt x="1762" y="805"/>
                  </a:cubicBezTo>
                  <a:cubicBezTo>
                    <a:pt x="1777" y="805"/>
                    <a:pt x="1814" y="806"/>
                    <a:pt x="1821" y="812"/>
                  </a:cubicBezTo>
                  <a:cubicBezTo>
                    <a:pt x="1828" y="817"/>
                    <a:pt x="1849" y="828"/>
                    <a:pt x="1858" y="834"/>
                  </a:cubicBezTo>
                  <a:cubicBezTo>
                    <a:pt x="1867" y="840"/>
                    <a:pt x="1880" y="856"/>
                    <a:pt x="1872" y="880"/>
                  </a:cubicBezTo>
                  <a:cubicBezTo>
                    <a:pt x="1863" y="904"/>
                    <a:pt x="1865" y="900"/>
                    <a:pt x="1855" y="905"/>
                  </a:cubicBezTo>
                  <a:cubicBezTo>
                    <a:pt x="1845" y="911"/>
                    <a:pt x="1840" y="911"/>
                    <a:pt x="1850" y="927"/>
                  </a:cubicBezTo>
                  <a:cubicBezTo>
                    <a:pt x="1859" y="943"/>
                    <a:pt x="1862" y="957"/>
                    <a:pt x="1858" y="969"/>
                  </a:cubicBezTo>
                  <a:cubicBezTo>
                    <a:pt x="1854" y="981"/>
                    <a:pt x="1856" y="997"/>
                    <a:pt x="1835" y="1004"/>
                  </a:cubicBezTo>
                  <a:cubicBezTo>
                    <a:pt x="1814" y="1011"/>
                    <a:pt x="1807" y="1013"/>
                    <a:pt x="1796" y="1016"/>
                  </a:cubicBezTo>
                  <a:cubicBezTo>
                    <a:pt x="1785" y="1020"/>
                    <a:pt x="1772" y="1023"/>
                    <a:pt x="1779" y="1034"/>
                  </a:cubicBezTo>
                  <a:cubicBezTo>
                    <a:pt x="1786" y="1044"/>
                    <a:pt x="1787" y="1054"/>
                    <a:pt x="1782" y="1066"/>
                  </a:cubicBezTo>
                  <a:cubicBezTo>
                    <a:pt x="1777" y="1079"/>
                    <a:pt x="1769" y="1084"/>
                    <a:pt x="1772" y="1108"/>
                  </a:cubicBezTo>
                  <a:cubicBezTo>
                    <a:pt x="1775" y="1132"/>
                    <a:pt x="1773" y="1141"/>
                    <a:pt x="1787" y="1149"/>
                  </a:cubicBezTo>
                  <a:cubicBezTo>
                    <a:pt x="1801" y="1158"/>
                    <a:pt x="1831" y="1158"/>
                    <a:pt x="1830" y="1180"/>
                  </a:cubicBezTo>
                  <a:cubicBezTo>
                    <a:pt x="1830" y="1203"/>
                    <a:pt x="1836" y="1198"/>
                    <a:pt x="1852" y="1205"/>
                  </a:cubicBezTo>
                  <a:cubicBezTo>
                    <a:pt x="1869" y="1212"/>
                    <a:pt x="1874" y="1224"/>
                    <a:pt x="1887" y="1224"/>
                  </a:cubicBezTo>
                  <a:cubicBezTo>
                    <a:pt x="1900" y="1225"/>
                    <a:pt x="1922" y="1229"/>
                    <a:pt x="1932" y="1230"/>
                  </a:cubicBezTo>
                  <a:cubicBezTo>
                    <a:pt x="1942" y="1231"/>
                    <a:pt x="1953" y="1235"/>
                    <a:pt x="1946" y="1247"/>
                  </a:cubicBezTo>
                  <a:cubicBezTo>
                    <a:pt x="1938" y="1259"/>
                    <a:pt x="1947" y="1267"/>
                    <a:pt x="1959" y="1270"/>
                  </a:cubicBezTo>
                  <a:cubicBezTo>
                    <a:pt x="1972" y="1273"/>
                    <a:pt x="1989" y="1273"/>
                    <a:pt x="1995" y="1291"/>
                  </a:cubicBezTo>
                  <a:cubicBezTo>
                    <a:pt x="2001" y="1309"/>
                    <a:pt x="2003" y="1314"/>
                    <a:pt x="2015" y="1323"/>
                  </a:cubicBezTo>
                  <a:cubicBezTo>
                    <a:pt x="2026" y="1332"/>
                    <a:pt x="2042" y="1336"/>
                    <a:pt x="2046" y="1350"/>
                  </a:cubicBezTo>
                  <a:cubicBezTo>
                    <a:pt x="2050" y="1365"/>
                    <a:pt x="2055" y="1376"/>
                    <a:pt x="2053" y="1388"/>
                  </a:cubicBezTo>
                  <a:cubicBezTo>
                    <a:pt x="2052" y="1400"/>
                    <a:pt x="2065" y="1411"/>
                    <a:pt x="2075" y="1425"/>
                  </a:cubicBezTo>
                  <a:cubicBezTo>
                    <a:pt x="2085" y="1439"/>
                    <a:pt x="2104" y="1455"/>
                    <a:pt x="2112" y="1471"/>
                  </a:cubicBezTo>
                  <a:cubicBezTo>
                    <a:pt x="2119" y="1486"/>
                    <a:pt x="2117" y="1486"/>
                    <a:pt x="2112" y="1498"/>
                  </a:cubicBezTo>
                  <a:cubicBezTo>
                    <a:pt x="2106" y="1509"/>
                    <a:pt x="2104" y="1530"/>
                    <a:pt x="2092" y="1536"/>
                  </a:cubicBezTo>
                  <a:cubicBezTo>
                    <a:pt x="2079" y="1542"/>
                    <a:pt x="2068" y="1545"/>
                    <a:pt x="2074" y="1560"/>
                  </a:cubicBezTo>
                  <a:cubicBezTo>
                    <a:pt x="2079" y="1575"/>
                    <a:pt x="2080" y="1582"/>
                    <a:pt x="2093" y="1589"/>
                  </a:cubicBezTo>
                  <a:cubicBezTo>
                    <a:pt x="2105" y="1596"/>
                    <a:pt x="2136" y="1597"/>
                    <a:pt x="2145" y="1614"/>
                  </a:cubicBezTo>
                  <a:cubicBezTo>
                    <a:pt x="2155" y="1630"/>
                    <a:pt x="2174" y="1641"/>
                    <a:pt x="2197" y="1654"/>
                  </a:cubicBezTo>
                  <a:cubicBezTo>
                    <a:pt x="2220" y="1668"/>
                    <a:pt x="2240" y="1682"/>
                    <a:pt x="2249" y="1677"/>
                  </a:cubicBezTo>
                  <a:cubicBezTo>
                    <a:pt x="2258" y="1671"/>
                    <a:pt x="2278" y="1669"/>
                    <a:pt x="2272" y="1646"/>
                  </a:cubicBezTo>
                  <a:cubicBezTo>
                    <a:pt x="2267" y="1623"/>
                    <a:pt x="2257" y="1614"/>
                    <a:pt x="2284" y="1607"/>
                  </a:cubicBezTo>
                  <a:cubicBezTo>
                    <a:pt x="2311" y="1600"/>
                    <a:pt x="2337" y="1598"/>
                    <a:pt x="2336" y="1575"/>
                  </a:cubicBezTo>
                  <a:cubicBezTo>
                    <a:pt x="2335" y="1552"/>
                    <a:pt x="2343" y="1545"/>
                    <a:pt x="2350" y="1534"/>
                  </a:cubicBezTo>
                  <a:cubicBezTo>
                    <a:pt x="2356" y="1522"/>
                    <a:pt x="2376" y="1512"/>
                    <a:pt x="2368" y="1501"/>
                  </a:cubicBezTo>
                  <a:cubicBezTo>
                    <a:pt x="2361" y="1490"/>
                    <a:pt x="2335" y="1488"/>
                    <a:pt x="2323" y="1480"/>
                  </a:cubicBezTo>
                  <a:cubicBezTo>
                    <a:pt x="2311" y="1472"/>
                    <a:pt x="2307" y="1479"/>
                    <a:pt x="2296" y="1475"/>
                  </a:cubicBezTo>
                  <a:cubicBezTo>
                    <a:pt x="2286" y="1471"/>
                    <a:pt x="2288" y="1466"/>
                    <a:pt x="2298" y="1453"/>
                  </a:cubicBezTo>
                  <a:cubicBezTo>
                    <a:pt x="2308" y="1440"/>
                    <a:pt x="2301" y="1433"/>
                    <a:pt x="2295" y="1428"/>
                  </a:cubicBezTo>
                  <a:cubicBezTo>
                    <a:pt x="2290" y="1422"/>
                    <a:pt x="2290" y="1420"/>
                    <a:pt x="2294" y="1408"/>
                  </a:cubicBezTo>
                  <a:cubicBezTo>
                    <a:pt x="2299" y="1396"/>
                    <a:pt x="2290" y="1379"/>
                    <a:pt x="2309" y="1372"/>
                  </a:cubicBezTo>
                  <a:cubicBezTo>
                    <a:pt x="2327" y="1366"/>
                    <a:pt x="2326" y="1363"/>
                    <a:pt x="2316" y="1346"/>
                  </a:cubicBezTo>
                  <a:cubicBezTo>
                    <a:pt x="2306" y="1328"/>
                    <a:pt x="2311" y="1314"/>
                    <a:pt x="2313" y="1301"/>
                  </a:cubicBezTo>
                  <a:cubicBezTo>
                    <a:pt x="2314" y="1288"/>
                    <a:pt x="2322" y="1276"/>
                    <a:pt x="2339" y="1282"/>
                  </a:cubicBezTo>
                  <a:cubicBezTo>
                    <a:pt x="2356" y="1287"/>
                    <a:pt x="2362" y="1291"/>
                    <a:pt x="2373" y="1284"/>
                  </a:cubicBezTo>
                  <a:cubicBezTo>
                    <a:pt x="2385" y="1277"/>
                    <a:pt x="2392" y="1282"/>
                    <a:pt x="2400" y="1292"/>
                  </a:cubicBezTo>
                  <a:cubicBezTo>
                    <a:pt x="2409" y="1303"/>
                    <a:pt x="2398" y="1306"/>
                    <a:pt x="2405" y="1315"/>
                  </a:cubicBezTo>
                  <a:cubicBezTo>
                    <a:pt x="2412" y="1325"/>
                    <a:pt x="2422" y="1335"/>
                    <a:pt x="2445" y="1341"/>
                  </a:cubicBezTo>
                  <a:cubicBezTo>
                    <a:pt x="2467" y="1347"/>
                    <a:pt x="2473" y="1338"/>
                    <a:pt x="2495" y="1351"/>
                  </a:cubicBezTo>
                  <a:cubicBezTo>
                    <a:pt x="2516" y="1363"/>
                    <a:pt x="2536" y="1380"/>
                    <a:pt x="2551" y="1390"/>
                  </a:cubicBezTo>
                  <a:cubicBezTo>
                    <a:pt x="2566" y="1400"/>
                    <a:pt x="2566" y="1407"/>
                    <a:pt x="2580" y="1402"/>
                  </a:cubicBezTo>
                  <a:cubicBezTo>
                    <a:pt x="2594" y="1398"/>
                    <a:pt x="2599" y="1401"/>
                    <a:pt x="2608" y="1412"/>
                  </a:cubicBezTo>
                  <a:cubicBezTo>
                    <a:pt x="2617" y="1423"/>
                    <a:pt x="2619" y="1424"/>
                    <a:pt x="2634" y="1427"/>
                  </a:cubicBezTo>
                  <a:cubicBezTo>
                    <a:pt x="2649" y="1430"/>
                    <a:pt x="2667" y="1432"/>
                    <a:pt x="2660" y="1465"/>
                  </a:cubicBezTo>
                  <a:cubicBezTo>
                    <a:pt x="2652" y="1499"/>
                    <a:pt x="2663" y="1495"/>
                    <a:pt x="2659" y="1507"/>
                  </a:cubicBezTo>
                  <a:cubicBezTo>
                    <a:pt x="2655" y="1520"/>
                    <a:pt x="2645" y="1531"/>
                    <a:pt x="2637" y="1538"/>
                  </a:cubicBezTo>
                  <a:cubicBezTo>
                    <a:pt x="2630" y="1545"/>
                    <a:pt x="2631" y="1558"/>
                    <a:pt x="2634" y="1568"/>
                  </a:cubicBezTo>
                  <a:cubicBezTo>
                    <a:pt x="2636" y="1578"/>
                    <a:pt x="2631" y="1578"/>
                    <a:pt x="2636" y="1592"/>
                  </a:cubicBezTo>
                  <a:cubicBezTo>
                    <a:pt x="2642" y="1606"/>
                    <a:pt x="2646" y="1595"/>
                    <a:pt x="2649" y="1622"/>
                  </a:cubicBezTo>
                  <a:cubicBezTo>
                    <a:pt x="2653" y="1648"/>
                    <a:pt x="2653" y="1662"/>
                    <a:pt x="2640" y="1667"/>
                  </a:cubicBezTo>
                  <a:cubicBezTo>
                    <a:pt x="2628" y="1672"/>
                    <a:pt x="2610" y="1669"/>
                    <a:pt x="2595" y="1668"/>
                  </a:cubicBezTo>
                  <a:cubicBezTo>
                    <a:pt x="2579" y="1667"/>
                    <a:pt x="2557" y="1671"/>
                    <a:pt x="2547" y="1687"/>
                  </a:cubicBezTo>
                  <a:cubicBezTo>
                    <a:pt x="2536" y="1702"/>
                    <a:pt x="2515" y="1683"/>
                    <a:pt x="2506" y="1680"/>
                  </a:cubicBezTo>
                  <a:cubicBezTo>
                    <a:pt x="2496" y="1676"/>
                    <a:pt x="2489" y="1679"/>
                    <a:pt x="2500" y="1697"/>
                  </a:cubicBezTo>
                  <a:cubicBezTo>
                    <a:pt x="2512" y="1714"/>
                    <a:pt x="2523" y="1741"/>
                    <a:pt x="2514" y="1747"/>
                  </a:cubicBezTo>
                  <a:cubicBezTo>
                    <a:pt x="2504" y="1754"/>
                    <a:pt x="2489" y="1755"/>
                    <a:pt x="2475" y="1759"/>
                  </a:cubicBezTo>
                  <a:cubicBezTo>
                    <a:pt x="2460" y="1762"/>
                    <a:pt x="2443" y="1752"/>
                    <a:pt x="2426" y="1763"/>
                  </a:cubicBezTo>
                  <a:cubicBezTo>
                    <a:pt x="2409" y="1774"/>
                    <a:pt x="2391" y="1766"/>
                    <a:pt x="2387" y="1756"/>
                  </a:cubicBezTo>
                  <a:cubicBezTo>
                    <a:pt x="2383" y="1746"/>
                    <a:pt x="2373" y="1724"/>
                    <a:pt x="2356" y="1726"/>
                  </a:cubicBezTo>
                  <a:cubicBezTo>
                    <a:pt x="2339" y="1729"/>
                    <a:pt x="2312" y="1718"/>
                    <a:pt x="2302" y="1742"/>
                  </a:cubicBezTo>
                  <a:cubicBezTo>
                    <a:pt x="2292" y="1766"/>
                    <a:pt x="2299" y="1764"/>
                    <a:pt x="2289" y="1781"/>
                  </a:cubicBezTo>
                  <a:cubicBezTo>
                    <a:pt x="2280" y="1798"/>
                    <a:pt x="2282" y="1809"/>
                    <a:pt x="2273" y="1820"/>
                  </a:cubicBezTo>
                  <a:cubicBezTo>
                    <a:pt x="2265" y="1832"/>
                    <a:pt x="2256" y="1833"/>
                    <a:pt x="2254" y="1847"/>
                  </a:cubicBezTo>
                  <a:cubicBezTo>
                    <a:pt x="2253" y="1860"/>
                    <a:pt x="2247" y="1868"/>
                    <a:pt x="2264" y="1873"/>
                  </a:cubicBezTo>
                  <a:cubicBezTo>
                    <a:pt x="2281" y="1878"/>
                    <a:pt x="2304" y="1872"/>
                    <a:pt x="2307" y="1885"/>
                  </a:cubicBezTo>
                  <a:cubicBezTo>
                    <a:pt x="2311" y="1897"/>
                    <a:pt x="2297" y="1910"/>
                    <a:pt x="2288" y="1920"/>
                  </a:cubicBezTo>
                  <a:cubicBezTo>
                    <a:pt x="2280" y="1930"/>
                    <a:pt x="2283" y="1948"/>
                    <a:pt x="2280" y="1957"/>
                  </a:cubicBezTo>
                  <a:cubicBezTo>
                    <a:pt x="2276" y="1967"/>
                    <a:pt x="2279" y="1985"/>
                    <a:pt x="2283" y="2002"/>
                  </a:cubicBezTo>
                  <a:cubicBezTo>
                    <a:pt x="2287" y="2020"/>
                    <a:pt x="2294" y="2031"/>
                    <a:pt x="2295" y="2044"/>
                  </a:cubicBezTo>
                  <a:cubicBezTo>
                    <a:pt x="2296" y="2058"/>
                    <a:pt x="2293" y="2079"/>
                    <a:pt x="2283" y="2062"/>
                  </a:cubicBezTo>
                  <a:cubicBezTo>
                    <a:pt x="2273" y="2044"/>
                    <a:pt x="2271" y="2046"/>
                    <a:pt x="2263" y="2052"/>
                  </a:cubicBezTo>
                  <a:cubicBezTo>
                    <a:pt x="2255" y="2057"/>
                    <a:pt x="2225" y="2059"/>
                    <a:pt x="2220" y="2045"/>
                  </a:cubicBezTo>
                  <a:cubicBezTo>
                    <a:pt x="2215" y="2031"/>
                    <a:pt x="2195" y="2034"/>
                    <a:pt x="2192" y="2055"/>
                  </a:cubicBezTo>
                  <a:cubicBezTo>
                    <a:pt x="2189" y="2076"/>
                    <a:pt x="2182" y="2091"/>
                    <a:pt x="2178" y="2113"/>
                  </a:cubicBezTo>
                  <a:cubicBezTo>
                    <a:pt x="2173" y="2136"/>
                    <a:pt x="2174" y="2148"/>
                    <a:pt x="2168" y="2172"/>
                  </a:cubicBezTo>
                  <a:cubicBezTo>
                    <a:pt x="2163" y="2196"/>
                    <a:pt x="2165" y="2207"/>
                    <a:pt x="2152" y="2211"/>
                  </a:cubicBezTo>
                  <a:cubicBezTo>
                    <a:pt x="2139" y="2216"/>
                    <a:pt x="2119" y="2199"/>
                    <a:pt x="2110" y="2214"/>
                  </a:cubicBezTo>
                  <a:cubicBezTo>
                    <a:pt x="2101" y="2229"/>
                    <a:pt x="2112" y="2229"/>
                    <a:pt x="2099" y="2248"/>
                  </a:cubicBezTo>
                  <a:cubicBezTo>
                    <a:pt x="2085" y="2267"/>
                    <a:pt x="2066" y="2276"/>
                    <a:pt x="2050" y="2280"/>
                  </a:cubicBezTo>
                  <a:cubicBezTo>
                    <a:pt x="2033" y="2283"/>
                    <a:pt x="1996" y="2272"/>
                    <a:pt x="1977" y="2265"/>
                  </a:cubicBezTo>
                  <a:cubicBezTo>
                    <a:pt x="1958" y="2258"/>
                    <a:pt x="1925" y="2242"/>
                    <a:pt x="1917" y="2220"/>
                  </a:cubicBezTo>
                  <a:cubicBezTo>
                    <a:pt x="1909" y="2199"/>
                    <a:pt x="1920" y="2183"/>
                    <a:pt x="1906" y="2158"/>
                  </a:cubicBezTo>
                  <a:cubicBezTo>
                    <a:pt x="1891" y="2133"/>
                    <a:pt x="1887" y="2096"/>
                    <a:pt x="1868" y="2105"/>
                  </a:cubicBezTo>
                  <a:cubicBezTo>
                    <a:pt x="1850" y="2115"/>
                    <a:pt x="1843" y="2125"/>
                    <a:pt x="1818" y="2121"/>
                  </a:cubicBezTo>
                  <a:cubicBezTo>
                    <a:pt x="1793" y="2118"/>
                    <a:pt x="1778" y="2112"/>
                    <a:pt x="1766" y="2094"/>
                  </a:cubicBezTo>
                  <a:cubicBezTo>
                    <a:pt x="1753" y="2076"/>
                    <a:pt x="1740" y="2049"/>
                    <a:pt x="1714" y="2035"/>
                  </a:cubicBezTo>
                  <a:cubicBezTo>
                    <a:pt x="1688" y="2021"/>
                    <a:pt x="1674" y="2008"/>
                    <a:pt x="1683" y="1990"/>
                  </a:cubicBezTo>
                  <a:cubicBezTo>
                    <a:pt x="1692" y="1971"/>
                    <a:pt x="1689" y="1929"/>
                    <a:pt x="1679" y="1922"/>
                  </a:cubicBezTo>
                  <a:cubicBezTo>
                    <a:pt x="1669" y="1915"/>
                    <a:pt x="1642" y="1877"/>
                    <a:pt x="1618" y="1903"/>
                  </a:cubicBezTo>
                  <a:cubicBezTo>
                    <a:pt x="1594" y="1930"/>
                    <a:pt x="1602" y="1938"/>
                    <a:pt x="1573" y="1947"/>
                  </a:cubicBezTo>
                  <a:cubicBezTo>
                    <a:pt x="1544" y="1956"/>
                    <a:pt x="1521" y="1957"/>
                    <a:pt x="1520" y="1977"/>
                  </a:cubicBezTo>
                  <a:cubicBezTo>
                    <a:pt x="1519" y="1997"/>
                    <a:pt x="1528" y="2003"/>
                    <a:pt x="1528" y="2017"/>
                  </a:cubicBezTo>
                  <a:cubicBezTo>
                    <a:pt x="1529" y="2031"/>
                    <a:pt x="1540" y="2035"/>
                    <a:pt x="1533" y="2054"/>
                  </a:cubicBezTo>
                  <a:cubicBezTo>
                    <a:pt x="1525" y="2073"/>
                    <a:pt x="1416" y="2049"/>
                    <a:pt x="1416" y="2049"/>
                  </a:cubicBezTo>
                  <a:cubicBezTo>
                    <a:pt x="1236" y="1955"/>
                    <a:pt x="1236" y="1955"/>
                    <a:pt x="1236" y="1955"/>
                  </a:cubicBezTo>
                  <a:cubicBezTo>
                    <a:pt x="1314" y="1496"/>
                    <a:pt x="1314" y="1496"/>
                    <a:pt x="1314" y="1496"/>
                  </a:cubicBezTo>
                  <a:cubicBezTo>
                    <a:pt x="617" y="1016"/>
                    <a:pt x="617" y="1016"/>
                    <a:pt x="617" y="1016"/>
                  </a:cubicBezTo>
                  <a:cubicBezTo>
                    <a:pt x="287" y="897"/>
                    <a:pt x="287" y="897"/>
                    <a:pt x="287" y="897"/>
                  </a:cubicBezTo>
                  <a:cubicBezTo>
                    <a:pt x="66" y="801"/>
                    <a:pt x="66" y="801"/>
                    <a:pt x="66" y="801"/>
                  </a:cubicBezTo>
                  <a:cubicBezTo>
                    <a:pt x="0" y="590"/>
                    <a:pt x="0" y="590"/>
                    <a:pt x="0" y="590"/>
                  </a:cubicBezTo>
                  <a:cubicBezTo>
                    <a:pt x="148" y="133"/>
                    <a:pt x="148" y="133"/>
                    <a:pt x="148" y="133"/>
                  </a:cubicBezTo>
                  <a:cubicBezTo>
                    <a:pt x="385" y="77"/>
                    <a:pt x="385" y="77"/>
                    <a:pt x="385" y="77"/>
                  </a:cubicBezTo>
                  <a:cubicBezTo>
                    <a:pt x="539" y="0"/>
                    <a:pt x="539" y="0"/>
                    <a:pt x="539" y="0"/>
                  </a:cubicBezTo>
                  <a:cubicBezTo>
                    <a:pt x="616" y="18"/>
                    <a:pt x="616" y="18"/>
                    <a:pt x="616" y="18"/>
                  </a:cubicBezTo>
                  <a:lnTo>
                    <a:pt x="622" y="23"/>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2" name="Freeform 31"/>
            <p:cNvSpPr>
              <a:spLocks noChangeArrowheads="1"/>
            </p:cNvSpPr>
            <p:nvPr/>
          </p:nvSpPr>
          <p:spPr bwMode="auto">
            <a:xfrm>
              <a:off x="1406019" y="2768062"/>
              <a:ext cx="1121663" cy="808401"/>
            </a:xfrm>
            <a:custGeom>
              <a:gdLst>
                <a:gd fmla="*/ 1526 w 2519" name="T0"/>
                <a:gd fmla="*/ 1470 h 1814" name="T1"/>
                <a:gd fmla="*/ 1566 w 2519" name="T2"/>
                <a:gd fmla="*/ 1407 h 1814" name="T3"/>
                <a:gd fmla="*/ 1677 w 2519" name="T4"/>
                <a:gd fmla="*/ 1399 h 1814" name="T5"/>
                <a:gd fmla="*/ 1782 w 2519" name="T6"/>
                <a:gd fmla="*/ 1413 h 1814" name="T7"/>
                <a:gd fmla="*/ 1876 w 2519" name="T8"/>
                <a:gd fmla="*/ 1446 h 1814" name="T9"/>
                <a:gd fmla="*/ 1943 w 2519" name="T10"/>
                <a:gd fmla="*/ 1437 h 1814" name="T11"/>
                <a:gd fmla="*/ 2016 w 2519" name="T12"/>
                <a:gd fmla="*/ 1532 h 1814" name="T13"/>
                <a:gd fmla="*/ 2098 w 2519" name="T14"/>
                <a:gd fmla="*/ 1568 h 1814" name="T15"/>
                <a:gd fmla="*/ 2141 w 2519" name="T16"/>
                <a:gd fmla="*/ 1514 h 1814" name="T17"/>
                <a:gd fmla="*/ 2190 w 2519" name="T18"/>
                <a:gd fmla="*/ 1432 h 1814" name="T19"/>
                <a:gd fmla="*/ 2261 w 2519" name="T20"/>
                <a:gd fmla="*/ 1471 h 1814" name="T21"/>
                <a:gd fmla="*/ 2347 w 2519" name="T22"/>
                <a:gd fmla="*/ 1454 h 1814" name="T23"/>
                <a:gd fmla="*/ 2413 w 2519" name="T24"/>
                <a:gd fmla="*/ 1398 h 1814" name="T25"/>
                <a:gd fmla="*/ 2311 w 2519" name="T26"/>
                <a:gd fmla="*/ 1318 h 1814" name="T27"/>
                <a:gd fmla="*/ 2226 w 2519" name="T28"/>
                <a:gd fmla="*/ 1263 h 1814" name="T29"/>
                <a:gd fmla="*/ 2172 w 2519" name="T30"/>
                <a:gd fmla="*/ 1178 h 1814" name="T31"/>
                <a:gd fmla="*/ 2289 w 2519" name="T32"/>
                <a:gd fmla="*/ 1229 h 1814" name="T33"/>
                <a:gd fmla="*/ 2318 w 2519" name="T34"/>
                <a:gd fmla="*/ 1159 h 1814" name="T35"/>
                <a:gd fmla="*/ 2338 w 2519" name="T36"/>
                <a:gd fmla="*/ 1076 h 1814" name="T37"/>
                <a:gd fmla="*/ 2399 w 2519" name="T38"/>
                <a:gd fmla="*/ 1010 h 1814" name="T39"/>
                <a:gd fmla="*/ 2422 w 2519" name="T40"/>
                <a:gd fmla="*/ 970 h 1814" name="T41"/>
                <a:gd fmla="*/ 2437 w 2519" name="T42"/>
                <a:gd fmla="*/ 923 h 1814" name="T43"/>
                <a:gd fmla="*/ 2475 w 2519" name="T44"/>
                <a:gd fmla="*/ 928 h 1814" name="T45"/>
                <a:gd fmla="*/ 2511 w 2519" name="T46"/>
                <a:gd fmla="*/ 842 h 1814" name="T47"/>
                <a:gd fmla="*/ 2484 w 2519" name="T48"/>
                <a:gd fmla="*/ 748 h 1814" name="T49"/>
                <a:gd fmla="*/ 2453 w 2519" name="T50"/>
                <a:gd fmla="*/ 666 h 1814" name="T51"/>
                <a:gd fmla="*/ 2415 w 2519" name="T52"/>
                <a:gd fmla="*/ 578 h 1814" name="T53"/>
                <a:gd fmla="*/ 2371 w 2519" name="T54"/>
                <a:gd fmla="*/ 504 h 1814" name="T55"/>
                <a:gd fmla="*/ 2326 w 2519" name="T56"/>
                <a:gd fmla="*/ 441 h 1814" name="T57"/>
                <a:gd fmla="*/ 2237 w 2519" name="T58"/>
                <a:gd fmla="*/ 456 h 1814" name="T59"/>
                <a:gd fmla="*/ 2136 w 2519" name="T60"/>
                <a:gd fmla="*/ 360 h 1814" name="T61"/>
                <a:gd fmla="*/ 2011 w 2519" name="T62"/>
                <a:gd fmla="*/ 261 h 1814" name="T63"/>
                <a:gd fmla="*/ 1977 w 2519" name="T64"/>
                <a:gd fmla="*/ 197 h 1814" name="T65"/>
                <a:gd fmla="*/ 1880 w 2519" name="T66"/>
                <a:gd fmla="*/ 202 h 1814" name="T67"/>
                <a:gd fmla="*/ 1765 w 2519" name="T68"/>
                <a:gd fmla="*/ 131 h 1814" name="T69"/>
                <a:gd fmla="*/ 1653 w 2519" name="T70"/>
                <a:gd fmla="*/ 151 h 1814" name="T71"/>
                <a:gd fmla="*/ 1505 w 2519" name="T72"/>
                <a:gd fmla="*/ 137 h 1814" name="T73"/>
                <a:gd fmla="*/ 1386 w 2519" name="T74"/>
                <a:gd fmla="*/ 201 h 1814" name="T75"/>
                <a:gd fmla="*/ 1269 w 2519" name="T76"/>
                <a:gd fmla="*/ 129 h 1814" name="T77"/>
                <a:gd fmla="*/ 1147 w 2519" name="T78"/>
                <a:gd fmla="*/ 83 h 1814" name="T79"/>
                <a:gd fmla="*/ 1017 w 2519" name="T80"/>
                <a:gd fmla="*/ 52 h 1814" name="T81"/>
                <a:gd fmla="*/ 930 w 2519" name="T82"/>
                <a:gd fmla="*/ 2 h 1814" name="T83"/>
                <a:gd fmla="*/ 442 w 2519" name="T84"/>
                <a:gd fmla="*/ 67 h 1814" name="T85"/>
                <a:gd fmla="*/ 218 w 2519" name="T86"/>
                <a:gd fmla="*/ 279 h 1814" name="T87"/>
                <a:gd fmla="*/ 31 w 2519" name="T88"/>
                <a:gd fmla="*/ 807 h 1814" name="T89"/>
                <a:gd fmla="*/ 213 w 2519" name="T90"/>
                <a:gd fmla="*/ 1385 h 1814" name="T91"/>
                <a:gd fmla="*/ 1002 w 2519" name="T92"/>
                <a:gd fmla="*/ 1657 h 1814" name="T93"/>
                <a:gd fmla="*/ 1509 w 2519" name="T94"/>
                <a:gd fmla="*/ 1665 h 1814" name="T95"/>
                <a:gd fmla="*/ 1526 w 2519" name="T96"/>
                <a:gd fmla="*/ 1506 h 1814"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w 2519" name="T147"/>
                <a:gd fmla="*/ 0 h 1814" name="T148"/>
                <a:gd fmla="*/ 2519 w 2519" name="T149"/>
                <a:gd fmla="*/ 1814 h 1814" name="T150"/>
              </a:gd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b="T150" l="T147" r="T149" t="T148"/>
              <a:pathLst>
                <a:path h="1813" w="2519">
                  <a:moveTo>
                    <a:pt x="1526" y="1506"/>
                  </a:moveTo>
                  <a:cubicBezTo>
                    <a:pt x="1526" y="1506"/>
                    <a:pt x="1537" y="1487"/>
                    <a:pt x="1526" y="1470"/>
                  </a:cubicBezTo>
                  <a:cubicBezTo>
                    <a:pt x="1514" y="1453"/>
                    <a:pt x="1508" y="1425"/>
                    <a:pt x="1528" y="1418"/>
                  </a:cubicBezTo>
                  <a:cubicBezTo>
                    <a:pt x="1548" y="1411"/>
                    <a:pt x="1560" y="1415"/>
                    <a:pt x="1566" y="1407"/>
                  </a:cubicBezTo>
                  <a:cubicBezTo>
                    <a:pt x="1572" y="1398"/>
                    <a:pt x="1601" y="1389"/>
                    <a:pt x="1618" y="1402"/>
                  </a:cubicBezTo>
                  <a:cubicBezTo>
                    <a:pt x="1636" y="1415"/>
                    <a:pt x="1657" y="1404"/>
                    <a:pt x="1677" y="1399"/>
                  </a:cubicBezTo>
                  <a:cubicBezTo>
                    <a:pt x="1697" y="1394"/>
                    <a:pt x="1706" y="1410"/>
                    <a:pt x="1725" y="1404"/>
                  </a:cubicBezTo>
                  <a:cubicBezTo>
                    <a:pt x="1743" y="1397"/>
                    <a:pt x="1765" y="1396"/>
                    <a:pt x="1782" y="1413"/>
                  </a:cubicBezTo>
                  <a:cubicBezTo>
                    <a:pt x="1798" y="1429"/>
                    <a:pt x="1829" y="1433"/>
                    <a:pt x="1841" y="1446"/>
                  </a:cubicBezTo>
                  <a:cubicBezTo>
                    <a:pt x="1852" y="1459"/>
                    <a:pt x="1871" y="1457"/>
                    <a:pt x="1876" y="1446"/>
                  </a:cubicBezTo>
                  <a:cubicBezTo>
                    <a:pt x="1881" y="1434"/>
                    <a:pt x="1887" y="1416"/>
                    <a:pt x="1914" y="1416"/>
                  </a:cubicBezTo>
                  <a:cubicBezTo>
                    <a:pt x="1942" y="1416"/>
                    <a:pt x="1941" y="1417"/>
                    <a:pt x="1943" y="1437"/>
                  </a:cubicBezTo>
                  <a:cubicBezTo>
                    <a:pt x="1946" y="1457"/>
                    <a:pt x="1963" y="1466"/>
                    <a:pt x="1971" y="1486"/>
                  </a:cubicBezTo>
                  <a:cubicBezTo>
                    <a:pt x="1978" y="1505"/>
                    <a:pt x="2004" y="1518"/>
                    <a:pt x="2016" y="1532"/>
                  </a:cubicBezTo>
                  <a:cubicBezTo>
                    <a:pt x="2029" y="1545"/>
                    <a:pt x="2027" y="1567"/>
                    <a:pt x="2045" y="1571"/>
                  </a:cubicBezTo>
                  <a:cubicBezTo>
                    <a:pt x="2063" y="1574"/>
                    <a:pt x="2080" y="1562"/>
                    <a:pt x="2098" y="1568"/>
                  </a:cubicBezTo>
                  <a:cubicBezTo>
                    <a:pt x="2115" y="1574"/>
                    <a:pt x="2136" y="1568"/>
                    <a:pt x="2141" y="1554"/>
                  </a:cubicBezTo>
                  <a:cubicBezTo>
                    <a:pt x="2145" y="1539"/>
                    <a:pt x="2147" y="1523"/>
                    <a:pt x="2141" y="1514"/>
                  </a:cubicBezTo>
                  <a:cubicBezTo>
                    <a:pt x="2134" y="1504"/>
                    <a:pt x="2144" y="1485"/>
                    <a:pt x="2152" y="1471"/>
                  </a:cubicBezTo>
                  <a:cubicBezTo>
                    <a:pt x="2160" y="1458"/>
                    <a:pt x="2179" y="1445"/>
                    <a:pt x="2190" y="1432"/>
                  </a:cubicBezTo>
                  <a:cubicBezTo>
                    <a:pt x="2201" y="1418"/>
                    <a:pt x="2204" y="1416"/>
                    <a:pt x="2217" y="1429"/>
                  </a:cubicBezTo>
                  <a:cubicBezTo>
                    <a:pt x="2229" y="1441"/>
                    <a:pt x="2234" y="1454"/>
                    <a:pt x="2261" y="1471"/>
                  </a:cubicBezTo>
                  <a:cubicBezTo>
                    <a:pt x="2287" y="1487"/>
                    <a:pt x="2302" y="1485"/>
                    <a:pt x="2308" y="1468"/>
                  </a:cubicBezTo>
                  <a:cubicBezTo>
                    <a:pt x="2314" y="1451"/>
                    <a:pt x="2333" y="1449"/>
                    <a:pt x="2347" y="1454"/>
                  </a:cubicBezTo>
                  <a:cubicBezTo>
                    <a:pt x="2360" y="1459"/>
                    <a:pt x="2388" y="1479"/>
                    <a:pt x="2391" y="1455"/>
                  </a:cubicBezTo>
                  <a:cubicBezTo>
                    <a:pt x="2393" y="1430"/>
                    <a:pt x="2411" y="1413"/>
                    <a:pt x="2413" y="1398"/>
                  </a:cubicBezTo>
                  <a:cubicBezTo>
                    <a:pt x="2416" y="1383"/>
                    <a:pt x="2429" y="1361"/>
                    <a:pt x="2399" y="1350"/>
                  </a:cubicBezTo>
                  <a:cubicBezTo>
                    <a:pt x="2369" y="1339"/>
                    <a:pt x="2322" y="1348"/>
                    <a:pt x="2311" y="1318"/>
                  </a:cubicBezTo>
                  <a:cubicBezTo>
                    <a:pt x="2301" y="1288"/>
                    <a:pt x="2286" y="1283"/>
                    <a:pt x="2273" y="1276"/>
                  </a:cubicBezTo>
                  <a:cubicBezTo>
                    <a:pt x="2261" y="1270"/>
                    <a:pt x="2271" y="1268"/>
                    <a:pt x="2226" y="1263"/>
                  </a:cubicBezTo>
                  <a:cubicBezTo>
                    <a:pt x="2181" y="1258"/>
                    <a:pt x="2164" y="1251"/>
                    <a:pt x="2165" y="1229"/>
                  </a:cubicBezTo>
                  <a:cubicBezTo>
                    <a:pt x="2165" y="1207"/>
                    <a:pt x="2154" y="1162"/>
                    <a:pt x="2172" y="1178"/>
                  </a:cubicBezTo>
                  <a:cubicBezTo>
                    <a:pt x="2190" y="1193"/>
                    <a:pt x="2192" y="1207"/>
                    <a:pt x="2216" y="1216"/>
                  </a:cubicBezTo>
                  <a:cubicBezTo>
                    <a:pt x="2239" y="1224"/>
                    <a:pt x="2273" y="1232"/>
                    <a:pt x="2289" y="1229"/>
                  </a:cubicBezTo>
                  <a:cubicBezTo>
                    <a:pt x="2305" y="1226"/>
                    <a:pt x="2324" y="1211"/>
                    <a:pt x="2325" y="1200"/>
                  </a:cubicBezTo>
                  <a:cubicBezTo>
                    <a:pt x="2327" y="1189"/>
                    <a:pt x="2329" y="1176"/>
                    <a:pt x="2318" y="1159"/>
                  </a:cubicBezTo>
                  <a:cubicBezTo>
                    <a:pt x="2307" y="1142"/>
                    <a:pt x="2306" y="1120"/>
                    <a:pt x="2312" y="1103"/>
                  </a:cubicBezTo>
                  <a:cubicBezTo>
                    <a:pt x="2318" y="1087"/>
                    <a:pt x="2317" y="1076"/>
                    <a:pt x="2338" y="1076"/>
                  </a:cubicBezTo>
                  <a:cubicBezTo>
                    <a:pt x="2359" y="1077"/>
                    <a:pt x="2368" y="1065"/>
                    <a:pt x="2381" y="1055"/>
                  </a:cubicBezTo>
                  <a:cubicBezTo>
                    <a:pt x="2393" y="1045"/>
                    <a:pt x="2410" y="1031"/>
                    <a:pt x="2399" y="1010"/>
                  </a:cubicBezTo>
                  <a:cubicBezTo>
                    <a:pt x="2388" y="990"/>
                    <a:pt x="2390" y="987"/>
                    <a:pt x="2397" y="970"/>
                  </a:cubicBezTo>
                  <a:cubicBezTo>
                    <a:pt x="2405" y="953"/>
                    <a:pt x="2414" y="965"/>
                    <a:pt x="2422" y="970"/>
                  </a:cubicBezTo>
                  <a:cubicBezTo>
                    <a:pt x="2429" y="975"/>
                    <a:pt x="2441" y="968"/>
                    <a:pt x="2435" y="956"/>
                  </a:cubicBezTo>
                  <a:cubicBezTo>
                    <a:pt x="2430" y="943"/>
                    <a:pt x="2422" y="929"/>
                    <a:pt x="2437" y="923"/>
                  </a:cubicBezTo>
                  <a:cubicBezTo>
                    <a:pt x="2452" y="917"/>
                    <a:pt x="2450" y="929"/>
                    <a:pt x="2463" y="940"/>
                  </a:cubicBezTo>
                  <a:cubicBezTo>
                    <a:pt x="2476" y="951"/>
                    <a:pt x="2475" y="941"/>
                    <a:pt x="2475" y="928"/>
                  </a:cubicBezTo>
                  <a:cubicBezTo>
                    <a:pt x="2475" y="915"/>
                    <a:pt x="2486" y="912"/>
                    <a:pt x="2494" y="894"/>
                  </a:cubicBezTo>
                  <a:cubicBezTo>
                    <a:pt x="2502" y="875"/>
                    <a:pt x="2508" y="854"/>
                    <a:pt x="2511" y="842"/>
                  </a:cubicBezTo>
                  <a:cubicBezTo>
                    <a:pt x="2515" y="829"/>
                    <a:pt x="2519" y="796"/>
                    <a:pt x="2511" y="773"/>
                  </a:cubicBezTo>
                  <a:cubicBezTo>
                    <a:pt x="2503" y="751"/>
                    <a:pt x="2496" y="749"/>
                    <a:pt x="2484" y="748"/>
                  </a:cubicBezTo>
                  <a:cubicBezTo>
                    <a:pt x="2471" y="748"/>
                    <a:pt x="2469" y="732"/>
                    <a:pt x="2469" y="716"/>
                  </a:cubicBezTo>
                  <a:cubicBezTo>
                    <a:pt x="2469" y="700"/>
                    <a:pt x="2469" y="680"/>
                    <a:pt x="2453" y="666"/>
                  </a:cubicBezTo>
                  <a:cubicBezTo>
                    <a:pt x="2438" y="653"/>
                    <a:pt x="2423" y="634"/>
                    <a:pt x="2424" y="618"/>
                  </a:cubicBezTo>
                  <a:cubicBezTo>
                    <a:pt x="2425" y="601"/>
                    <a:pt x="2430" y="594"/>
                    <a:pt x="2415" y="578"/>
                  </a:cubicBezTo>
                  <a:cubicBezTo>
                    <a:pt x="2401" y="562"/>
                    <a:pt x="2397" y="549"/>
                    <a:pt x="2394" y="535"/>
                  </a:cubicBezTo>
                  <a:cubicBezTo>
                    <a:pt x="2390" y="520"/>
                    <a:pt x="2387" y="509"/>
                    <a:pt x="2371" y="504"/>
                  </a:cubicBezTo>
                  <a:cubicBezTo>
                    <a:pt x="2355" y="499"/>
                    <a:pt x="2351" y="491"/>
                    <a:pt x="2351" y="475"/>
                  </a:cubicBezTo>
                  <a:cubicBezTo>
                    <a:pt x="2352" y="458"/>
                    <a:pt x="2339" y="448"/>
                    <a:pt x="2326" y="441"/>
                  </a:cubicBezTo>
                  <a:cubicBezTo>
                    <a:pt x="2312" y="435"/>
                    <a:pt x="2288" y="417"/>
                    <a:pt x="2269" y="441"/>
                  </a:cubicBezTo>
                  <a:cubicBezTo>
                    <a:pt x="2250" y="465"/>
                    <a:pt x="2251" y="471"/>
                    <a:pt x="2237" y="456"/>
                  </a:cubicBezTo>
                  <a:cubicBezTo>
                    <a:pt x="2222" y="442"/>
                    <a:pt x="2171" y="410"/>
                    <a:pt x="2164" y="390"/>
                  </a:cubicBezTo>
                  <a:cubicBezTo>
                    <a:pt x="2158" y="370"/>
                    <a:pt x="2159" y="371"/>
                    <a:pt x="2136" y="360"/>
                  </a:cubicBezTo>
                  <a:cubicBezTo>
                    <a:pt x="2112" y="350"/>
                    <a:pt x="2064" y="334"/>
                    <a:pt x="2047" y="316"/>
                  </a:cubicBezTo>
                  <a:cubicBezTo>
                    <a:pt x="2030" y="298"/>
                    <a:pt x="2016" y="283"/>
                    <a:pt x="2011" y="261"/>
                  </a:cubicBezTo>
                  <a:cubicBezTo>
                    <a:pt x="2006" y="239"/>
                    <a:pt x="2009" y="217"/>
                    <a:pt x="2002" y="201"/>
                  </a:cubicBezTo>
                  <a:cubicBezTo>
                    <a:pt x="1996" y="185"/>
                    <a:pt x="1993" y="181"/>
                    <a:pt x="1977" y="197"/>
                  </a:cubicBezTo>
                  <a:cubicBezTo>
                    <a:pt x="1962" y="213"/>
                    <a:pt x="1949" y="228"/>
                    <a:pt x="1934" y="228"/>
                  </a:cubicBezTo>
                  <a:cubicBezTo>
                    <a:pt x="1920" y="227"/>
                    <a:pt x="1893" y="214"/>
                    <a:pt x="1880" y="202"/>
                  </a:cubicBezTo>
                  <a:cubicBezTo>
                    <a:pt x="1867" y="190"/>
                    <a:pt x="1836" y="178"/>
                    <a:pt x="1817" y="165"/>
                  </a:cubicBezTo>
                  <a:cubicBezTo>
                    <a:pt x="1797" y="152"/>
                    <a:pt x="1779" y="139"/>
                    <a:pt x="1765" y="131"/>
                  </a:cubicBezTo>
                  <a:cubicBezTo>
                    <a:pt x="1752" y="123"/>
                    <a:pt x="1730" y="114"/>
                    <a:pt x="1702" y="122"/>
                  </a:cubicBezTo>
                  <a:cubicBezTo>
                    <a:pt x="1673" y="130"/>
                    <a:pt x="1673" y="146"/>
                    <a:pt x="1653" y="151"/>
                  </a:cubicBezTo>
                  <a:cubicBezTo>
                    <a:pt x="1633" y="157"/>
                    <a:pt x="1608" y="151"/>
                    <a:pt x="1594" y="148"/>
                  </a:cubicBezTo>
                  <a:cubicBezTo>
                    <a:pt x="1579" y="146"/>
                    <a:pt x="1541" y="123"/>
                    <a:pt x="1505" y="137"/>
                  </a:cubicBezTo>
                  <a:cubicBezTo>
                    <a:pt x="1470" y="151"/>
                    <a:pt x="1461" y="169"/>
                    <a:pt x="1441" y="175"/>
                  </a:cubicBezTo>
                  <a:cubicBezTo>
                    <a:pt x="1421" y="182"/>
                    <a:pt x="1408" y="199"/>
                    <a:pt x="1386" y="201"/>
                  </a:cubicBezTo>
                  <a:cubicBezTo>
                    <a:pt x="1364" y="203"/>
                    <a:pt x="1355" y="204"/>
                    <a:pt x="1321" y="186"/>
                  </a:cubicBezTo>
                  <a:cubicBezTo>
                    <a:pt x="1288" y="169"/>
                    <a:pt x="1275" y="143"/>
                    <a:pt x="1269" y="129"/>
                  </a:cubicBezTo>
                  <a:cubicBezTo>
                    <a:pt x="1263" y="115"/>
                    <a:pt x="1251" y="114"/>
                    <a:pt x="1226" y="110"/>
                  </a:cubicBezTo>
                  <a:cubicBezTo>
                    <a:pt x="1201" y="107"/>
                    <a:pt x="1160" y="97"/>
                    <a:pt x="1147" y="83"/>
                  </a:cubicBezTo>
                  <a:cubicBezTo>
                    <a:pt x="1134" y="68"/>
                    <a:pt x="1115" y="66"/>
                    <a:pt x="1094" y="60"/>
                  </a:cubicBezTo>
                  <a:cubicBezTo>
                    <a:pt x="1072" y="53"/>
                    <a:pt x="1032" y="52"/>
                    <a:pt x="1017" y="52"/>
                  </a:cubicBezTo>
                  <a:cubicBezTo>
                    <a:pt x="1002" y="51"/>
                    <a:pt x="957" y="54"/>
                    <a:pt x="957" y="54"/>
                  </a:cubicBezTo>
                  <a:cubicBezTo>
                    <a:pt x="957" y="54"/>
                    <a:pt x="931" y="3"/>
                    <a:pt x="930" y="2"/>
                  </a:cubicBezTo>
                  <a:cubicBezTo>
                    <a:pt x="929" y="0"/>
                    <a:pt x="797" y="18"/>
                    <a:pt x="797" y="18"/>
                  </a:cubicBezTo>
                  <a:cubicBezTo>
                    <a:pt x="442" y="67"/>
                    <a:pt x="442" y="67"/>
                    <a:pt x="442" y="67"/>
                  </a:cubicBezTo>
                  <a:cubicBezTo>
                    <a:pt x="277" y="127"/>
                    <a:pt x="277" y="127"/>
                    <a:pt x="277" y="127"/>
                  </a:cubicBezTo>
                  <a:cubicBezTo>
                    <a:pt x="218" y="279"/>
                    <a:pt x="218" y="279"/>
                    <a:pt x="218" y="279"/>
                  </a:cubicBezTo>
                  <a:cubicBezTo>
                    <a:pt x="162" y="604"/>
                    <a:pt x="162" y="604"/>
                    <a:pt x="162" y="604"/>
                  </a:cubicBezTo>
                  <a:cubicBezTo>
                    <a:pt x="31" y="807"/>
                    <a:pt x="31" y="807"/>
                    <a:pt x="31" y="807"/>
                  </a:cubicBezTo>
                  <a:cubicBezTo>
                    <a:pt x="0" y="1107"/>
                    <a:pt x="0" y="1107"/>
                    <a:pt x="0" y="1107"/>
                  </a:cubicBezTo>
                  <a:cubicBezTo>
                    <a:pt x="213" y="1385"/>
                    <a:pt x="213" y="1385"/>
                    <a:pt x="213" y="1385"/>
                  </a:cubicBezTo>
                  <a:cubicBezTo>
                    <a:pt x="597" y="1529"/>
                    <a:pt x="597" y="1529"/>
                    <a:pt x="597" y="1529"/>
                  </a:cubicBezTo>
                  <a:cubicBezTo>
                    <a:pt x="1002" y="1657"/>
                    <a:pt x="1002" y="1657"/>
                    <a:pt x="1002" y="1657"/>
                  </a:cubicBezTo>
                  <a:cubicBezTo>
                    <a:pt x="1298" y="1814"/>
                    <a:pt x="1298" y="1814"/>
                    <a:pt x="1298" y="1814"/>
                  </a:cubicBezTo>
                  <a:cubicBezTo>
                    <a:pt x="1509" y="1665"/>
                    <a:pt x="1509" y="1665"/>
                    <a:pt x="1509" y="1665"/>
                  </a:cubicBezTo>
                  <a:cubicBezTo>
                    <a:pt x="1505" y="1534"/>
                    <a:pt x="1505" y="1534"/>
                    <a:pt x="1505" y="1534"/>
                  </a:cubicBezTo>
                  <a:lnTo>
                    <a:pt x="1526" y="1506"/>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3" name="Freeform 32"/>
            <p:cNvSpPr>
              <a:spLocks noChangeArrowheads="1"/>
            </p:cNvSpPr>
            <p:nvPr/>
          </p:nvSpPr>
          <p:spPr bwMode="auto">
            <a:xfrm>
              <a:off x="526877" y="2901953"/>
              <a:ext cx="1662285" cy="1001660"/>
            </a:xfrm>
            <a:custGeom>
              <a:gdLst>
                <a:gd fmla="*/ 64 w 3735" name="T0"/>
                <a:gd fmla="*/ 263 h 2250" name="T1"/>
                <a:gd fmla="*/ 157 w 3735" name="T2"/>
                <a:gd fmla="*/ 524 h 2250" name="T3"/>
                <a:gd fmla="*/ 186 w 3735" name="T4"/>
                <a:gd fmla="*/ 740 h 2250" name="T5"/>
                <a:gd fmla="*/ 6 w 3735" name="T6"/>
                <a:gd fmla="*/ 808 h 2250" name="T7"/>
                <a:gd fmla="*/ 28 w 3735" name="T8"/>
                <a:gd fmla="*/ 1031 h 2250" name="T9"/>
                <a:gd fmla="*/ 170 w 3735" name="T10"/>
                <a:gd fmla="*/ 1169 h 2250" name="T11"/>
                <a:gd fmla="*/ 352 w 3735" name="T12"/>
                <a:gd fmla="*/ 1342 h 2250" name="T13"/>
                <a:gd fmla="*/ 591 w 3735" name="T14"/>
                <a:gd fmla="*/ 1423 h 2250" name="T15"/>
                <a:gd fmla="*/ 785 w 3735" name="T16"/>
                <a:gd fmla="*/ 1619 h 2250" name="T17"/>
                <a:gd fmla="*/ 953 w 3735" name="T18"/>
                <a:gd fmla="*/ 1777 h 2250" name="T19"/>
                <a:gd fmla="*/ 1065 w 3735" name="T20"/>
                <a:gd fmla="*/ 1856 h 2250" name="T21"/>
                <a:gd fmla="*/ 1192 w 3735" name="T22"/>
                <a:gd fmla="*/ 1972 h 2250" name="T23"/>
                <a:gd fmla="*/ 1319 w 3735" name="T24"/>
                <a:gd fmla="*/ 2005 h 2250" name="T25"/>
                <a:gd fmla="*/ 1594 w 3735" name="T26"/>
                <a:gd fmla="*/ 2072 h 2250" name="T27"/>
                <a:gd fmla="*/ 1739 w 3735" name="T28"/>
                <a:gd fmla="*/ 2182 h 2250" name="T29"/>
                <a:gd fmla="*/ 1921 w 3735" name="T30"/>
                <a:gd fmla="*/ 2076 h 2250" name="T31"/>
                <a:gd fmla="*/ 2187 w 3735" name="T32"/>
                <a:gd fmla="*/ 2150 h 2250" name="T33"/>
                <a:gd fmla="*/ 2391 w 3735" name="T34"/>
                <a:gd fmla="*/ 2214 h 2250" name="T35"/>
                <a:gd fmla="*/ 2579 w 3735" name="T36"/>
                <a:gd fmla="*/ 2122 h 2250" name="T37"/>
                <a:gd fmla="*/ 2796 w 3735" name="T38"/>
                <a:gd fmla="*/ 1996 h 2250" name="T39"/>
                <a:gd fmla="*/ 3016 w 3735" name="T40"/>
                <a:gd fmla="*/ 2033 h 2250" name="T41"/>
                <a:gd fmla="*/ 3177 w 3735" name="T42"/>
                <a:gd fmla="*/ 2001 h 2250" name="T43"/>
                <a:gd fmla="*/ 3202 w 3735" name="T44"/>
                <a:gd fmla="*/ 2068 h 2250" name="T45"/>
                <a:gd fmla="*/ 3192 w 3735" name="T46"/>
                <a:gd fmla="*/ 2201 h 2250" name="T47"/>
                <a:gd fmla="*/ 3376 w 3735" name="T48"/>
                <a:gd fmla="*/ 2223 h 2250" name="T49"/>
                <a:gd fmla="*/ 3529 w 3735" name="T50"/>
                <a:gd fmla="*/ 2235 h 2250" name="T51"/>
                <a:gd fmla="*/ 3595 w 3735" name="T52"/>
                <a:gd fmla="*/ 2205 h 2250" name="T53"/>
                <a:gd fmla="*/ 3636 w 3735" name="T54"/>
                <a:gd fmla="*/ 2080 h 2250" name="T55"/>
                <a:gd fmla="*/ 3692 w 3735" name="T56"/>
                <a:gd fmla="*/ 2008 h 2250" name="T57"/>
                <a:gd fmla="*/ 3719 w 3735" name="T58"/>
                <a:gd fmla="*/ 1830 h 2250" name="T59"/>
                <a:gd fmla="*/ 3686 w 3735" name="T60"/>
                <a:gd fmla="*/ 1600 h 2250" name="T61"/>
                <a:gd fmla="*/ 3681 w 3735" name="T62"/>
                <a:gd fmla="*/ 1453 h 2250" name="T63"/>
                <a:gd fmla="*/ 3608 w 3735" name="T64"/>
                <a:gd fmla="*/ 1369 h 2250" name="T65"/>
                <a:gd fmla="*/ 3523 w 3735" name="T66"/>
                <a:gd fmla="*/ 1229 h 2250" name="T67"/>
                <a:gd fmla="*/ 3414 w 3735" name="T68"/>
                <a:gd fmla="*/ 1239 h 2250" name="T69"/>
                <a:gd fmla="*/ 3357 w 3735" name="T70"/>
                <a:gd fmla="*/ 1393 h 2250" name="T71"/>
                <a:gd fmla="*/ 3235 w 3735" name="T72"/>
                <a:gd fmla="*/ 1428 h 2250" name="T73"/>
                <a:gd fmla="*/ 3094 w 3735" name="T74"/>
                <a:gd fmla="*/ 1384 h 2250" name="T75"/>
                <a:gd fmla="*/ 2990 w 3735" name="T76"/>
                <a:gd fmla="*/ 1258 h 2250" name="T77"/>
                <a:gd fmla="*/ 2848 w 3735" name="T78"/>
                <a:gd fmla="*/ 1219 h 2250" name="T79"/>
                <a:gd fmla="*/ 2659 w 3735" name="T80"/>
                <a:gd fmla="*/ 1192 h 2250" name="T81"/>
                <a:gd fmla="*/ 2514 w 3735" name="T82"/>
                <a:gd fmla="*/ 1155 h 2250" name="T83"/>
                <a:gd fmla="*/ 2251 w 3735" name="T84"/>
                <a:gd fmla="*/ 1041 h 2250" name="T85"/>
                <a:gd fmla="*/ 2126 w 3735" name="T86"/>
                <a:gd fmla="*/ 876 h 2250" name="T87"/>
                <a:gd fmla="*/ 2067 w 3735" name="T88"/>
                <a:gd fmla="*/ 701 h 2250" name="T89"/>
                <a:gd fmla="*/ 2121 w 3735" name="T90"/>
                <a:gd fmla="*/ 594 h 2250" name="T91"/>
                <a:gd fmla="*/ 2170 w 3735" name="T92"/>
                <a:gd fmla="*/ 434 h 2250" name="T93"/>
                <a:gd fmla="*/ 2169 w 3735" name="T94"/>
                <a:gd fmla="*/ 312 h 2250" name="T95"/>
                <a:gd fmla="*/ 460 w 3735" name="T96"/>
                <a:gd fmla="*/ 0 h 2250" name="T97"/>
                <a:gd fmla="*/ 44 w 3735" name="T98"/>
                <a:gd fmla="*/ 150 h 2250"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60000 65536" name="T144"/>
                <a:gd fmla="*/ 0 60000 65536" name="T145"/>
                <a:gd fmla="*/ 0 60000 65536" name="T146"/>
                <a:gd fmla="*/ 0 60000 65536" name="T147"/>
                <a:gd fmla="*/ 0 60000 65536" name="T148"/>
                <a:gd fmla="*/ 0 60000 65536" name="T149"/>
                <a:gd fmla="*/ 0 w 3735" name="T150"/>
                <a:gd fmla="*/ 0 h 2250" name="T151"/>
                <a:gd fmla="*/ 3735 w 3735" name="T152"/>
                <a:gd fmla="*/ 2250 h 2250" name="T153"/>
              </a:gdLst>
              <a:cxnLst>
                <a:cxn ang="T100">
                  <a:pos x="T0" y="T1"/>
                </a:cxn>
                <a:cxn ang="T101">
                  <a:pos x="T2" y="T3"/>
                </a:cxn>
                <a:cxn ang="T102">
                  <a:pos x="T4" y="T5"/>
                </a:cxn>
                <a:cxn ang="T103">
                  <a:pos x="T6" y="T7"/>
                </a:cxn>
                <a:cxn ang="T104">
                  <a:pos x="T8" y="T9"/>
                </a:cxn>
                <a:cxn ang="T105">
                  <a:pos x="T10" y="T11"/>
                </a:cxn>
                <a:cxn ang="T106">
                  <a:pos x="T12" y="T13"/>
                </a:cxn>
                <a:cxn ang="T107">
                  <a:pos x="T14" y="T15"/>
                </a:cxn>
                <a:cxn ang="T108">
                  <a:pos x="T16" y="T17"/>
                </a:cxn>
                <a:cxn ang="T109">
                  <a:pos x="T18" y="T19"/>
                </a:cxn>
                <a:cxn ang="T110">
                  <a:pos x="T20" y="T21"/>
                </a:cxn>
                <a:cxn ang="T111">
                  <a:pos x="T22" y="T23"/>
                </a:cxn>
                <a:cxn ang="T112">
                  <a:pos x="T24" y="T25"/>
                </a:cxn>
                <a:cxn ang="T113">
                  <a:pos x="T26" y="T27"/>
                </a:cxn>
                <a:cxn ang="T114">
                  <a:pos x="T28" y="T29"/>
                </a:cxn>
                <a:cxn ang="T115">
                  <a:pos x="T30" y="T31"/>
                </a:cxn>
                <a:cxn ang="T116">
                  <a:pos x="T32" y="T33"/>
                </a:cxn>
                <a:cxn ang="T117">
                  <a:pos x="T34" y="T35"/>
                </a:cxn>
                <a:cxn ang="T118">
                  <a:pos x="T36" y="T37"/>
                </a:cxn>
                <a:cxn ang="T119">
                  <a:pos x="T38" y="T39"/>
                </a:cxn>
                <a:cxn ang="T120">
                  <a:pos x="T40" y="T41"/>
                </a:cxn>
                <a:cxn ang="T121">
                  <a:pos x="T42" y="T43"/>
                </a:cxn>
                <a:cxn ang="T122">
                  <a:pos x="T44" y="T45"/>
                </a:cxn>
                <a:cxn ang="T123">
                  <a:pos x="T46" y="T47"/>
                </a:cxn>
                <a:cxn ang="T124">
                  <a:pos x="T48" y="T49"/>
                </a:cxn>
                <a:cxn ang="T125">
                  <a:pos x="T50" y="T51"/>
                </a:cxn>
                <a:cxn ang="T126">
                  <a:pos x="T52" y="T53"/>
                </a:cxn>
                <a:cxn ang="T127">
                  <a:pos x="T54" y="T55"/>
                </a:cxn>
                <a:cxn ang="T128">
                  <a:pos x="T56" y="T57"/>
                </a:cxn>
                <a:cxn ang="T129">
                  <a:pos x="T58" y="T59"/>
                </a:cxn>
                <a:cxn ang="T130">
                  <a:pos x="T60" y="T61"/>
                </a:cxn>
                <a:cxn ang="T131">
                  <a:pos x="T62" y="T63"/>
                </a:cxn>
                <a:cxn ang="T132">
                  <a:pos x="T64" y="T65"/>
                </a:cxn>
                <a:cxn ang="T133">
                  <a:pos x="T66" y="T67"/>
                </a:cxn>
                <a:cxn ang="T134">
                  <a:pos x="T68" y="T69"/>
                </a:cxn>
                <a:cxn ang="T135">
                  <a:pos x="T70" y="T71"/>
                </a:cxn>
                <a:cxn ang="T136">
                  <a:pos x="T72" y="T73"/>
                </a:cxn>
                <a:cxn ang="T137">
                  <a:pos x="T74" y="T75"/>
                </a:cxn>
                <a:cxn ang="T138">
                  <a:pos x="T76" y="T77"/>
                </a:cxn>
                <a:cxn ang="T139">
                  <a:pos x="T78" y="T79"/>
                </a:cxn>
                <a:cxn ang="T140">
                  <a:pos x="T80" y="T81"/>
                </a:cxn>
                <a:cxn ang="T141">
                  <a:pos x="T82" y="T83"/>
                </a:cxn>
                <a:cxn ang="T142">
                  <a:pos x="T84" y="T85"/>
                </a:cxn>
                <a:cxn ang="T143">
                  <a:pos x="T86" y="T87"/>
                </a:cxn>
                <a:cxn ang="T144">
                  <a:pos x="T88" y="T89"/>
                </a:cxn>
                <a:cxn ang="T145">
                  <a:pos x="T90" y="T91"/>
                </a:cxn>
                <a:cxn ang="T146">
                  <a:pos x="T92" y="T93"/>
                </a:cxn>
                <a:cxn ang="T147">
                  <a:pos x="T94" y="T95"/>
                </a:cxn>
                <a:cxn ang="T148">
                  <a:pos x="T96" y="T97"/>
                </a:cxn>
                <a:cxn ang="T149">
                  <a:pos x="T98" y="T99"/>
                </a:cxn>
              </a:cxnLst>
              <a:rect b="T153" l="T150" r="T152" t="T151"/>
              <a:pathLst>
                <a:path h="2250" w="3735">
                  <a:moveTo>
                    <a:pt x="44" y="150"/>
                  </a:moveTo>
                  <a:cubicBezTo>
                    <a:pt x="47" y="155"/>
                    <a:pt x="47" y="162"/>
                    <a:pt x="42" y="173"/>
                  </a:cubicBezTo>
                  <a:cubicBezTo>
                    <a:pt x="20" y="215"/>
                    <a:pt x="61" y="225"/>
                    <a:pt x="64" y="263"/>
                  </a:cubicBezTo>
                  <a:cubicBezTo>
                    <a:pt x="67" y="301"/>
                    <a:pt x="80" y="317"/>
                    <a:pt x="119" y="341"/>
                  </a:cubicBezTo>
                  <a:cubicBezTo>
                    <a:pt x="157" y="364"/>
                    <a:pt x="213" y="390"/>
                    <a:pt x="172" y="435"/>
                  </a:cubicBezTo>
                  <a:cubicBezTo>
                    <a:pt x="131" y="480"/>
                    <a:pt x="136" y="480"/>
                    <a:pt x="157" y="524"/>
                  </a:cubicBezTo>
                  <a:cubicBezTo>
                    <a:pt x="177" y="567"/>
                    <a:pt x="143" y="562"/>
                    <a:pt x="124" y="574"/>
                  </a:cubicBezTo>
                  <a:cubicBezTo>
                    <a:pt x="105" y="587"/>
                    <a:pt x="120" y="617"/>
                    <a:pt x="138" y="634"/>
                  </a:cubicBezTo>
                  <a:cubicBezTo>
                    <a:pt x="155" y="652"/>
                    <a:pt x="177" y="686"/>
                    <a:pt x="186" y="740"/>
                  </a:cubicBezTo>
                  <a:cubicBezTo>
                    <a:pt x="195" y="793"/>
                    <a:pt x="217" y="807"/>
                    <a:pt x="176" y="816"/>
                  </a:cubicBezTo>
                  <a:cubicBezTo>
                    <a:pt x="135" y="826"/>
                    <a:pt x="113" y="865"/>
                    <a:pt x="68" y="816"/>
                  </a:cubicBezTo>
                  <a:cubicBezTo>
                    <a:pt x="23" y="767"/>
                    <a:pt x="9" y="764"/>
                    <a:pt x="6" y="808"/>
                  </a:cubicBezTo>
                  <a:cubicBezTo>
                    <a:pt x="4" y="852"/>
                    <a:pt x="0" y="843"/>
                    <a:pt x="17" y="878"/>
                  </a:cubicBezTo>
                  <a:cubicBezTo>
                    <a:pt x="35" y="912"/>
                    <a:pt x="39" y="913"/>
                    <a:pt x="30" y="955"/>
                  </a:cubicBezTo>
                  <a:cubicBezTo>
                    <a:pt x="20" y="998"/>
                    <a:pt x="23" y="1002"/>
                    <a:pt x="28" y="1031"/>
                  </a:cubicBezTo>
                  <a:cubicBezTo>
                    <a:pt x="34" y="1059"/>
                    <a:pt x="41" y="1074"/>
                    <a:pt x="56" y="1059"/>
                  </a:cubicBezTo>
                  <a:cubicBezTo>
                    <a:pt x="71" y="1044"/>
                    <a:pt x="78" y="1057"/>
                    <a:pt x="93" y="1085"/>
                  </a:cubicBezTo>
                  <a:cubicBezTo>
                    <a:pt x="108" y="1114"/>
                    <a:pt x="132" y="1165"/>
                    <a:pt x="170" y="1169"/>
                  </a:cubicBezTo>
                  <a:cubicBezTo>
                    <a:pt x="209" y="1173"/>
                    <a:pt x="221" y="1195"/>
                    <a:pt x="237" y="1222"/>
                  </a:cubicBezTo>
                  <a:cubicBezTo>
                    <a:pt x="254" y="1249"/>
                    <a:pt x="222" y="1262"/>
                    <a:pt x="258" y="1275"/>
                  </a:cubicBezTo>
                  <a:cubicBezTo>
                    <a:pt x="293" y="1289"/>
                    <a:pt x="313" y="1287"/>
                    <a:pt x="352" y="1342"/>
                  </a:cubicBezTo>
                  <a:cubicBezTo>
                    <a:pt x="392" y="1397"/>
                    <a:pt x="410" y="1421"/>
                    <a:pt x="426" y="1398"/>
                  </a:cubicBezTo>
                  <a:cubicBezTo>
                    <a:pt x="442" y="1375"/>
                    <a:pt x="456" y="1328"/>
                    <a:pt x="517" y="1361"/>
                  </a:cubicBezTo>
                  <a:cubicBezTo>
                    <a:pt x="579" y="1394"/>
                    <a:pt x="583" y="1391"/>
                    <a:pt x="591" y="1423"/>
                  </a:cubicBezTo>
                  <a:cubicBezTo>
                    <a:pt x="599" y="1454"/>
                    <a:pt x="645" y="1469"/>
                    <a:pt x="666" y="1502"/>
                  </a:cubicBezTo>
                  <a:cubicBezTo>
                    <a:pt x="688" y="1535"/>
                    <a:pt x="691" y="1548"/>
                    <a:pt x="726" y="1565"/>
                  </a:cubicBezTo>
                  <a:cubicBezTo>
                    <a:pt x="762" y="1581"/>
                    <a:pt x="765" y="1579"/>
                    <a:pt x="785" y="1619"/>
                  </a:cubicBezTo>
                  <a:cubicBezTo>
                    <a:pt x="806" y="1660"/>
                    <a:pt x="813" y="1680"/>
                    <a:pt x="833" y="1658"/>
                  </a:cubicBezTo>
                  <a:cubicBezTo>
                    <a:pt x="854" y="1636"/>
                    <a:pt x="921" y="1655"/>
                    <a:pt x="919" y="1691"/>
                  </a:cubicBezTo>
                  <a:cubicBezTo>
                    <a:pt x="918" y="1726"/>
                    <a:pt x="923" y="1751"/>
                    <a:pt x="953" y="1777"/>
                  </a:cubicBezTo>
                  <a:cubicBezTo>
                    <a:pt x="983" y="1803"/>
                    <a:pt x="982" y="1797"/>
                    <a:pt x="1007" y="1826"/>
                  </a:cubicBezTo>
                  <a:cubicBezTo>
                    <a:pt x="1031" y="1854"/>
                    <a:pt x="1034" y="1831"/>
                    <a:pt x="1048" y="1826"/>
                  </a:cubicBezTo>
                  <a:cubicBezTo>
                    <a:pt x="1061" y="1820"/>
                    <a:pt x="1072" y="1842"/>
                    <a:pt x="1065" y="1856"/>
                  </a:cubicBezTo>
                  <a:cubicBezTo>
                    <a:pt x="1059" y="1870"/>
                    <a:pt x="1054" y="1890"/>
                    <a:pt x="1089" y="1905"/>
                  </a:cubicBezTo>
                  <a:cubicBezTo>
                    <a:pt x="1123" y="1920"/>
                    <a:pt x="1150" y="1894"/>
                    <a:pt x="1164" y="1921"/>
                  </a:cubicBezTo>
                  <a:cubicBezTo>
                    <a:pt x="1177" y="1949"/>
                    <a:pt x="1187" y="1950"/>
                    <a:pt x="1192" y="1972"/>
                  </a:cubicBezTo>
                  <a:cubicBezTo>
                    <a:pt x="1198" y="1994"/>
                    <a:pt x="1216" y="2024"/>
                    <a:pt x="1225" y="1990"/>
                  </a:cubicBezTo>
                  <a:cubicBezTo>
                    <a:pt x="1235" y="1956"/>
                    <a:pt x="1242" y="1984"/>
                    <a:pt x="1259" y="2005"/>
                  </a:cubicBezTo>
                  <a:cubicBezTo>
                    <a:pt x="1277" y="2027"/>
                    <a:pt x="1313" y="2027"/>
                    <a:pt x="1319" y="2005"/>
                  </a:cubicBezTo>
                  <a:cubicBezTo>
                    <a:pt x="1326" y="1983"/>
                    <a:pt x="1360" y="1992"/>
                    <a:pt x="1386" y="2022"/>
                  </a:cubicBezTo>
                  <a:cubicBezTo>
                    <a:pt x="1412" y="2051"/>
                    <a:pt x="1414" y="2061"/>
                    <a:pt x="1486" y="2072"/>
                  </a:cubicBezTo>
                  <a:cubicBezTo>
                    <a:pt x="1559" y="2083"/>
                    <a:pt x="1552" y="2070"/>
                    <a:pt x="1594" y="2072"/>
                  </a:cubicBezTo>
                  <a:cubicBezTo>
                    <a:pt x="1636" y="2073"/>
                    <a:pt x="1668" y="2054"/>
                    <a:pt x="1695" y="2061"/>
                  </a:cubicBezTo>
                  <a:cubicBezTo>
                    <a:pt x="1723" y="2068"/>
                    <a:pt x="1755" y="2055"/>
                    <a:pt x="1753" y="2096"/>
                  </a:cubicBezTo>
                  <a:cubicBezTo>
                    <a:pt x="1750" y="2137"/>
                    <a:pt x="1748" y="2165"/>
                    <a:pt x="1739" y="2182"/>
                  </a:cubicBezTo>
                  <a:cubicBezTo>
                    <a:pt x="1729" y="2200"/>
                    <a:pt x="1726" y="2230"/>
                    <a:pt x="1753" y="2210"/>
                  </a:cubicBezTo>
                  <a:cubicBezTo>
                    <a:pt x="1780" y="2189"/>
                    <a:pt x="1825" y="2144"/>
                    <a:pt x="1839" y="2124"/>
                  </a:cubicBezTo>
                  <a:cubicBezTo>
                    <a:pt x="1852" y="2103"/>
                    <a:pt x="1874" y="2085"/>
                    <a:pt x="1921" y="2076"/>
                  </a:cubicBezTo>
                  <a:cubicBezTo>
                    <a:pt x="1967" y="2066"/>
                    <a:pt x="2000" y="2040"/>
                    <a:pt x="2037" y="2069"/>
                  </a:cubicBezTo>
                  <a:cubicBezTo>
                    <a:pt x="2074" y="2098"/>
                    <a:pt x="2046" y="2109"/>
                    <a:pt x="2091" y="2125"/>
                  </a:cubicBezTo>
                  <a:cubicBezTo>
                    <a:pt x="2136" y="2141"/>
                    <a:pt x="2157" y="2154"/>
                    <a:pt x="2187" y="2150"/>
                  </a:cubicBezTo>
                  <a:cubicBezTo>
                    <a:pt x="2217" y="2146"/>
                    <a:pt x="2225" y="2159"/>
                    <a:pt x="2247" y="2177"/>
                  </a:cubicBezTo>
                  <a:cubicBezTo>
                    <a:pt x="2269" y="2195"/>
                    <a:pt x="2283" y="2223"/>
                    <a:pt x="2313" y="2225"/>
                  </a:cubicBezTo>
                  <a:cubicBezTo>
                    <a:pt x="2343" y="2226"/>
                    <a:pt x="2356" y="2200"/>
                    <a:pt x="2391" y="2214"/>
                  </a:cubicBezTo>
                  <a:cubicBezTo>
                    <a:pt x="2425" y="2227"/>
                    <a:pt x="2451" y="2232"/>
                    <a:pt x="2463" y="2196"/>
                  </a:cubicBezTo>
                  <a:cubicBezTo>
                    <a:pt x="2475" y="2161"/>
                    <a:pt x="2500" y="2162"/>
                    <a:pt x="2533" y="2155"/>
                  </a:cubicBezTo>
                  <a:cubicBezTo>
                    <a:pt x="2565" y="2148"/>
                    <a:pt x="2572" y="2147"/>
                    <a:pt x="2579" y="2122"/>
                  </a:cubicBezTo>
                  <a:cubicBezTo>
                    <a:pt x="2586" y="2096"/>
                    <a:pt x="2581" y="2061"/>
                    <a:pt x="2647" y="2076"/>
                  </a:cubicBezTo>
                  <a:cubicBezTo>
                    <a:pt x="2714" y="2091"/>
                    <a:pt x="2700" y="2085"/>
                    <a:pt x="2723" y="2064"/>
                  </a:cubicBezTo>
                  <a:cubicBezTo>
                    <a:pt x="2747" y="2042"/>
                    <a:pt x="2777" y="2024"/>
                    <a:pt x="2796" y="1996"/>
                  </a:cubicBezTo>
                  <a:cubicBezTo>
                    <a:pt x="2815" y="1968"/>
                    <a:pt x="2861" y="1954"/>
                    <a:pt x="2885" y="1964"/>
                  </a:cubicBezTo>
                  <a:cubicBezTo>
                    <a:pt x="2908" y="1973"/>
                    <a:pt x="2896" y="1992"/>
                    <a:pt x="2934" y="2007"/>
                  </a:cubicBezTo>
                  <a:cubicBezTo>
                    <a:pt x="2973" y="2021"/>
                    <a:pt x="2992" y="2047"/>
                    <a:pt x="3016" y="2033"/>
                  </a:cubicBezTo>
                  <a:cubicBezTo>
                    <a:pt x="3040" y="2018"/>
                    <a:pt x="3037" y="2011"/>
                    <a:pt x="3070" y="1993"/>
                  </a:cubicBezTo>
                  <a:cubicBezTo>
                    <a:pt x="3104" y="1975"/>
                    <a:pt x="3106" y="1967"/>
                    <a:pt x="3141" y="1978"/>
                  </a:cubicBezTo>
                  <a:cubicBezTo>
                    <a:pt x="3176" y="1989"/>
                    <a:pt x="3176" y="1984"/>
                    <a:pt x="3177" y="2001"/>
                  </a:cubicBezTo>
                  <a:cubicBezTo>
                    <a:pt x="3178" y="2018"/>
                    <a:pt x="3162" y="2029"/>
                    <a:pt x="3151" y="2042"/>
                  </a:cubicBezTo>
                  <a:cubicBezTo>
                    <a:pt x="3140" y="2055"/>
                    <a:pt x="3122" y="2081"/>
                    <a:pt x="3153" y="2083"/>
                  </a:cubicBezTo>
                  <a:cubicBezTo>
                    <a:pt x="3184" y="2084"/>
                    <a:pt x="3184" y="2055"/>
                    <a:pt x="3202" y="2068"/>
                  </a:cubicBezTo>
                  <a:cubicBezTo>
                    <a:pt x="3221" y="2081"/>
                    <a:pt x="3229" y="2105"/>
                    <a:pt x="3218" y="2120"/>
                  </a:cubicBezTo>
                  <a:cubicBezTo>
                    <a:pt x="3207" y="2135"/>
                    <a:pt x="3182" y="2146"/>
                    <a:pt x="3177" y="2165"/>
                  </a:cubicBezTo>
                  <a:cubicBezTo>
                    <a:pt x="3172" y="2184"/>
                    <a:pt x="3161" y="2211"/>
                    <a:pt x="3192" y="2201"/>
                  </a:cubicBezTo>
                  <a:cubicBezTo>
                    <a:pt x="3223" y="2191"/>
                    <a:pt x="3247" y="2202"/>
                    <a:pt x="3264" y="2208"/>
                  </a:cubicBezTo>
                  <a:cubicBezTo>
                    <a:pt x="3281" y="2214"/>
                    <a:pt x="3331" y="2213"/>
                    <a:pt x="3343" y="2230"/>
                  </a:cubicBezTo>
                  <a:cubicBezTo>
                    <a:pt x="3355" y="2246"/>
                    <a:pt x="3364" y="2250"/>
                    <a:pt x="3376" y="2223"/>
                  </a:cubicBezTo>
                  <a:cubicBezTo>
                    <a:pt x="3387" y="2195"/>
                    <a:pt x="3383" y="2174"/>
                    <a:pt x="3414" y="2166"/>
                  </a:cubicBezTo>
                  <a:cubicBezTo>
                    <a:pt x="3445" y="2158"/>
                    <a:pt x="3471" y="2167"/>
                    <a:pt x="3487" y="2178"/>
                  </a:cubicBezTo>
                  <a:cubicBezTo>
                    <a:pt x="3503" y="2188"/>
                    <a:pt x="3527" y="2217"/>
                    <a:pt x="3529" y="2235"/>
                  </a:cubicBezTo>
                  <a:cubicBezTo>
                    <a:pt x="3529" y="2236"/>
                    <a:pt x="3529" y="2237"/>
                    <a:pt x="3529" y="2238"/>
                  </a:cubicBezTo>
                  <a:cubicBezTo>
                    <a:pt x="3529" y="2238"/>
                    <a:pt x="3545" y="2230"/>
                    <a:pt x="3551" y="2221"/>
                  </a:cubicBezTo>
                  <a:cubicBezTo>
                    <a:pt x="3556" y="2212"/>
                    <a:pt x="3566" y="2189"/>
                    <a:pt x="3595" y="2205"/>
                  </a:cubicBezTo>
                  <a:cubicBezTo>
                    <a:pt x="3623" y="2222"/>
                    <a:pt x="3633" y="2208"/>
                    <a:pt x="3637" y="2189"/>
                  </a:cubicBezTo>
                  <a:cubicBezTo>
                    <a:pt x="3642" y="2171"/>
                    <a:pt x="3635" y="2156"/>
                    <a:pt x="3629" y="2137"/>
                  </a:cubicBezTo>
                  <a:cubicBezTo>
                    <a:pt x="3624" y="2119"/>
                    <a:pt x="3635" y="2089"/>
                    <a:pt x="3636" y="2080"/>
                  </a:cubicBezTo>
                  <a:cubicBezTo>
                    <a:pt x="3638" y="2070"/>
                    <a:pt x="3642" y="2058"/>
                    <a:pt x="3656" y="2068"/>
                  </a:cubicBezTo>
                  <a:cubicBezTo>
                    <a:pt x="3669" y="2078"/>
                    <a:pt x="3675" y="2070"/>
                    <a:pt x="3675" y="2051"/>
                  </a:cubicBezTo>
                  <a:cubicBezTo>
                    <a:pt x="3675" y="2031"/>
                    <a:pt x="3665" y="2013"/>
                    <a:pt x="3692" y="2008"/>
                  </a:cubicBezTo>
                  <a:cubicBezTo>
                    <a:pt x="3719" y="2004"/>
                    <a:pt x="3728" y="2008"/>
                    <a:pt x="3727" y="1985"/>
                  </a:cubicBezTo>
                  <a:cubicBezTo>
                    <a:pt x="3726" y="1962"/>
                    <a:pt x="3712" y="1936"/>
                    <a:pt x="3715" y="1918"/>
                  </a:cubicBezTo>
                  <a:cubicBezTo>
                    <a:pt x="3717" y="1901"/>
                    <a:pt x="3715" y="1847"/>
                    <a:pt x="3719" y="1830"/>
                  </a:cubicBezTo>
                  <a:cubicBezTo>
                    <a:pt x="3724" y="1812"/>
                    <a:pt x="3720" y="1800"/>
                    <a:pt x="3718" y="1760"/>
                  </a:cubicBezTo>
                  <a:cubicBezTo>
                    <a:pt x="3716" y="1721"/>
                    <a:pt x="3715" y="1689"/>
                    <a:pt x="3709" y="1670"/>
                  </a:cubicBezTo>
                  <a:cubicBezTo>
                    <a:pt x="3704" y="1651"/>
                    <a:pt x="3694" y="1622"/>
                    <a:pt x="3686" y="1600"/>
                  </a:cubicBezTo>
                  <a:cubicBezTo>
                    <a:pt x="3678" y="1577"/>
                    <a:pt x="3664" y="1570"/>
                    <a:pt x="3683" y="1560"/>
                  </a:cubicBezTo>
                  <a:cubicBezTo>
                    <a:pt x="3702" y="1550"/>
                    <a:pt x="3735" y="1538"/>
                    <a:pt x="3727" y="1520"/>
                  </a:cubicBezTo>
                  <a:cubicBezTo>
                    <a:pt x="3720" y="1502"/>
                    <a:pt x="3689" y="1471"/>
                    <a:pt x="3681" y="1453"/>
                  </a:cubicBezTo>
                  <a:cubicBezTo>
                    <a:pt x="3674" y="1436"/>
                    <a:pt x="3656" y="1421"/>
                    <a:pt x="3633" y="1420"/>
                  </a:cubicBezTo>
                  <a:cubicBezTo>
                    <a:pt x="3611" y="1418"/>
                    <a:pt x="3596" y="1414"/>
                    <a:pt x="3590" y="1398"/>
                  </a:cubicBezTo>
                  <a:cubicBezTo>
                    <a:pt x="3583" y="1382"/>
                    <a:pt x="3591" y="1384"/>
                    <a:pt x="3608" y="1369"/>
                  </a:cubicBezTo>
                  <a:cubicBezTo>
                    <a:pt x="3626" y="1354"/>
                    <a:pt x="3615" y="1351"/>
                    <a:pt x="3609" y="1331"/>
                  </a:cubicBezTo>
                  <a:cubicBezTo>
                    <a:pt x="3604" y="1312"/>
                    <a:pt x="3593" y="1302"/>
                    <a:pt x="3574" y="1282"/>
                  </a:cubicBezTo>
                  <a:cubicBezTo>
                    <a:pt x="3555" y="1261"/>
                    <a:pt x="3535" y="1243"/>
                    <a:pt x="3523" y="1229"/>
                  </a:cubicBezTo>
                  <a:cubicBezTo>
                    <a:pt x="3511" y="1214"/>
                    <a:pt x="3502" y="1193"/>
                    <a:pt x="3476" y="1207"/>
                  </a:cubicBezTo>
                  <a:cubicBezTo>
                    <a:pt x="3450" y="1220"/>
                    <a:pt x="3434" y="1211"/>
                    <a:pt x="3428" y="1214"/>
                  </a:cubicBezTo>
                  <a:cubicBezTo>
                    <a:pt x="3422" y="1217"/>
                    <a:pt x="3405" y="1230"/>
                    <a:pt x="3414" y="1239"/>
                  </a:cubicBezTo>
                  <a:cubicBezTo>
                    <a:pt x="3424" y="1248"/>
                    <a:pt x="3439" y="1269"/>
                    <a:pt x="3427" y="1286"/>
                  </a:cubicBezTo>
                  <a:cubicBezTo>
                    <a:pt x="3414" y="1304"/>
                    <a:pt x="3403" y="1314"/>
                    <a:pt x="3400" y="1341"/>
                  </a:cubicBezTo>
                  <a:cubicBezTo>
                    <a:pt x="3398" y="1368"/>
                    <a:pt x="3373" y="1382"/>
                    <a:pt x="3357" y="1393"/>
                  </a:cubicBezTo>
                  <a:cubicBezTo>
                    <a:pt x="3342" y="1404"/>
                    <a:pt x="3351" y="1430"/>
                    <a:pt x="3336" y="1438"/>
                  </a:cubicBezTo>
                  <a:cubicBezTo>
                    <a:pt x="3322" y="1446"/>
                    <a:pt x="3332" y="1451"/>
                    <a:pt x="3304" y="1442"/>
                  </a:cubicBezTo>
                  <a:cubicBezTo>
                    <a:pt x="3276" y="1432"/>
                    <a:pt x="3255" y="1416"/>
                    <a:pt x="3235" y="1428"/>
                  </a:cubicBezTo>
                  <a:cubicBezTo>
                    <a:pt x="3216" y="1440"/>
                    <a:pt x="3194" y="1460"/>
                    <a:pt x="3167" y="1443"/>
                  </a:cubicBezTo>
                  <a:cubicBezTo>
                    <a:pt x="3141" y="1425"/>
                    <a:pt x="3121" y="1416"/>
                    <a:pt x="3108" y="1413"/>
                  </a:cubicBezTo>
                  <a:cubicBezTo>
                    <a:pt x="3096" y="1409"/>
                    <a:pt x="3089" y="1402"/>
                    <a:pt x="3094" y="1384"/>
                  </a:cubicBezTo>
                  <a:cubicBezTo>
                    <a:pt x="3099" y="1365"/>
                    <a:pt x="3105" y="1356"/>
                    <a:pt x="3083" y="1344"/>
                  </a:cubicBezTo>
                  <a:cubicBezTo>
                    <a:pt x="3061" y="1333"/>
                    <a:pt x="3040" y="1314"/>
                    <a:pt x="3014" y="1293"/>
                  </a:cubicBezTo>
                  <a:cubicBezTo>
                    <a:pt x="2989" y="1273"/>
                    <a:pt x="3002" y="1275"/>
                    <a:pt x="2990" y="1258"/>
                  </a:cubicBezTo>
                  <a:cubicBezTo>
                    <a:pt x="2978" y="1241"/>
                    <a:pt x="2962" y="1234"/>
                    <a:pt x="2942" y="1230"/>
                  </a:cubicBezTo>
                  <a:cubicBezTo>
                    <a:pt x="2922" y="1225"/>
                    <a:pt x="2903" y="1223"/>
                    <a:pt x="2882" y="1230"/>
                  </a:cubicBezTo>
                  <a:cubicBezTo>
                    <a:pt x="2860" y="1236"/>
                    <a:pt x="2857" y="1225"/>
                    <a:pt x="2848" y="1219"/>
                  </a:cubicBezTo>
                  <a:cubicBezTo>
                    <a:pt x="2839" y="1213"/>
                    <a:pt x="2818" y="1215"/>
                    <a:pt x="2803" y="1214"/>
                  </a:cubicBezTo>
                  <a:cubicBezTo>
                    <a:pt x="2788" y="1214"/>
                    <a:pt x="2732" y="1220"/>
                    <a:pt x="2714" y="1207"/>
                  </a:cubicBezTo>
                  <a:cubicBezTo>
                    <a:pt x="2695" y="1193"/>
                    <a:pt x="2683" y="1192"/>
                    <a:pt x="2659" y="1192"/>
                  </a:cubicBezTo>
                  <a:cubicBezTo>
                    <a:pt x="2636" y="1192"/>
                    <a:pt x="2627" y="1194"/>
                    <a:pt x="2620" y="1177"/>
                  </a:cubicBezTo>
                  <a:cubicBezTo>
                    <a:pt x="2612" y="1160"/>
                    <a:pt x="2598" y="1156"/>
                    <a:pt x="2582" y="1166"/>
                  </a:cubicBezTo>
                  <a:cubicBezTo>
                    <a:pt x="2565" y="1176"/>
                    <a:pt x="2530" y="1174"/>
                    <a:pt x="2514" y="1155"/>
                  </a:cubicBezTo>
                  <a:cubicBezTo>
                    <a:pt x="2498" y="1136"/>
                    <a:pt x="2452" y="1104"/>
                    <a:pt x="2426" y="1094"/>
                  </a:cubicBezTo>
                  <a:cubicBezTo>
                    <a:pt x="2401" y="1084"/>
                    <a:pt x="2351" y="1065"/>
                    <a:pt x="2324" y="1056"/>
                  </a:cubicBezTo>
                  <a:cubicBezTo>
                    <a:pt x="2297" y="1048"/>
                    <a:pt x="2292" y="1034"/>
                    <a:pt x="2251" y="1041"/>
                  </a:cubicBezTo>
                  <a:cubicBezTo>
                    <a:pt x="2211" y="1048"/>
                    <a:pt x="2203" y="1048"/>
                    <a:pt x="2195" y="1029"/>
                  </a:cubicBezTo>
                  <a:cubicBezTo>
                    <a:pt x="2187" y="1010"/>
                    <a:pt x="2174" y="964"/>
                    <a:pt x="2164" y="946"/>
                  </a:cubicBezTo>
                  <a:cubicBezTo>
                    <a:pt x="2153" y="927"/>
                    <a:pt x="2130" y="900"/>
                    <a:pt x="2126" y="876"/>
                  </a:cubicBezTo>
                  <a:cubicBezTo>
                    <a:pt x="2123" y="852"/>
                    <a:pt x="2115" y="828"/>
                    <a:pt x="2096" y="812"/>
                  </a:cubicBezTo>
                  <a:cubicBezTo>
                    <a:pt x="2076" y="796"/>
                    <a:pt x="2068" y="785"/>
                    <a:pt x="2068" y="759"/>
                  </a:cubicBezTo>
                  <a:cubicBezTo>
                    <a:pt x="2067" y="734"/>
                    <a:pt x="2076" y="722"/>
                    <a:pt x="2067" y="701"/>
                  </a:cubicBezTo>
                  <a:cubicBezTo>
                    <a:pt x="2059" y="680"/>
                    <a:pt x="2059" y="658"/>
                    <a:pt x="2071" y="662"/>
                  </a:cubicBezTo>
                  <a:cubicBezTo>
                    <a:pt x="2084" y="667"/>
                    <a:pt x="2122" y="669"/>
                    <a:pt x="2125" y="647"/>
                  </a:cubicBezTo>
                  <a:cubicBezTo>
                    <a:pt x="2129" y="624"/>
                    <a:pt x="2124" y="612"/>
                    <a:pt x="2121" y="594"/>
                  </a:cubicBezTo>
                  <a:cubicBezTo>
                    <a:pt x="2118" y="576"/>
                    <a:pt x="2122" y="569"/>
                    <a:pt x="2135" y="537"/>
                  </a:cubicBezTo>
                  <a:cubicBezTo>
                    <a:pt x="2148" y="505"/>
                    <a:pt x="2168" y="485"/>
                    <a:pt x="2175" y="471"/>
                  </a:cubicBezTo>
                  <a:cubicBezTo>
                    <a:pt x="2183" y="458"/>
                    <a:pt x="2187" y="451"/>
                    <a:pt x="2170" y="434"/>
                  </a:cubicBezTo>
                  <a:cubicBezTo>
                    <a:pt x="2153" y="417"/>
                    <a:pt x="2116" y="415"/>
                    <a:pt x="2121" y="396"/>
                  </a:cubicBezTo>
                  <a:cubicBezTo>
                    <a:pt x="2126" y="377"/>
                    <a:pt x="2138" y="380"/>
                    <a:pt x="2155" y="374"/>
                  </a:cubicBezTo>
                  <a:cubicBezTo>
                    <a:pt x="2173" y="368"/>
                    <a:pt x="2192" y="333"/>
                    <a:pt x="2169" y="312"/>
                  </a:cubicBezTo>
                  <a:cubicBezTo>
                    <a:pt x="2145" y="290"/>
                    <a:pt x="1743" y="150"/>
                    <a:pt x="1743" y="150"/>
                  </a:cubicBezTo>
                  <a:cubicBezTo>
                    <a:pt x="1169" y="228"/>
                    <a:pt x="1169" y="228"/>
                    <a:pt x="1169" y="228"/>
                  </a:cubicBezTo>
                  <a:cubicBezTo>
                    <a:pt x="460" y="0"/>
                    <a:pt x="460" y="0"/>
                    <a:pt x="460" y="0"/>
                  </a:cubicBezTo>
                  <a:cubicBezTo>
                    <a:pt x="75" y="78"/>
                    <a:pt x="75" y="78"/>
                    <a:pt x="75" y="78"/>
                  </a:cubicBezTo>
                  <a:cubicBezTo>
                    <a:pt x="34" y="144"/>
                    <a:pt x="34" y="144"/>
                    <a:pt x="34" y="144"/>
                  </a:cubicBezTo>
                  <a:lnTo>
                    <a:pt x="44" y="150"/>
                  </a:ln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4" name="Freeform 33"/>
            <p:cNvSpPr>
              <a:spLocks noChangeArrowheads="1"/>
            </p:cNvSpPr>
            <p:nvPr/>
          </p:nvSpPr>
          <p:spPr bwMode="auto">
            <a:xfrm>
              <a:off x="285619" y="1772717"/>
              <a:ext cx="1774704" cy="1301021"/>
            </a:xfrm>
            <a:custGeom>
              <a:gdLst>
                <a:gd fmla="*/ 3901 w 3988" name="T0"/>
                <a:gd fmla="*/ 1398 h 2922" name="T1"/>
                <a:gd fmla="*/ 3821 w 3988" name="T2"/>
                <a:gd fmla="*/ 1213 h 2922" name="T3"/>
                <a:gd fmla="*/ 3559 w 3988" name="T4"/>
                <a:gd fmla="*/ 1048 h 2922" name="T5"/>
                <a:gd fmla="*/ 3173 w 3988" name="T6"/>
                <a:gd fmla="*/ 949 h 2922" name="T7"/>
                <a:gd fmla="*/ 3196 w 3988" name="T8"/>
                <a:gd fmla="*/ 744 h 2922" name="T9"/>
                <a:gd fmla="*/ 3158 w 3988" name="T10"/>
                <a:gd fmla="*/ 505 h 2922" name="T11"/>
                <a:gd fmla="*/ 3043 w 3988" name="T12"/>
                <a:gd fmla="*/ 340 h 2922" name="T13"/>
                <a:gd fmla="*/ 2813 w 3988" name="T14"/>
                <a:gd fmla="*/ 146 h 2922" name="T15"/>
                <a:gd fmla="*/ 2691 w 3988" name="T16"/>
                <a:gd fmla="*/ 18 h 2922" name="T17"/>
                <a:gd fmla="*/ 2496 w 3988" name="T18"/>
                <a:gd fmla="*/ 143 h 2922" name="T19"/>
                <a:gd fmla="*/ 2411 w 3988" name="T20"/>
                <a:gd fmla="*/ 408 h 2922" name="T21"/>
                <a:gd fmla="*/ 2236 w 3988" name="T22"/>
                <a:gd fmla="*/ 409 h 2922" name="T23"/>
                <a:gd fmla="*/ 1991 w 3988" name="T24"/>
                <a:gd fmla="*/ 423 h 2922" name="T25"/>
                <a:gd fmla="*/ 1892 w 3988" name="T26"/>
                <a:gd fmla="*/ 684 h 2922" name="T27"/>
                <a:gd fmla="*/ 1745 w 3988" name="T28"/>
                <a:gd fmla="*/ 704 h 2922" name="T29"/>
                <a:gd fmla="*/ 1483 w 3988" name="T30"/>
                <a:gd fmla="*/ 737 h 2922" name="T31"/>
                <a:gd fmla="*/ 1525 w 3988" name="T32"/>
                <a:gd fmla="*/ 925 h 2922" name="T33"/>
                <a:gd fmla="*/ 1488 w 3988" name="T34"/>
                <a:gd fmla="*/ 1163 h 2922" name="T35"/>
                <a:gd fmla="*/ 1354 w 3988" name="T36"/>
                <a:gd fmla="*/ 1330 h 2922" name="T37"/>
                <a:gd fmla="*/ 1068 w 3988" name="T38"/>
                <a:gd fmla="*/ 1438 h 2922" name="T39"/>
                <a:gd fmla="*/ 725 w 3988" name="T40"/>
                <a:gd fmla="*/ 1500 h 2922" name="T41"/>
                <a:gd fmla="*/ 510 w 3988" name="T42"/>
                <a:gd fmla="*/ 1488 h 2922" name="T43"/>
                <a:gd fmla="*/ 350 w 3988" name="T44"/>
                <a:gd fmla="*/ 1540 h 2922" name="T45"/>
                <a:gd fmla="*/ 114 w 3988" name="T46"/>
                <a:gd fmla="*/ 1607 h 2922" name="T47"/>
                <a:gd fmla="*/ 4 w 3988" name="T48"/>
                <a:gd fmla="*/ 1693 h 2922" name="T49"/>
                <a:gd fmla="*/ 76 w 3988" name="T50"/>
                <a:gd fmla="*/ 1877 h 2922" name="T51"/>
                <a:gd fmla="*/ 171 w 3988" name="T52"/>
                <a:gd fmla="*/ 2086 h 2922" name="T53"/>
                <a:gd fmla="*/ 130 w 3988" name="T54"/>
                <a:gd fmla="*/ 2251 h 2922" name="T55"/>
                <a:gd fmla="*/ 279 w 3988" name="T56"/>
                <a:gd fmla="*/ 2457 h 2922" name="T57"/>
                <a:gd fmla="*/ 576 w 3988" name="T58"/>
                <a:gd fmla="*/ 2679 h 2922" name="T59"/>
                <a:gd fmla="*/ 945 w 3988" name="T60"/>
                <a:gd fmla="*/ 2675 h 2922" name="T61"/>
                <a:gd fmla="*/ 1219 w 3988" name="T62"/>
                <a:gd fmla="*/ 2835 h 2922" name="T63"/>
                <a:gd fmla="*/ 1471 w 3988" name="T64"/>
                <a:gd fmla="*/ 2807 h 2922" name="T65"/>
                <a:gd fmla="*/ 1713 w 3988" name="T66"/>
                <a:gd fmla="*/ 2912 h 2922" name="T67"/>
                <a:gd fmla="*/ 1876 w 3988" name="T68"/>
                <a:gd fmla="*/ 2866 h 2922" name="T69"/>
                <a:gd fmla="*/ 2154 w 3988" name="T70"/>
                <a:gd fmla="*/ 2799 h 2922" name="T71"/>
                <a:gd fmla="*/ 2494 w 3988" name="T72"/>
                <a:gd fmla="*/ 2799 h 2922" name="T73"/>
                <a:gd fmla="*/ 2756 w 3988" name="T74"/>
                <a:gd fmla="*/ 2874 h 2922" name="T75"/>
                <a:gd fmla="*/ 2937 w 3988" name="T76"/>
                <a:gd fmla="*/ 2845 h 2922" name="T77"/>
                <a:gd fmla="*/ 2972 w 3988" name="T78"/>
                <a:gd fmla="*/ 2668 h 2922" name="T79"/>
                <a:gd fmla="*/ 2842 w 3988" name="T80"/>
                <a:gd fmla="*/ 2518 h 2922" name="T81"/>
                <a:gd fmla="*/ 2941 w 3988" name="T82"/>
                <a:gd fmla="*/ 2354 h 2922" name="T83"/>
                <a:gd fmla="*/ 3212 w 3988" name="T84"/>
                <a:gd fmla="*/ 2328 h 2922" name="T85"/>
                <a:gd fmla="*/ 3447 w 3988" name="T86"/>
                <a:gd fmla="*/ 2274 h 2922" name="T87"/>
                <a:gd fmla="*/ 3499 w 3988" name="T88"/>
                <a:gd fmla="*/ 2164 h 2922" name="T89"/>
                <a:gd fmla="*/ 3540 w 3988" name="T90"/>
                <a:gd fmla="*/ 1915 h 2922" name="T91"/>
                <a:gd fmla="*/ 3819 w 3988" name="T92"/>
                <a:gd fmla="*/ 1741 h 2922" name="T93"/>
                <a:gd fmla="*/ 3971 w 3988" name="T94"/>
                <a:gd fmla="*/ 1587 h 2922" name="T95"/>
                <a:gd fmla="*/ 0 60000 65536" name="T96"/>
                <a:gd fmla="*/ 0 60000 65536" name="T97"/>
                <a:gd fmla="*/ 0 60000 65536" name="T98"/>
                <a:gd fmla="*/ 0 60000 65536" name="T99"/>
                <a:gd fmla="*/ 0 60000 65536" name="T100"/>
                <a:gd fmla="*/ 0 60000 65536" name="T101"/>
                <a:gd fmla="*/ 0 60000 65536" name="T102"/>
                <a:gd fmla="*/ 0 60000 65536" name="T103"/>
                <a:gd fmla="*/ 0 60000 65536" name="T104"/>
                <a:gd fmla="*/ 0 60000 65536" name="T105"/>
                <a:gd fmla="*/ 0 60000 65536" name="T106"/>
                <a:gd fmla="*/ 0 60000 65536" name="T107"/>
                <a:gd fmla="*/ 0 60000 65536" name="T108"/>
                <a:gd fmla="*/ 0 60000 65536" name="T109"/>
                <a:gd fmla="*/ 0 60000 65536" name="T110"/>
                <a:gd fmla="*/ 0 60000 65536" name="T111"/>
                <a:gd fmla="*/ 0 60000 65536" name="T112"/>
                <a:gd fmla="*/ 0 60000 65536" name="T113"/>
                <a:gd fmla="*/ 0 60000 65536" name="T114"/>
                <a:gd fmla="*/ 0 60000 65536" name="T115"/>
                <a:gd fmla="*/ 0 60000 65536" name="T116"/>
                <a:gd fmla="*/ 0 60000 65536" name="T117"/>
                <a:gd fmla="*/ 0 60000 65536" name="T118"/>
                <a:gd fmla="*/ 0 60000 65536" name="T119"/>
                <a:gd fmla="*/ 0 60000 65536" name="T120"/>
                <a:gd fmla="*/ 0 60000 65536" name="T121"/>
                <a:gd fmla="*/ 0 60000 65536" name="T122"/>
                <a:gd fmla="*/ 0 60000 65536" name="T123"/>
                <a:gd fmla="*/ 0 60000 65536" name="T124"/>
                <a:gd fmla="*/ 0 60000 65536" name="T125"/>
                <a:gd fmla="*/ 0 60000 65536" name="T126"/>
                <a:gd fmla="*/ 0 60000 65536" name="T127"/>
                <a:gd fmla="*/ 0 60000 65536" name="T128"/>
                <a:gd fmla="*/ 0 60000 65536" name="T129"/>
                <a:gd fmla="*/ 0 60000 65536" name="T130"/>
                <a:gd fmla="*/ 0 60000 65536" name="T131"/>
                <a:gd fmla="*/ 0 60000 65536" name="T132"/>
                <a:gd fmla="*/ 0 60000 65536" name="T133"/>
                <a:gd fmla="*/ 0 60000 65536" name="T134"/>
                <a:gd fmla="*/ 0 60000 65536" name="T135"/>
                <a:gd fmla="*/ 0 60000 65536" name="T136"/>
                <a:gd fmla="*/ 0 60000 65536" name="T137"/>
                <a:gd fmla="*/ 0 60000 65536" name="T138"/>
                <a:gd fmla="*/ 0 60000 65536" name="T139"/>
                <a:gd fmla="*/ 0 60000 65536" name="T140"/>
                <a:gd fmla="*/ 0 60000 65536" name="T141"/>
                <a:gd fmla="*/ 0 60000 65536" name="T142"/>
                <a:gd fmla="*/ 0 60000 65536" name="T143"/>
                <a:gd fmla="*/ 0 w 3988" name="T144"/>
                <a:gd fmla="*/ 0 h 2922" name="T145"/>
                <a:gd fmla="*/ 3988 w 3988" name="T146"/>
                <a:gd fmla="*/ 2922 h 2922" name="T147"/>
              </a:gdLst>
              <a:cxnLst>
                <a:cxn ang="T96">
                  <a:pos x="T0" y="T1"/>
                </a:cxn>
                <a:cxn ang="T97">
                  <a:pos x="T2" y="T3"/>
                </a:cxn>
                <a:cxn ang="T98">
                  <a:pos x="T4" y="T5"/>
                </a:cxn>
                <a:cxn ang="T99">
                  <a:pos x="T6" y="T7"/>
                </a:cxn>
                <a:cxn ang="T100">
                  <a:pos x="T8" y="T9"/>
                </a:cxn>
                <a:cxn ang="T101">
                  <a:pos x="T10" y="T11"/>
                </a:cxn>
                <a:cxn ang="T102">
                  <a:pos x="T12" y="T13"/>
                </a:cxn>
                <a:cxn ang="T103">
                  <a:pos x="T14" y="T15"/>
                </a:cxn>
                <a:cxn ang="T104">
                  <a:pos x="T16" y="T17"/>
                </a:cxn>
                <a:cxn ang="T105">
                  <a:pos x="T18" y="T19"/>
                </a:cxn>
                <a:cxn ang="T106">
                  <a:pos x="T20" y="T21"/>
                </a:cxn>
                <a:cxn ang="T107">
                  <a:pos x="T22" y="T23"/>
                </a:cxn>
                <a:cxn ang="T108">
                  <a:pos x="T24" y="T25"/>
                </a:cxn>
                <a:cxn ang="T109">
                  <a:pos x="T26" y="T27"/>
                </a:cxn>
                <a:cxn ang="T110">
                  <a:pos x="T28" y="T29"/>
                </a:cxn>
                <a:cxn ang="T111">
                  <a:pos x="T30" y="T31"/>
                </a:cxn>
                <a:cxn ang="T112">
                  <a:pos x="T32" y="T33"/>
                </a:cxn>
                <a:cxn ang="T113">
                  <a:pos x="T34" y="T35"/>
                </a:cxn>
                <a:cxn ang="T114">
                  <a:pos x="T36" y="T37"/>
                </a:cxn>
                <a:cxn ang="T115">
                  <a:pos x="T38" y="T39"/>
                </a:cxn>
                <a:cxn ang="T116">
                  <a:pos x="T40" y="T41"/>
                </a:cxn>
                <a:cxn ang="T117">
                  <a:pos x="T42" y="T43"/>
                </a:cxn>
                <a:cxn ang="T118">
                  <a:pos x="T44" y="T45"/>
                </a:cxn>
                <a:cxn ang="T119">
                  <a:pos x="T46" y="T47"/>
                </a:cxn>
                <a:cxn ang="T120">
                  <a:pos x="T48" y="T49"/>
                </a:cxn>
                <a:cxn ang="T121">
                  <a:pos x="T50" y="T51"/>
                </a:cxn>
                <a:cxn ang="T122">
                  <a:pos x="T52" y="T53"/>
                </a:cxn>
                <a:cxn ang="T123">
                  <a:pos x="T54" y="T55"/>
                </a:cxn>
                <a:cxn ang="T124">
                  <a:pos x="T56" y="T57"/>
                </a:cxn>
                <a:cxn ang="T125">
                  <a:pos x="T58" y="T59"/>
                </a:cxn>
                <a:cxn ang="T126">
                  <a:pos x="T60" y="T61"/>
                </a:cxn>
                <a:cxn ang="T127">
                  <a:pos x="T62" y="T63"/>
                </a:cxn>
                <a:cxn ang="T128">
                  <a:pos x="T64" y="T65"/>
                </a:cxn>
                <a:cxn ang="T129">
                  <a:pos x="T66" y="T67"/>
                </a:cxn>
                <a:cxn ang="T130">
                  <a:pos x="T68" y="T69"/>
                </a:cxn>
                <a:cxn ang="T131">
                  <a:pos x="T70" y="T71"/>
                </a:cxn>
                <a:cxn ang="T132">
                  <a:pos x="T72" y="T73"/>
                </a:cxn>
                <a:cxn ang="T133">
                  <a:pos x="T74" y="T75"/>
                </a:cxn>
                <a:cxn ang="T134">
                  <a:pos x="T76" y="T77"/>
                </a:cxn>
                <a:cxn ang="T135">
                  <a:pos x="T78" y="T79"/>
                </a:cxn>
                <a:cxn ang="T136">
                  <a:pos x="T80" y="T81"/>
                </a:cxn>
                <a:cxn ang="T137">
                  <a:pos x="T82" y="T83"/>
                </a:cxn>
                <a:cxn ang="T138">
                  <a:pos x="T84" y="T85"/>
                </a:cxn>
                <a:cxn ang="T139">
                  <a:pos x="T86" y="T87"/>
                </a:cxn>
                <a:cxn ang="T140">
                  <a:pos x="T88" y="T89"/>
                </a:cxn>
                <a:cxn ang="T141">
                  <a:pos x="T90" y="T91"/>
                </a:cxn>
                <a:cxn ang="T142">
                  <a:pos x="T92" y="T93"/>
                </a:cxn>
                <a:cxn ang="T143">
                  <a:pos x="T94" y="T95"/>
                </a:cxn>
              </a:cxnLst>
              <a:rect b="T147" l="T144" r="T146" t="T145"/>
              <a:pathLst>
                <a:path h="2922" w="3988">
                  <a:moveTo>
                    <a:pt x="3985" y="1564"/>
                  </a:moveTo>
                  <a:cubicBezTo>
                    <a:pt x="3981" y="1558"/>
                    <a:pt x="3983" y="1557"/>
                    <a:pt x="3981" y="1546"/>
                  </a:cubicBezTo>
                  <a:cubicBezTo>
                    <a:pt x="3975" y="1516"/>
                    <a:pt x="3943" y="1471"/>
                    <a:pt x="3929" y="1460"/>
                  </a:cubicBezTo>
                  <a:cubicBezTo>
                    <a:pt x="3916" y="1448"/>
                    <a:pt x="3908" y="1414"/>
                    <a:pt x="3901" y="1398"/>
                  </a:cubicBezTo>
                  <a:cubicBezTo>
                    <a:pt x="3894" y="1382"/>
                    <a:pt x="3890" y="1357"/>
                    <a:pt x="3881" y="1327"/>
                  </a:cubicBezTo>
                  <a:cubicBezTo>
                    <a:pt x="3872" y="1298"/>
                    <a:pt x="3884" y="1293"/>
                    <a:pt x="3850" y="1274"/>
                  </a:cubicBezTo>
                  <a:cubicBezTo>
                    <a:pt x="3816" y="1255"/>
                    <a:pt x="3832" y="1257"/>
                    <a:pt x="3843" y="1239"/>
                  </a:cubicBezTo>
                  <a:cubicBezTo>
                    <a:pt x="3854" y="1221"/>
                    <a:pt x="3847" y="1213"/>
                    <a:pt x="3821" y="1213"/>
                  </a:cubicBezTo>
                  <a:cubicBezTo>
                    <a:pt x="3795" y="1213"/>
                    <a:pt x="3754" y="1212"/>
                    <a:pt x="3725" y="1178"/>
                  </a:cubicBezTo>
                  <a:cubicBezTo>
                    <a:pt x="3695" y="1144"/>
                    <a:pt x="3687" y="1150"/>
                    <a:pt x="3670" y="1134"/>
                  </a:cubicBezTo>
                  <a:cubicBezTo>
                    <a:pt x="3654" y="1117"/>
                    <a:pt x="3626" y="1118"/>
                    <a:pt x="3609" y="1091"/>
                  </a:cubicBezTo>
                  <a:cubicBezTo>
                    <a:pt x="3591" y="1064"/>
                    <a:pt x="3588" y="1051"/>
                    <a:pt x="3559" y="1048"/>
                  </a:cubicBezTo>
                  <a:cubicBezTo>
                    <a:pt x="3530" y="1044"/>
                    <a:pt x="3444" y="1026"/>
                    <a:pt x="3419" y="1019"/>
                  </a:cubicBezTo>
                  <a:cubicBezTo>
                    <a:pt x="3393" y="1012"/>
                    <a:pt x="3338" y="1010"/>
                    <a:pt x="3306" y="1001"/>
                  </a:cubicBezTo>
                  <a:cubicBezTo>
                    <a:pt x="3273" y="993"/>
                    <a:pt x="3253" y="979"/>
                    <a:pt x="3239" y="969"/>
                  </a:cubicBezTo>
                  <a:cubicBezTo>
                    <a:pt x="3225" y="958"/>
                    <a:pt x="3192" y="955"/>
                    <a:pt x="3173" y="949"/>
                  </a:cubicBezTo>
                  <a:cubicBezTo>
                    <a:pt x="3154" y="943"/>
                    <a:pt x="3128" y="919"/>
                    <a:pt x="3124" y="896"/>
                  </a:cubicBezTo>
                  <a:cubicBezTo>
                    <a:pt x="3120" y="873"/>
                    <a:pt x="3136" y="851"/>
                    <a:pt x="3145" y="834"/>
                  </a:cubicBezTo>
                  <a:cubicBezTo>
                    <a:pt x="3154" y="817"/>
                    <a:pt x="3178" y="794"/>
                    <a:pt x="3184" y="785"/>
                  </a:cubicBezTo>
                  <a:cubicBezTo>
                    <a:pt x="3189" y="777"/>
                    <a:pt x="3206" y="770"/>
                    <a:pt x="3196" y="744"/>
                  </a:cubicBezTo>
                  <a:cubicBezTo>
                    <a:pt x="3187" y="719"/>
                    <a:pt x="3173" y="697"/>
                    <a:pt x="3190" y="684"/>
                  </a:cubicBezTo>
                  <a:cubicBezTo>
                    <a:pt x="3207" y="672"/>
                    <a:pt x="3223" y="650"/>
                    <a:pt x="3215" y="625"/>
                  </a:cubicBezTo>
                  <a:cubicBezTo>
                    <a:pt x="3208" y="599"/>
                    <a:pt x="3202" y="582"/>
                    <a:pt x="3187" y="563"/>
                  </a:cubicBezTo>
                  <a:cubicBezTo>
                    <a:pt x="3172" y="544"/>
                    <a:pt x="3168" y="531"/>
                    <a:pt x="3158" y="505"/>
                  </a:cubicBezTo>
                  <a:cubicBezTo>
                    <a:pt x="3148" y="478"/>
                    <a:pt x="3151" y="453"/>
                    <a:pt x="3148" y="440"/>
                  </a:cubicBezTo>
                  <a:cubicBezTo>
                    <a:pt x="3146" y="426"/>
                    <a:pt x="3120" y="384"/>
                    <a:pt x="3107" y="369"/>
                  </a:cubicBezTo>
                  <a:cubicBezTo>
                    <a:pt x="3093" y="353"/>
                    <a:pt x="3096" y="342"/>
                    <a:pt x="3079" y="356"/>
                  </a:cubicBezTo>
                  <a:cubicBezTo>
                    <a:pt x="3063" y="369"/>
                    <a:pt x="3056" y="362"/>
                    <a:pt x="3043" y="340"/>
                  </a:cubicBezTo>
                  <a:cubicBezTo>
                    <a:pt x="3029" y="317"/>
                    <a:pt x="3008" y="298"/>
                    <a:pt x="2982" y="309"/>
                  </a:cubicBezTo>
                  <a:cubicBezTo>
                    <a:pt x="2956" y="321"/>
                    <a:pt x="2918" y="322"/>
                    <a:pt x="2898" y="290"/>
                  </a:cubicBezTo>
                  <a:cubicBezTo>
                    <a:pt x="2879" y="258"/>
                    <a:pt x="2872" y="239"/>
                    <a:pt x="2867" y="210"/>
                  </a:cubicBezTo>
                  <a:cubicBezTo>
                    <a:pt x="2862" y="181"/>
                    <a:pt x="2821" y="163"/>
                    <a:pt x="2813" y="146"/>
                  </a:cubicBezTo>
                  <a:cubicBezTo>
                    <a:pt x="2806" y="129"/>
                    <a:pt x="2781" y="86"/>
                    <a:pt x="2786" y="76"/>
                  </a:cubicBezTo>
                  <a:cubicBezTo>
                    <a:pt x="2791" y="66"/>
                    <a:pt x="2792" y="50"/>
                    <a:pt x="2782" y="41"/>
                  </a:cubicBezTo>
                  <a:cubicBezTo>
                    <a:pt x="2771" y="32"/>
                    <a:pt x="2755" y="33"/>
                    <a:pt x="2730" y="35"/>
                  </a:cubicBezTo>
                  <a:cubicBezTo>
                    <a:pt x="2706" y="37"/>
                    <a:pt x="2702" y="37"/>
                    <a:pt x="2691" y="18"/>
                  </a:cubicBezTo>
                  <a:cubicBezTo>
                    <a:pt x="2681" y="0"/>
                    <a:pt x="2669" y="4"/>
                    <a:pt x="2648" y="12"/>
                  </a:cubicBezTo>
                  <a:cubicBezTo>
                    <a:pt x="2628" y="20"/>
                    <a:pt x="2618" y="28"/>
                    <a:pt x="2619" y="50"/>
                  </a:cubicBezTo>
                  <a:cubicBezTo>
                    <a:pt x="2620" y="71"/>
                    <a:pt x="2625" y="106"/>
                    <a:pt x="2584" y="126"/>
                  </a:cubicBezTo>
                  <a:cubicBezTo>
                    <a:pt x="2543" y="146"/>
                    <a:pt x="2523" y="144"/>
                    <a:pt x="2496" y="143"/>
                  </a:cubicBezTo>
                  <a:cubicBezTo>
                    <a:pt x="2469" y="142"/>
                    <a:pt x="2450" y="166"/>
                    <a:pt x="2437" y="188"/>
                  </a:cubicBezTo>
                  <a:cubicBezTo>
                    <a:pt x="2425" y="209"/>
                    <a:pt x="2420" y="248"/>
                    <a:pt x="2420" y="277"/>
                  </a:cubicBezTo>
                  <a:cubicBezTo>
                    <a:pt x="2420" y="306"/>
                    <a:pt x="2417" y="343"/>
                    <a:pt x="2421" y="358"/>
                  </a:cubicBezTo>
                  <a:cubicBezTo>
                    <a:pt x="2425" y="374"/>
                    <a:pt x="2420" y="399"/>
                    <a:pt x="2411" y="408"/>
                  </a:cubicBezTo>
                  <a:cubicBezTo>
                    <a:pt x="2401" y="416"/>
                    <a:pt x="2375" y="427"/>
                    <a:pt x="2358" y="431"/>
                  </a:cubicBezTo>
                  <a:cubicBezTo>
                    <a:pt x="2341" y="434"/>
                    <a:pt x="2329" y="439"/>
                    <a:pt x="2316" y="446"/>
                  </a:cubicBezTo>
                  <a:cubicBezTo>
                    <a:pt x="2303" y="453"/>
                    <a:pt x="2282" y="444"/>
                    <a:pt x="2276" y="424"/>
                  </a:cubicBezTo>
                  <a:cubicBezTo>
                    <a:pt x="2270" y="404"/>
                    <a:pt x="2268" y="408"/>
                    <a:pt x="2236" y="409"/>
                  </a:cubicBezTo>
                  <a:cubicBezTo>
                    <a:pt x="2204" y="410"/>
                    <a:pt x="2163" y="401"/>
                    <a:pt x="2138" y="380"/>
                  </a:cubicBezTo>
                  <a:cubicBezTo>
                    <a:pt x="2114" y="358"/>
                    <a:pt x="2084" y="349"/>
                    <a:pt x="2068" y="336"/>
                  </a:cubicBezTo>
                  <a:cubicBezTo>
                    <a:pt x="2053" y="322"/>
                    <a:pt x="2032" y="326"/>
                    <a:pt x="2027" y="354"/>
                  </a:cubicBezTo>
                  <a:cubicBezTo>
                    <a:pt x="2022" y="383"/>
                    <a:pt x="2023" y="385"/>
                    <a:pt x="1991" y="423"/>
                  </a:cubicBezTo>
                  <a:cubicBezTo>
                    <a:pt x="1959" y="461"/>
                    <a:pt x="1941" y="498"/>
                    <a:pt x="1935" y="516"/>
                  </a:cubicBezTo>
                  <a:cubicBezTo>
                    <a:pt x="1928" y="534"/>
                    <a:pt x="1915" y="547"/>
                    <a:pt x="1916" y="576"/>
                  </a:cubicBezTo>
                  <a:cubicBezTo>
                    <a:pt x="1917" y="604"/>
                    <a:pt x="1912" y="602"/>
                    <a:pt x="1894" y="626"/>
                  </a:cubicBezTo>
                  <a:cubicBezTo>
                    <a:pt x="1875" y="650"/>
                    <a:pt x="1866" y="668"/>
                    <a:pt x="1892" y="684"/>
                  </a:cubicBezTo>
                  <a:cubicBezTo>
                    <a:pt x="1919" y="699"/>
                    <a:pt x="1916" y="703"/>
                    <a:pt x="1906" y="724"/>
                  </a:cubicBezTo>
                  <a:cubicBezTo>
                    <a:pt x="1896" y="746"/>
                    <a:pt x="1897" y="762"/>
                    <a:pt x="1870" y="748"/>
                  </a:cubicBezTo>
                  <a:cubicBezTo>
                    <a:pt x="1844" y="735"/>
                    <a:pt x="1813" y="740"/>
                    <a:pt x="1801" y="714"/>
                  </a:cubicBezTo>
                  <a:cubicBezTo>
                    <a:pt x="1790" y="689"/>
                    <a:pt x="1769" y="696"/>
                    <a:pt x="1745" y="704"/>
                  </a:cubicBezTo>
                  <a:cubicBezTo>
                    <a:pt x="1722" y="712"/>
                    <a:pt x="1693" y="714"/>
                    <a:pt x="1671" y="714"/>
                  </a:cubicBezTo>
                  <a:cubicBezTo>
                    <a:pt x="1649" y="713"/>
                    <a:pt x="1620" y="703"/>
                    <a:pt x="1588" y="706"/>
                  </a:cubicBezTo>
                  <a:cubicBezTo>
                    <a:pt x="1557" y="709"/>
                    <a:pt x="1542" y="718"/>
                    <a:pt x="1522" y="715"/>
                  </a:cubicBezTo>
                  <a:cubicBezTo>
                    <a:pt x="1502" y="712"/>
                    <a:pt x="1475" y="716"/>
                    <a:pt x="1483" y="737"/>
                  </a:cubicBezTo>
                  <a:cubicBezTo>
                    <a:pt x="1491" y="757"/>
                    <a:pt x="1483" y="762"/>
                    <a:pt x="1511" y="760"/>
                  </a:cubicBezTo>
                  <a:cubicBezTo>
                    <a:pt x="1539" y="758"/>
                    <a:pt x="1555" y="768"/>
                    <a:pt x="1551" y="780"/>
                  </a:cubicBezTo>
                  <a:cubicBezTo>
                    <a:pt x="1547" y="791"/>
                    <a:pt x="1538" y="813"/>
                    <a:pt x="1534" y="836"/>
                  </a:cubicBezTo>
                  <a:cubicBezTo>
                    <a:pt x="1529" y="859"/>
                    <a:pt x="1523" y="896"/>
                    <a:pt x="1525" y="925"/>
                  </a:cubicBezTo>
                  <a:cubicBezTo>
                    <a:pt x="1528" y="955"/>
                    <a:pt x="1539" y="991"/>
                    <a:pt x="1547" y="1010"/>
                  </a:cubicBezTo>
                  <a:cubicBezTo>
                    <a:pt x="1555" y="1029"/>
                    <a:pt x="1565" y="1089"/>
                    <a:pt x="1553" y="1099"/>
                  </a:cubicBezTo>
                  <a:cubicBezTo>
                    <a:pt x="1540" y="1109"/>
                    <a:pt x="1511" y="1112"/>
                    <a:pt x="1504" y="1128"/>
                  </a:cubicBezTo>
                  <a:cubicBezTo>
                    <a:pt x="1497" y="1145"/>
                    <a:pt x="1514" y="1156"/>
                    <a:pt x="1488" y="1163"/>
                  </a:cubicBezTo>
                  <a:cubicBezTo>
                    <a:pt x="1463" y="1171"/>
                    <a:pt x="1448" y="1183"/>
                    <a:pt x="1447" y="1208"/>
                  </a:cubicBezTo>
                  <a:cubicBezTo>
                    <a:pt x="1447" y="1233"/>
                    <a:pt x="1449" y="1268"/>
                    <a:pt x="1443" y="1288"/>
                  </a:cubicBezTo>
                  <a:cubicBezTo>
                    <a:pt x="1437" y="1308"/>
                    <a:pt x="1441" y="1317"/>
                    <a:pt x="1419" y="1317"/>
                  </a:cubicBezTo>
                  <a:cubicBezTo>
                    <a:pt x="1398" y="1317"/>
                    <a:pt x="1378" y="1304"/>
                    <a:pt x="1354" y="1330"/>
                  </a:cubicBezTo>
                  <a:cubicBezTo>
                    <a:pt x="1330" y="1357"/>
                    <a:pt x="1321" y="1363"/>
                    <a:pt x="1290" y="1355"/>
                  </a:cubicBezTo>
                  <a:cubicBezTo>
                    <a:pt x="1260" y="1347"/>
                    <a:pt x="1253" y="1343"/>
                    <a:pt x="1213" y="1360"/>
                  </a:cubicBezTo>
                  <a:cubicBezTo>
                    <a:pt x="1174" y="1377"/>
                    <a:pt x="1127" y="1399"/>
                    <a:pt x="1108" y="1404"/>
                  </a:cubicBezTo>
                  <a:cubicBezTo>
                    <a:pt x="1089" y="1410"/>
                    <a:pt x="1087" y="1414"/>
                    <a:pt x="1068" y="1438"/>
                  </a:cubicBezTo>
                  <a:cubicBezTo>
                    <a:pt x="1049" y="1463"/>
                    <a:pt x="1042" y="1469"/>
                    <a:pt x="1005" y="1468"/>
                  </a:cubicBezTo>
                  <a:cubicBezTo>
                    <a:pt x="969" y="1468"/>
                    <a:pt x="908" y="1460"/>
                    <a:pt x="874" y="1458"/>
                  </a:cubicBezTo>
                  <a:cubicBezTo>
                    <a:pt x="840" y="1457"/>
                    <a:pt x="775" y="1437"/>
                    <a:pt x="756" y="1459"/>
                  </a:cubicBezTo>
                  <a:cubicBezTo>
                    <a:pt x="737" y="1481"/>
                    <a:pt x="728" y="1479"/>
                    <a:pt x="725" y="1500"/>
                  </a:cubicBezTo>
                  <a:cubicBezTo>
                    <a:pt x="723" y="1520"/>
                    <a:pt x="731" y="1533"/>
                    <a:pt x="706" y="1548"/>
                  </a:cubicBezTo>
                  <a:cubicBezTo>
                    <a:pt x="680" y="1562"/>
                    <a:pt x="643" y="1565"/>
                    <a:pt x="617" y="1565"/>
                  </a:cubicBezTo>
                  <a:cubicBezTo>
                    <a:pt x="590" y="1564"/>
                    <a:pt x="551" y="1569"/>
                    <a:pt x="539" y="1547"/>
                  </a:cubicBezTo>
                  <a:cubicBezTo>
                    <a:pt x="527" y="1525"/>
                    <a:pt x="532" y="1488"/>
                    <a:pt x="510" y="1488"/>
                  </a:cubicBezTo>
                  <a:cubicBezTo>
                    <a:pt x="487" y="1487"/>
                    <a:pt x="482" y="1508"/>
                    <a:pt x="454" y="1516"/>
                  </a:cubicBezTo>
                  <a:cubicBezTo>
                    <a:pt x="426" y="1523"/>
                    <a:pt x="400" y="1526"/>
                    <a:pt x="387" y="1511"/>
                  </a:cubicBezTo>
                  <a:cubicBezTo>
                    <a:pt x="373" y="1496"/>
                    <a:pt x="365" y="1508"/>
                    <a:pt x="371" y="1522"/>
                  </a:cubicBezTo>
                  <a:cubicBezTo>
                    <a:pt x="377" y="1535"/>
                    <a:pt x="364" y="1543"/>
                    <a:pt x="350" y="1540"/>
                  </a:cubicBezTo>
                  <a:cubicBezTo>
                    <a:pt x="335" y="1537"/>
                    <a:pt x="297" y="1539"/>
                    <a:pt x="279" y="1555"/>
                  </a:cubicBezTo>
                  <a:cubicBezTo>
                    <a:pt x="262" y="1572"/>
                    <a:pt x="229" y="1572"/>
                    <a:pt x="211" y="1564"/>
                  </a:cubicBezTo>
                  <a:cubicBezTo>
                    <a:pt x="193" y="1556"/>
                    <a:pt x="169" y="1549"/>
                    <a:pt x="150" y="1573"/>
                  </a:cubicBezTo>
                  <a:cubicBezTo>
                    <a:pt x="131" y="1597"/>
                    <a:pt x="133" y="1610"/>
                    <a:pt x="114" y="1607"/>
                  </a:cubicBezTo>
                  <a:cubicBezTo>
                    <a:pt x="95" y="1604"/>
                    <a:pt x="87" y="1617"/>
                    <a:pt x="87" y="1634"/>
                  </a:cubicBezTo>
                  <a:cubicBezTo>
                    <a:pt x="87" y="1651"/>
                    <a:pt x="92" y="1670"/>
                    <a:pt x="69" y="1677"/>
                  </a:cubicBezTo>
                  <a:cubicBezTo>
                    <a:pt x="46" y="1684"/>
                    <a:pt x="22" y="1671"/>
                    <a:pt x="12" y="1678"/>
                  </a:cubicBezTo>
                  <a:cubicBezTo>
                    <a:pt x="1" y="1685"/>
                    <a:pt x="4" y="1688"/>
                    <a:pt x="4" y="1693"/>
                  </a:cubicBezTo>
                  <a:cubicBezTo>
                    <a:pt x="4" y="1693"/>
                    <a:pt x="4" y="1722"/>
                    <a:pt x="11" y="1737"/>
                  </a:cubicBezTo>
                  <a:cubicBezTo>
                    <a:pt x="18" y="1753"/>
                    <a:pt x="22" y="1782"/>
                    <a:pt x="11" y="1799"/>
                  </a:cubicBezTo>
                  <a:cubicBezTo>
                    <a:pt x="0" y="1815"/>
                    <a:pt x="15" y="1872"/>
                    <a:pt x="29" y="1882"/>
                  </a:cubicBezTo>
                  <a:cubicBezTo>
                    <a:pt x="42" y="1891"/>
                    <a:pt x="76" y="1884"/>
                    <a:pt x="76" y="1877"/>
                  </a:cubicBezTo>
                  <a:cubicBezTo>
                    <a:pt x="76" y="1869"/>
                    <a:pt x="116" y="1877"/>
                    <a:pt x="128" y="1886"/>
                  </a:cubicBezTo>
                  <a:cubicBezTo>
                    <a:pt x="140" y="1895"/>
                    <a:pt x="184" y="1913"/>
                    <a:pt x="177" y="1942"/>
                  </a:cubicBezTo>
                  <a:cubicBezTo>
                    <a:pt x="170" y="1971"/>
                    <a:pt x="166" y="1983"/>
                    <a:pt x="171" y="2018"/>
                  </a:cubicBezTo>
                  <a:cubicBezTo>
                    <a:pt x="176" y="2053"/>
                    <a:pt x="182" y="2078"/>
                    <a:pt x="171" y="2086"/>
                  </a:cubicBezTo>
                  <a:cubicBezTo>
                    <a:pt x="160" y="2093"/>
                    <a:pt x="145" y="2109"/>
                    <a:pt x="165" y="2133"/>
                  </a:cubicBezTo>
                  <a:cubicBezTo>
                    <a:pt x="184" y="2156"/>
                    <a:pt x="186" y="2181"/>
                    <a:pt x="159" y="2184"/>
                  </a:cubicBezTo>
                  <a:cubicBezTo>
                    <a:pt x="131" y="2187"/>
                    <a:pt x="70" y="2170"/>
                    <a:pt x="76" y="2200"/>
                  </a:cubicBezTo>
                  <a:cubicBezTo>
                    <a:pt x="82" y="2231"/>
                    <a:pt x="98" y="2243"/>
                    <a:pt x="130" y="2251"/>
                  </a:cubicBezTo>
                  <a:cubicBezTo>
                    <a:pt x="162" y="2258"/>
                    <a:pt x="198" y="2261"/>
                    <a:pt x="210" y="2293"/>
                  </a:cubicBezTo>
                  <a:cubicBezTo>
                    <a:pt x="222" y="2324"/>
                    <a:pt x="219" y="2318"/>
                    <a:pt x="236" y="2334"/>
                  </a:cubicBezTo>
                  <a:cubicBezTo>
                    <a:pt x="252" y="2349"/>
                    <a:pt x="254" y="2357"/>
                    <a:pt x="264" y="2379"/>
                  </a:cubicBezTo>
                  <a:cubicBezTo>
                    <a:pt x="275" y="2400"/>
                    <a:pt x="272" y="2425"/>
                    <a:pt x="279" y="2457"/>
                  </a:cubicBezTo>
                  <a:cubicBezTo>
                    <a:pt x="285" y="2488"/>
                    <a:pt x="266" y="2532"/>
                    <a:pt x="310" y="2551"/>
                  </a:cubicBezTo>
                  <a:cubicBezTo>
                    <a:pt x="354" y="2569"/>
                    <a:pt x="358" y="2573"/>
                    <a:pt x="382" y="2601"/>
                  </a:cubicBezTo>
                  <a:cubicBezTo>
                    <a:pt x="407" y="2629"/>
                    <a:pt x="463" y="2652"/>
                    <a:pt x="501" y="2666"/>
                  </a:cubicBezTo>
                  <a:cubicBezTo>
                    <a:pt x="529" y="2676"/>
                    <a:pt x="565" y="2664"/>
                    <a:pt x="576" y="2679"/>
                  </a:cubicBezTo>
                  <a:cubicBezTo>
                    <a:pt x="576" y="2679"/>
                    <a:pt x="592" y="2691"/>
                    <a:pt x="622" y="2671"/>
                  </a:cubicBezTo>
                  <a:cubicBezTo>
                    <a:pt x="653" y="2651"/>
                    <a:pt x="704" y="2630"/>
                    <a:pt x="731" y="2626"/>
                  </a:cubicBezTo>
                  <a:cubicBezTo>
                    <a:pt x="758" y="2622"/>
                    <a:pt x="838" y="2603"/>
                    <a:pt x="872" y="2641"/>
                  </a:cubicBezTo>
                  <a:cubicBezTo>
                    <a:pt x="906" y="2678"/>
                    <a:pt x="920" y="2678"/>
                    <a:pt x="945" y="2675"/>
                  </a:cubicBezTo>
                  <a:cubicBezTo>
                    <a:pt x="970" y="2673"/>
                    <a:pt x="980" y="2686"/>
                    <a:pt x="996" y="2707"/>
                  </a:cubicBezTo>
                  <a:cubicBezTo>
                    <a:pt x="1012" y="2727"/>
                    <a:pt x="1027" y="2765"/>
                    <a:pt x="1056" y="2779"/>
                  </a:cubicBezTo>
                  <a:cubicBezTo>
                    <a:pt x="1085" y="2794"/>
                    <a:pt x="1119" y="2821"/>
                    <a:pt x="1146" y="2814"/>
                  </a:cubicBezTo>
                  <a:cubicBezTo>
                    <a:pt x="1173" y="2807"/>
                    <a:pt x="1183" y="2814"/>
                    <a:pt x="1219" y="2835"/>
                  </a:cubicBezTo>
                  <a:cubicBezTo>
                    <a:pt x="1254" y="2855"/>
                    <a:pt x="1271" y="2871"/>
                    <a:pt x="1293" y="2859"/>
                  </a:cubicBezTo>
                  <a:cubicBezTo>
                    <a:pt x="1315" y="2848"/>
                    <a:pt x="1313" y="2822"/>
                    <a:pt x="1355" y="2811"/>
                  </a:cubicBezTo>
                  <a:cubicBezTo>
                    <a:pt x="1397" y="2799"/>
                    <a:pt x="1409" y="2785"/>
                    <a:pt x="1428" y="2805"/>
                  </a:cubicBezTo>
                  <a:cubicBezTo>
                    <a:pt x="1448" y="2824"/>
                    <a:pt x="1438" y="2809"/>
                    <a:pt x="1471" y="2807"/>
                  </a:cubicBezTo>
                  <a:cubicBezTo>
                    <a:pt x="1504" y="2805"/>
                    <a:pt x="1501" y="2807"/>
                    <a:pt x="1531" y="2820"/>
                  </a:cubicBezTo>
                  <a:cubicBezTo>
                    <a:pt x="1561" y="2833"/>
                    <a:pt x="1589" y="2831"/>
                    <a:pt x="1601" y="2852"/>
                  </a:cubicBezTo>
                  <a:cubicBezTo>
                    <a:pt x="1612" y="2874"/>
                    <a:pt x="1608" y="2892"/>
                    <a:pt x="1648" y="2889"/>
                  </a:cubicBezTo>
                  <a:cubicBezTo>
                    <a:pt x="1689" y="2886"/>
                    <a:pt x="1703" y="2902"/>
                    <a:pt x="1713" y="2912"/>
                  </a:cubicBezTo>
                  <a:cubicBezTo>
                    <a:pt x="1722" y="2922"/>
                    <a:pt x="1728" y="2920"/>
                    <a:pt x="1741" y="2909"/>
                  </a:cubicBezTo>
                  <a:cubicBezTo>
                    <a:pt x="1755" y="2898"/>
                    <a:pt x="1777" y="2901"/>
                    <a:pt x="1793" y="2897"/>
                  </a:cubicBezTo>
                  <a:cubicBezTo>
                    <a:pt x="1810" y="2893"/>
                    <a:pt x="1821" y="2885"/>
                    <a:pt x="1844" y="2881"/>
                  </a:cubicBezTo>
                  <a:cubicBezTo>
                    <a:pt x="1867" y="2878"/>
                    <a:pt x="1847" y="2871"/>
                    <a:pt x="1876" y="2866"/>
                  </a:cubicBezTo>
                  <a:cubicBezTo>
                    <a:pt x="1904" y="2862"/>
                    <a:pt x="1910" y="2863"/>
                    <a:pt x="1947" y="2872"/>
                  </a:cubicBezTo>
                  <a:cubicBezTo>
                    <a:pt x="1985" y="2881"/>
                    <a:pt x="1979" y="2876"/>
                    <a:pt x="1994" y="2862"/>
                  </a:cubicBezTo>
                  <a:cubicBezTo>
                    <a:pt x="2009" y="2848"/>
                    <a:pt x="2039" y="2826"/>
                    <a:pt x="2064" y="2817"/>
                  </a:cubicBezTo>
                  <a:cubicBezTo>
                    <a:pt x="2089" y="2808"/>
                    <a:pt x="2123" y="2800"/>
                    <a:pt x="2154" y="2799"/>
                  </a:cubicBezTo>
                  <a:cubicBezTo>
                    <a:pt x="2186" y="2799"/>
                    <a:pt x="2213" y="2809"/>
                    <a:pt x="2233" y="2805"/>
                  </a:cubicBezTo>
                  <a:cubicBezTo>
                    <a:pt x="2253" y="2801"/>
                    <a:pt x="2272" y="2802"/>
                    <a:pt x="2287" y="2785"/>
                  </a:cubicBezTo>
                  <a:cubicBezTo>
                    <a:pt x="2302" y="2769"/>
                    <a:pt x="2322" y="2775"/>
                    <a:pt x="2352" y="2777"/>
                  </a:cubicBezTo>
                  <a:cubicBezTo>
                    <a:pt x="2382" y="2779"/>
                    <a:pt x="2462" y="2780"/>
                    <a:pt x="2494" y="2799"/>
                  </a:cubicBezTo>
                  <a:cubicBezTo>
                    <a:pt x="2525" y="2819"/>
                    <a:pt x="2561" y="2836"/>
                    <a:pt x="2581" y="2851"/>
                  </a:cubicBezTo>
                  <a:cubicBezTo>
                    <a:pt x="2600" y="2865"/>
                    <a:pt x="2622" y="2873"/>
                    <a:pt x="2636" y="2871"/>
                  </a:cubicBezTo>
                  <a:cubicBezTo>
                    <a:pt x="2651" y="2868"/>
                    <a:pt x="2710" y="2878"/>
                    <a:pt x="2717" y="2869"/>
                  </a:cubicBezTo>
                  <a:cubicBezTo>
                    <a:pt x="2724" y="2860"/>
                    <a:pt x="2737" y="2853"/>
                    <a:pt x="2756" y="2874"/>
                  </a:cubicBezTo>
                  <a:cubicBezTo>
                    <a:pt x="2776" y="2895"/>
                    <a:pt x="2789" y="2899"/>
                    <a:pt x="2818" y="2897"/>
                  </a:cubicBezTo>
                  <a:cubicBezTo>
                    <a:pt x="2848" y="2894"/>
                    <a:pt x="2852" y="2887"/>
                    <a:pt x="2875" y="2879"/>
                  </a:cubicBezTo>
                  <a:cubicBezTo>
                    <a:pt x="2899" y="2872"/>
                    <a:pt x="2919" y="2875"/>
                    <a:pt x="2927" y="2869"/>
                  </a:cubicBezTo>
                  <a:cubicBezTo>
                    <a:pt x="2936" y="2863"/>
                    <a:pt x="2955" y="2851"/>
                    <a:pt x="2937" y="2845"/>
                  </a:cubicBezTo>
                  <a:cubicBezTo>
                    <a:pt x="2918" y="2840"/>
                    <a:pt x="2875" y="2841"/>
                    <a:pt x="2876" y="2819"/>
                  </a:cubicBezTo>
                  <a:cubicBezTo>
                    <a:pt x="2877" y="2798"/>
                    <a:pt x="2869" y="2781"/>
                    <a:pt x="2892" y="2763"/>
                  </a:cubicBezTo>
                  <a:cubicBezTo>
                    <a:pt x="2916" y="2745"/>
                    <a:pt x="2950" y="2747"/>
                    <a:pt x="2955" y="2723"/>
                  </a:cubicBezTo>
                  <a:cubicBezTo>
                    <a:pt x="2961" y="2699"/>
                    <a:pt x="2962" y="2678"/>
                    <a:pt x="2972" y="2668"/>
                  </a:cubicBezTo>
                  <a:cubicBezTo>
                    <a:pt x="2981" y="2657"/>
                    <a:pt x="2994" y="2646"/>
                    <a:pt x="2967" y="2637"/>
                  </a:cubicBezTo>
                  <a:cubicBezTo>
                    <a:pt x="2941" y="2628"/>
                    <a:pt x="2927" y="2623"/>
                    <a:pt x="2914" y="2608"/>
                  </a:cubicBezTo>
                  <a:cubicBezTo>
                    <a:pt x="2901" y="2592"/>
                    <a:pt x="2885" y="2575"/>
                    <a:pt x="2865" y="2559"/>
                  </a:cubicBezTo>
                  <a:cubicBezTo>
                    <a:pt x="2846" y="2543"/>
                    <a:pt x="2842" y="2541"/>
                    <a:pt x="2842" y="2518"/>
                  </a:cubicBezTo>
                  <a:cubicBezTo>
                    <a:pt x="2843" y="2494"/>
                    <a:pt x="2856" y="2474"/>
                    <a:pt x="2843" y="2451"/>
                  </a:cubicBezTo>
                  <a:cubicBezTo>
                    <a:pt x="2831" y="2428"/>
                    <a:pt x="2820" y="2407"/>
                    <a:pt x="2835" y="2395"/>
                  </a:cubicBezTo>
                  <a:cubicBezTo>
                    <a:pt x="2849" y="2383"/>
                    <a:pt x="2876" y="2393"/>
                    <a:pt x="2894" y="2381"/>
                  </a:cubicBezTo>
                  <a:cubicBezTo>
                    <a:pt x="2913" y="2370"/>
                    <a:pt x="2923" y="2359"/>
                    <a:pt x="2941" y="2354"/>
                  </a:cubicBezTo>
                  <a:cubicBezTo>
                    <a:pt x="2959" y="2348"/>
                    <a:pt x="2985" y="2350"/>
                    <a:pt x="3003" y="2358"/>
                  </a:cubicBezTo>
                  <a:cubicBezTo>
                    <a:pt x="3022" y="2366"/>
                    <a:pt x="3040" y="2366"/>
                    <a:pt x="3059" y="2360"/>
                  </a:cubicBezTo>
                  <a:cubicBezTo>
                    <a:pt x="3078" y="2354"/>
                    <a:pt x="3099" y="2350"/>
                    <a:pt x="3124" y="2347"/>
                  </a:cubicBezTo>
                  <a:cubicBezTo>
                    <a:pt x="3150" y="2345"/>
                    <a:pt x="3183" y="2337"/>
                    <a:pt x="3212" y="2328"/>
                  </a:cubicBezTo>
                  <a:cubicBezTo>
                    <a:pt x="3242" y="2319"/>
                    <a:pt x="3274" y="2304"/>
                    <a:pt x="3302" y="2302"/>
                  </a:cubicBezTo>
                  <a:cubicBezTo>
                    <a:pt x="3330" y="2300"/>
                    <a:pt x="3366" y="2293"/>
                    <a:pt x="3382" y="2299"/>
                  </a:cubicBezTo>
                  <a:cubicBezTo>
                    <a:pt x="3399" y="2304"/>
                    <a:pt x="3412" y="2305"/>
                    <a:pt x="3411" y="2291"/>
                  </a:cubicBezTo>
                  <a:cubicBezTo>
                    <a:pt x="3409" y="2276"/>
                    <a:pt x="3433" y="2268"/>
                    <a:pt x="3447" y="2274"/>
                  </a:cubicBezTo>
                  <a:cubicBezTo>
                    <a:pt x="3460" y="2280"/>
                    <a:pt x="3460" y="2294"/>
                    <a:pt x="3476" y="2289"/>
                  </a:cubicBezTo>
                  <a:cubicBezTo>
                    <a:pt x="3492" y="2283"/>
                    <a:pt x="3502" y="2286"/>
                    <a:pt x="3490" y="2272"/>
                  </a:cubicBezTo>
                  <a:cubicBezTo>
                    <a:pt x="3478" y="2257"/>
                    <a:pt x="3460" y="2255"/>
                    <a:pt x="3476" y="2237"/>
                  </a:cubicBezTo>
                  <a:cubicBezTo>
                    <a:pt x="3491" y="2219"/>
                    <a:pt x="3504" y="2192"/>
                    <a:pt x="3499" y="2164"/>
                  </a:cubicBezTo>
                  <a:cubicBezTo>
                    <a:pt x="3493" y="2136"/>
                    <a:pt x="3493" y="2113"/>
                    <a:pt x="3480" y="2090"/>
                  </a:cubicBezTo>
                  <a:cubicBezTo>
                    <a:pt x="3468" y="2067"/>
                    <a:pt x="3470" y="2035"/>
                    <a:pt x="3469" y="2023"/>
                  </a:cubicBezTo>
                  <a:cubicBezTo>
                    <a:pt x="3468" y="2010"/>
                    <a:pt x="3460" y="1955"/>
                    <a:pt x="3479" y="1941"/>
                  </a:cubicBezTo>
                  <a:cubicBezTo>
                    <a:pt x="3497" y="1927"/>
                    <a:pt x="3523" y="1918"/>
                    <a:pt x="3540" y="1915"/>
                  </a:cubicBezTo>
                  <a:cubicBezTo>
                    <a:pt x="3557" y="1912"/>
                    <a:pt x="3579" y="1913"/>
                    <a:pt x="3588" y="1891"/>
                  </a:cubicBezTo>
                  <a:cubicBezTo>
                    <a:pt x="3598" y="1868"/>
                    <a:pt x="3624" y="1845"/>
                    <a:pt x="3639" y="1830"/>
                  </a:cubicBezTo>
                  <a:cubicBezTo>
                    <a:pt x="3655" y="1815"/>
                    <a:pt x="3702" y="1791"/>
                    <a:pt x="3720" y="1781"/>
                  </a:cubicBezTo>
                  <a:cubicBezTo>
                    <a:pt x="3737" y="1772"/>
                    <a:pt x="3791" y="1750"/>
                    <a:pt x="3819" y="1741"/>
                  </a:cubicBezTo>
                  <a:cubicBezTo>
                    <a:pt x="3847" y="1733"/>
                    <a:pt x="3855" y="1728"/>
                    <a:pt x="3887" y="1731"/>
                  </a:cubicBezTo>
                  <a:cubicBezTo>
                    <a:pt x="3919" y="1733"/>
                    <a:pt x="3939" y="1716"/>
                    <a:pt x="3947" y="1700"/>
                  </a:cubicBezTo>
                  <a:cubicBezTo>
                    <a:pt x="3955" y="1683"/>
                    <a:pt x="3962" y="1660"/>
                    <a:pt x="3957" y="1640"/>
                  </a:cubicBezTo>
                  <a:cubicBezTo>
                    <a:pt x="3952" y="1620"/>
                    <a:pt x="3963" y="1601"/>
                    <a:pt x="3971" y="1587"/>
                  </a:cubicBezTo>
                  <a:cubicBezTo>
                    <a:pt x="3979" y="1572"/>
                    <a:pt x="3988" y="1569"/>
                    <a:pt x="3985" y="1564"/>
                  </a:cubicBez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5" name="Freeform 34"/>
            <p:cNvSpPr>
              <a:spLocks noChangeArrowheads="1"/>
            </p:cNvSpPr>
            <p:nvPr/>
          </p:nvSpPr>
          <p:spPr bwMode="auto">
            <a:xfrm>
              <a:off x="4020706" y="4060240"/>
              <a:ext cx="164207" cy="342307"/>
            </a:xfrm>
            <a:custGeom>
              <a:gdLst>
                <a:gd fmla="*/ 45 w 368" name="T0"/>
                <a:gd fmla="*/ 355 h 770" name="T1"/>
                <a:gd fmla="*/ 84 w 368" name="T2"/>
                <a:gd fmla="*/ 247 h 770" name="T3"/>
                <a:gd fmla="*/ 125 w 368" name="T4"/>
                <a:gd fmla="*/ 173 h 770" name="T5"/>
                <a:gd fmla="*/ 145 w 368" name="T6"/>
                <a:gd fmla="*/ 128 h 770" name="T7"/>
                <a:gd fmla="*/ 176 w 368" name="T8"/>
                <a:gd fmla="*/ 76 h 770" name="T9"/>
                <a:gd fmla="*/ 239 w 368" name="T10"/>
                <a:gd fmla="*/ 26 h 770" name="T11"/>
                <a:gd fmla="*/ 279 w 368" name="T12"/>
                <a:gd fmla="*/ 18 h 770" name="T13"/>
                <a:gd fmla="*/ 317 w 368" name="T14"/>
                <a:gd fmla="*/ 30 h 770" name="T15"/>
                <a:gd fmla="*/ 349 w 368" name="T16"/>
                <a:gd fmla="*/ 60 h 770" name="T17"/>
                <a:gd fmla="*/ 329 w 368" name="T18"/>
                <a:gd fmla="*/ 105 h 770" name="T19"/>
                <a:gd fmla="*/ 355 w 368" name="T20"/>
                <a:gd fmla="*/ 171 h 770" name="T21"/>
                <a:gd fmla="*/ 319 w 368" name="T22"/>
                <a:gd fmla="*/ 254 h 770" name="T23"/>
                <a:gd fmla="*/ 310 w 368" name="T24"/>
                <a:gd fmla="*/ 305 h 770" name="T25"/>
                <a:gd fmla="*/ 305 w 368" name="T26"/>
                <a:gd fmla="*/ 405 h 770" name="T27"/>
                <a:gd fmla="*/ 296 w 368" name="T28"/>
                <a:gd fmla="*/ 463 h 770" name="T29"/>
                <a:gd fmla="*/ 273 w 368" name="T30"/>
                <a:gd fmla="*/ 533 h 770" name="T31"/>
                <a:gd fmla="*/ 246 w 368" name="T32"/>
                <a:gd fmla="*/ 592 h 770" name="T33"/>
                <a:gd fmla="*/ 225 w 368" name="T34"/>
                <a:gd fmla="*/ 660 h 770" name="T35"/>
                <a:gd fmla="*/ 234 w 368" name="T36"/>
                <a:gd fmla="*/ 738 h 770" name="T37"/>
                <a:gd fmla="*/ 221 w 368" name="T38"/>
                <a:gd fmla="*/ 769 h 770" name="T39"/>
                <a:gd fmla="*/ 185 w 368" name="T40"/>
                <a:gd fmla="*/ 725 h 770" name="T41"/>
                <a:gd fmla="*/ 135 w 368" name="T42"/>
                <a:gd fmla="*/ 667 h 770" name="T43"/>
                <a:gd fmla="*/ 127 w 368" name="T44"/>
                <a:gd fmla="*/ 628 h 770" name="T45"/>
                <a:gd fmla="*/ 115 w 368" name="T46"/>
                <a:gd fmla="*/ 628 h 770" name="T47"/>
                <a:gd fmla="*/ 83 w 368" name="T48"/>
                <a:gd fmla="*/ 627 h 770" name="T49"/>
                <a:gd fmla="*/ 30 w 368" name="T50"/>
                <a:gd fmla="*/ 546 h 770" name="T51"/>
                <a:gd fmla="*/ 24 w 368" name="T52"/>
                <a:gd fmla="*/ 500 h 770" name="T53"/>
                <a:gd fmla="*/ 25 w 368" name="T54"/>
                <a:gd fmla="*/ 435 h 770" name="T55"/>
                <a:gd fmla="*/ 26 w 368" name="T56"/>
                <a:gd fmla="*/ 387 h 770" name="T57"/>
                <a:gd fmla="*/ 45 w 368" name="T58"/>
                <a:gd fmla="*/ 355 h 770" name="T59"/>
                <a:gd fmla="*/ 0 60000 65536" name="T60"/>
                <a:gd fmla="*/ 0 60000 65536" name="T61"/>
                <a:gd fmla="*/ 0 60000 65536" name="T62"/>
                <a:gd fmla="*/ 0 60000 65536" name="T63"/>
                <a:gd fmla="*/ 0 60000 65536" name="T64"/>
                <a:gd fmla="*/ 0 60000 65536" name="T65"/>
                <a:gd fmla="*/ 0 60000 65536" name="T66"/>
                <a:gd fmla="*/ 0 60000 65536" name="T67"/>
                <a:gd fmla="*/ 0 60000 65536" name="T68"/>
                <a:gd fmla="*/ 0 60000 65536" name="T69"/>
                <a:gd fmla="*/ 0 60000 65536" name="T70"/>
                <a:gd fmla="*/ 0 60000 65536" name="T71"/>
                <a:gd fmla="*/ 0 60000 65536" name="T72"/>
                <a:gd fmla="*/ 0 60000 65536" name="T73"/>
                <a:gd fmla="*/ 0 60000 65536" name="T74"/>
                <a:gd fmla="*/ 0 60000 65536" name="T75"/>
                <a:gd fmla="*/ 0 60000 65536" name="T76"/>
                <a:gd fmla="*/ 0 60000 65536" name="T77"/>
                <a:gd fmla="*/ 0 60000 65536" name="T78"/>
                <a:gd fmla="*/ 0 60000 65536" name="T79"/>
                <a:gd fmla="*/ 0 60000 65536" name="T80"/>
                <a:gd fmla="*/ 0 60000 65536" name="T81"/>
                <a:gd fmla="*/ 0 60000 65536" name="T82"/>
                <a:gd fmla="*/ 0 60000 65536" name="T83"/>
                <a:gd fmla="*/ 0 60000 65536" name="T84"/>
                <a:gd fmla="*/ 0 60000 65536" name="T85"/>
                <a:gd fmla="*/ 0 60000 65536" name="T86"/>
                <a:gd fmla="*/ 0 60000 65536" name="T87"/>
                <a:gd fmla="*/ 0 60000 65536" name="T88"/>
                <a:gd fmla="*/ 0 60000 65536" name="T89"/>
                <a:gd fmla="*/ 0 w 368" name="T90"/>
                <a:gd fmla="*/ 0 h 770" name="T91"/>
                <a:gd fmla="*/ 368 w 368" name="T92"/>
                <a:gd fmla="*/ 770 h 770" name="T93"/>
              </a:gdLst>
              <a:cxnLst>
                <a:cxn ang="T60">
                  <a:pos x="T0" y="T1"/>
                </a:cxn>
                <a:cxn ang="T61">
                  <a:pos x="T2" y="T3"/>
                </a:cxn>
                <a:cxn ang="T62">
                  <a:pos x="T4" y="T5"/>
                </a:cxn>
                <a:cxn ang="T63">
                  <a:pos x="T6" y="T7"/>
                </a:cxn>
                <a:cxn ang="T64">
                  <a:pos x="T8" y="T9"/>
                </a:cxn>
                <a:cxn ang="T65">
                  <a:pos x="T10" y="T11"/>
                </a:cxn>
                <a:cxn ang="T66">
                  <a:pos x="T12" y="T13"/>
                </a:cxn>
                <a:cxn ang="T67">
                  <a:pos x="T14" y="T15"/>
                </a:cxn>
                <a:cxn ang="T68">
                  <a:pos x="T16" y="T17"/>
                </a:cxn>
                <a:cxn ang="T69">
                  <a:pos x="T18" y="T19"/>
                </a:cxn>
                <a:cxn ang="T70">
                  <a:pos x="T20" y="T21"/>
                </a:cxn>
                <a:cxn ang="T71">
                  <a:pos x="T22" y="T23"/>
                </a:cxn>
                <a:cxn ang="T72">
                  <a:pos x="T24" y="T25"/>
                </a:cxn>
                <a:cxn ang="T73">
                  <a:pos x="T26" y="T27"/>
                </a:cxn>
                <a:cxn ang="T74">
                  <a:pos x="T28" y="T29"/>
                </a:cxn>
                <a:cxn ang="T75">
                  <a:pos x="T30" y="T31"/>
                </a:cxn>
                <a:cxn ang="T76">
                  <a:pos x="T32" y="T33"/>
                </a:cxn>
                <a:cxn ang="T77">
                  <a:pos x="T34" y="T35"/>
                </a:cxn>
                <a:cxn ang="T78">
                  <a:pos x="T36" y="T37"/>
                </a:cxn>
                <a:cxn ang="T79">
                  <a:pos x="T38" y="T39"/>
                </a:cxn>
                <a:cxn ang="T80">
                  <a:pos x="T40" y="T41"/>
                </a:cxn>
                <a:cxn ang="T81">
                  <a:pos x="T42" y="T43"/>
                </a:cxn>
                <a:cxn ang="T82">
                  <a:pos x="T44" y="T45"/>
                </a:cxn>
                <a:cxn ang="T83">
                  <a:pos x="T46" y="T47"/>
                </a:cxn>
                <a:cxn ang="T84">
                  <a:pos x="T48" y="T49"/>
                </a:cxn>
                <a:cxn ang="T85">
                  <a:pos x="T50" y="T51"/>
                </a:cxn>
                <a:cxn ang="T86">
                  <a:pos x="T52" y="T53"/>
                </a:cxn>
                <a:cxn ang="T87">
                  <a:pos x="T54" y="T55"/>
                </a:cxn>
                <a:cxn ang="T88">
                  <a:pos x="T56" y="T57"/>
                </a:cxn>
                <a:cxn ang="T89">
                  <a:pos x="T58" y="T59"/>
                </a:cxn>
              </a:cxnLst>
              <a:rect b="T93" l="T90" r="T92" t="T91"/>
              <a:pathLst>
                <a:path h="770" w="368">
                  <a:moveTo>
                    <a:pt x="45" y="355"/>
                  </a:moveTo>
                  <a:cubicBezTo>
                    <a:pt x="45" y="355"/>
                    <a:pt x="73" y="273"/>
                    <a:pt x="84" y="247"/>
                  </a:cubicBezTo>
                  <a:cubicBezTo>
                    <a:pt x="95" y="221"/>
                    <a:pt x="113" y="185"/>
                    <a:pt x="125" y="173"/>
                  </a:cubicBezTo>
                  <a:cubicBezTo>
                    <a:pt x="138" y="162"/>
                    <a:pt x="145" y="155"/>
                    <a:pt x="145" y="128"/>
                  </a:cubicBezTo>
                  <a:cubicBezTo>
                    <a:pt x="145" y="102"/>
                    <a:pt x="158" y="88"/>
                    <a:pt x="176" y="76"/>
                  </a:cubicBezTo>
                  <a:cubicBezTo>
                    <a:pt x="195" y="64"/>
                    <a:pt x="229" y="51"/>
                    <a:pt x="239" y="26"/>
                  </a:cubicBezTo>
                  <a:cubicBezTo>
                    <a:pt x="249" y="0"/>
                    <a:pt x="275" y="2"/>
                    <a:pt x="279" y="18"/>
                  </a:cubicBezTo>
                  <a:cubicBezTo>
                    <a:pt x="283" y="33"/>
                    <a:pt x="294" y="27"/>
                    <a:pt x="317" y="30"/>
                  </a:cubicBezTo>
                  <a:cubicBezTo>
                    <a:pt x="339" y="33"/>
                    <a:pt x="368" y="41"/>
                    <a:pt x="349" y="60"/>
                  </a:cubicBezTo>
                  <a:cubicBezTo>
                    <a:pt x="329" y="78"/>
                    <a:pt x="322" y="78"/>
                    <a:pt x="329" y="105"/>
                  </a:cubicBezTo>
                  <a:cubicBezTo>
                    <a:pt x="336" y="131"/>
                    <a:pt x="366" y="154"/>
                    <a:pt x="355" y="171"/>
                  </a:cubicBezTo>
                  <a:cubicBezTo>
                    <a:pt x="344" y="189"/>
                    <a:pt x="334" y="237"/>
                    <a:pt x="319" y="254"/>
                  </a:cubicBezTo>
                  <a:cubicBezTo>
                    <a:pt x="304" y="272"/>
                    <a:pt x="312" y="277"/>
                    <a:pt x="310" y="305"/>
                  </a:cubicBezTo>
                  <a:cubicBezTo>
                    <a:pt x="308" y="334"/>
                    <a:pt x="299" y="383"/>
                    <a:pt x="305" y="405"/>
                  </a:cubicBezTo>
                  <a:cubicBezTo>
                    <a:pt x="310" y="426"/>
                    <a:pt x="298" y="439"/>
                    <a:pt x="296" y="463"/>
                  </a:cubicBezTo>
                  <a:cubicBezTo>
                    <a:pt x="294" y="488"/>
                    <a:pt x="283" y="515"/>
                    <a:pt x="273" y="533"/>
                  </a:cubicBezTo>
                  <a:cubicBezTo>
                    <a:pt x="263" y="551"/>
                    <a:pt x="269" y="571"/>
                    <a:pt x="246" y="592"/>
                  </a:cubicBezTo>
                  <a:cubicBezTo>
                    <a:pt x="224" y="614"/>
                    <a:pt x="219" y="641"/>
                    <a:pt x="225" y="660"/>
                  </a:cubicBezTo>
                  <a:cubicBezTo>
                    <a:pt x="230" y="680"/>
                    <a:pt x="237" y="714"/>
                    <a:pt x="234" y="738"/>
                  </a:cubicBezTo>
                  <a:cubicBezTo>
                    <a:pt x="231" y="761"/>
                    <a:pt x="245" y="770"/>
                    <a:pt x="221" y="769"/>
                  </a:cubicBezTo>
                  <a:cubicBezTo>
                    <a:pt x="196" y="768"/>
                    <a:pt x="187" y="754"/>
                    <a:pt x="185" y="725"/>
                  </a:cubicBezTo>
                  <a:cubicBezTo>
                    <a:pt x="183" y="695"/>
                    <a:pt x="155" y="676"/>
                    <a:pt x="135" y="667"/>
                  </a:cubicBezTo>
                  <a:cubicBezTo>
                    <a:pt x="116" y="658"/>
                    <a:pt x="123" y="651"/>
                    <a:pt x="127" y="628"/>
                  </a:cubicBezTo>
                  <a:cubicBezTo>
                    <a:pt x="131" y="606"/>
                    <a:pt x="119" y="612"/>
                    <a:pt x="115" y="628"/>
                  </a:cubicBezTo>
                  <a:cubicBezTo>
                    <a:pt x="111" y="645"/>
                    <a:pt x="101" y="654"/>
                    <a:pt x="83" y="627"/>
                  </a:cubicBezTo>
                  <a:cubicBezTo>
                    <a:pt x="66" y="601"/>
                    <a:pt x="60" y="552"/>
                    <a:pt x="30" y="546"/>
                  </a:cubicBezTo>
                  <a:cubicBezTo>
                    <a:pt x="0" y="540"/>
                    <a:pt x="14" y="516"/>
                    <a:pt x="24" y="500"/>
                  </a:cubicBezTo>
                  <a:cubicBezTo>
                    <a:pt x="34" y="485"/>
                    <a:pt x="31" y="447"/>
                    <a:pt x="25" y="435"/>
                  </a:cubicBezTo>
                  <a:cubicBezTo>
                    <a:pt x="19" y="422"/>
                    <a:pt x="20" y="397"/>
                    <a:pt x="26" y="387"/>
                  </a:cubicBezTo>
                  <a:cubicBezTo>
                    <a:pt x="32" y="378"/>
                    <a:pt x="45" y="355"/>
                    <a:pt x="45" y="355"/>
                  </a:cubicBez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6" name="Freeform 35"/>
            <p:cNvSpPr>
              <a:spLocks noChangeArrowheads="1"/>
            </p:cNvSpPr>
            <p:nvPr/>
          </p:nvSpPr>
          <p:spPr bwMode="auto">
            <a:xfrm>
              <a:off x="3457349" y="2600065"/>
              <a:ext cx="149050" cy="152838"/>
            </a:xfrm>
            <a:custGeom>
              <a:gdLst>
                <a:gd fmla="*/ 314 w 333" name="T0"/>
                <a:gd fmla="*/ 55 h 343" name="T1"/>
                <a:gd fmla="*/ 188 w 333" name="T2"/>
                <a:gd fmla="*/ 26 h 343" name="T3"/>
                <a:gd fmla="*/ 132 w 333" name="T4"/>
                <a:gd fmla="*/ 41 h 343" name="T5"/>
                <a:gd fmla="*/ 131 w 333" name="T6"/>
                <a:gd fmla="*/ 69 h 343" name="T7"/>
                <a:gd fmla="*/ 95 w 333" name="T8"/>
                <a:gd fmla="*/ 99 h 343" name="T9"/>
                <a:gd fmla="*/ 103 w 333" name="T10"/>
                <a:gd fmla="*/ 150 h 343" name="T11"/>
                <a:gd fmla="*/ 96 w 333" name="T12"/>
                <a:gd fmla="*/ 163 h 343" name="T13"/>
                <a:gd fmla="*/ 65 w 333" name="T14"/>
                <a:gd fmla="*/ 157 h 343" name="T15"/>
                <a:gd fmla="*/ 38 w 333" name="T16"/>
                <a:gd fmla="*/ 203 h 343" name="T17"/>
                <a:gd fmla="*/ 4 w 333" name="T18"/>
                <a:gd fmla="*/ 261 h 343" name="T19"/>
                <a:gd fmla="*/ 30 w 333" name="T20"/>
                <a:gd fmla="*/ 332 h 343" name="T21"/>
                <a:gd fmla="*/ 92 w 333" name="T22"/>
                <a:gd fmla="*/ 332 h 343" name="T23"/>
                <a:gd fmla="*/ 134 w 333" name="T24"/>
                <a:gd fmla="*/ 302 h 343" name="T25"/>
                <a:gd fmla="*/ 159 w 333" name="T26"/>
                <a:gd fmla="*/ 326 h 343" name="T27"/>
                <a:gd fmla="*/ 201 w 333" name="T28"/>
                <a:gd fmla="*/ 302 h 343" name="T29"/>
                <a:gd fmla="*/ 251 w 333" name="T30"/>
                <a:gd fmla="*/ 284 h 343" name="T31"/>
                <a:gd fmla="*/ 236 w 333" name="T32"/>
                <a:gd fmla="*/ 241 h 343" name="T33"/>
                <a:gd fmla="*/ 244 w 333" name="T34"/>
                <a:gd fmla="*/ 206 h 343" name="T35"/>
                <a:gd fmla="*/ 301 w 333" name="T36"/>
                <a:gd fmla="*/ 168 h 343" name="T37"/>
                <a:gd fmla="*/ 286 w 333" name="T38"/>
                <a:gd fmla="*/ 104 h 343" name="T39"/>
                <a:gd fmla="*/ 314 w 333" name="T40"/>
                <a:gd fmla="*/ 55 h 343" name="T41"/>
                <a:gd fmla="*/ 0 60000 65536" name="T42"/>
                <a:gd fmla="*/ 0 60000 65536" name="T43"/>
                <a:gd fmla="*/ 0 60000 65536" name="T44"/>
                <a:gd fmla="*/ 0 60000 65536" name="T45"/>
                <a:gd fmla="*/ 0 60000 65536" name="T46"/>
                <a:gd fmla="*/ 0 60000 65536" name="T47"/>
                <a:gd fmla="*/ 0 60000 65536" name="T48"/>
                <a:gd fmla="*/ 0 60000 65536" name="T49"/>
                <a:gd fmla="*/ 0 60000 65536" name="T50"/>
                <a:gd fmla="*/ 0 60000 65536" name="T51"/>
                <a:gd fmla="*/ 0 60000 65536" name="T52"/>
                <a:gd fmla="*/ 0 60000 65536" name="T53"/>
                <a:gd fmla="*/ 0 60000 65536" name="T54"/>
                <a:gd fmla="*/ 0 60000 65536" name="T55"/>
                <a:gd fmla="*/ 0 60000 65536" name="T56"/>
                <a:gd fmla="*/ 0 60000 65536" name="T57"/>
                <a:gd fmla="*/ 0 60000 65536" name="T58"/>
                <a:gd fmla="*/ 0 60000 65536" name="T59"/>
                <a:gd fmla="*/ 0 60000 65536" name="T60"/>
                <a:gd fmla="*/ 0 60000 65536" name="T61"/>
                <a:gd fmla="*/ 0 60000 65536" name="T62"/>
                <a:gd fmla="*/ 0 w 333" name="T63"/>
                <a:gd fmla="*/ 0 h 343" name="T64"/>
                <a:gd fmla="*/ 333 w 333" name="T65"/>
                <a:gd fmla="*/ 343 h 343" name="T66"/>
              </a:gdLst>
              <a:cxnLst>
                <a:cxn ang="T42">
                  <a:pos x="T0" y="T1"/>
                </a:cxn>
                <a:cxn ang="T43">
                  <a:pos x="T2" y="T3"/>
                </a:cxn>
                <a:cxn ang="T44">
                  <a:pos x="T4" y="T5"/>
                </a:cxn>
                <a:cxn ang="T45">
                  <a:pos x="T6" y="T7"/>
                </a:cxn>
                <a:cxn ang="T46">
                  <a:pos x="T8" y="T9"/>
                </a:cxn>
                <a:cxn ang="T47">
                  <a:pos x="T10" y="T11"/>
                </a:cxn>
                <a:cxn ang="T48">
                  <a:pos x="T12" y="T13"/>
                </a:cxn>
                <a:cxn ang="T49">
                  <a:pos x="T14" y="T15"/>
                </a:cxn>
                <a:cxn ang="T50">
                  <a:pos x="T16" y="T17"/>
                </a:cxn>
                <a:cxn ang="T51">
                  <a:pos x="T18" y="T19"/>
                </a:cxn>
                <a:cxn ang="T52">
                  <a:pos x="T20" y="T21"/>
                </a:cxn>
                <a:cxn ang="T53">
                  <a:pos x="T22" y="T23"/>
                </a:cxn>
                <a:cxn ang="T54">
                  <a:pos x="T24" y="T25"/>
                </a:cxn>
                <a:cxn ang="T55">
                  <a:pos x="T26" y="T27"/>
                </a:cxn>
                <a:cxn ang="T56">
                  <a:pos x="T28" y="T29"/>
                </a:cxn>
                <a:cxn ang="T57">
                  <a:pos x="T30" y="T31"/>
                </a:cxn>
                <a:cxn ang="T58">
                  <a:pos x="T32" y="T33"/>
                </a:cxn>
                <a:cxn ang="T59">
                  <a:pos x="T34" y="T35"/>
                </a:cxn>
                <a:cxn ang="T60">
                  <a:pos x="T36" y="T37"/>
                </a:cxn>
                <a:cxn ang="T61">
                  <a:pos x="T38" y="T39"/>
                </a:cxn>
                <a:cxn ang="T62">
                  <a:pos x="T40" y="T41"/>
                </a:cxn>
              </a:cxnLst>
              <a:rect b="T66" l="T63" r="T65" t="T64"/>
              <a:pathLst>
                <a:path h="343" w="333">
                  <a:moveTo>
                    <a:pt x="314" y="55"/>
                  </a:moveTo>
                  <a:cubicBezTo>
                    <a:pt x="314" y="55"/>
                    <a:pt x="208" y="51"/>
                    <a:pt x="188" y="26"/>
                  </a:cubicBezTo>
                  <a:cubicBezTo>
                    <a:pt x="169" y="0"/>
                    <a:pt x="125" y="20"/>
                    <a:pt x="132" y="41"/>
                  </a:cubicBezTo>
                  <a:cubicBezTo>
                    <a:pt x="139" y="62"/>
                    <a:pt x="149" y="72"/>
                    <a:pt x="131" y="69"/>
                  </a:cubicBezTo>
                  <a:cubicBezTo>
                    <a:pt x="113" y="66"/>
                    <a:pt x="96" y="79"/>
                    <a:pt x="95" y="99"/>
                  </a:cubicBezTo>
                  <a:cubicBezTo>
                    <a:pt x="94" y="118"/>
                    <a:pt x="83" y="125"/>
                    <a:pt x="103" y="150"/>
                  </a:cubicBezTo>
                  <a:cubicBezTo>
                    <a:pt x="124" y="174"/>
                    <a:pt x="123" y="183"/>
                    <a:pt x="96" y="163"/>
                  </a:cubicBezTo>
                  <a:cubicBezTo>
                    <a:pt x="69" y="144"/>
                    <a:pt x="63" y="136"/>
                    <a:pt x="65" y="157"/>
                  </a:cubicBezTo>
                  <a:cubicBezTo>
                    <a:pt x="67" y="178"/>
                    <a:pt x="47" y="195"/>
                    <a:pt x="38" y="203"/>
                  </a:cubicBezTo>
                  <a:cubicBezTo>
                    <a:pt x="28" y="211"/>
                    <a:pt x="0" y="223"/>
                    <a:pt x="4" y="261"/>
                  </a:cubicBezTo>
                  <a:cubicBezTo>
                    <a:pt x="8" y="300"/>
                    <a:pt x="3" y="331"/>
                    <a:pt x="30" y="332"/>
                  </a:cubicBezTo>
                  <a:cubicBezTo>
                    <a:pt x="58" y="333"/>
                    <a:pt x="83" y="343"/>
                    <a:pt x="92" y="332"/>
                  </a:cubicBezTo>
                  <a:cubicBezTo>
                    <a:pt x="101" y="321"/>
                    <a:pt x="127" y="285"/>
                    <a:pt x="134" y="302"/>
                  </a:cubicBezTo>
                  <a:cubicBezTo>
                    <a:pt x="141" y="320"/>
                    <a:pt x="134" y="338"/>
                    <a:pt x="159" y="326"/>
                  </a:cubicBezTo>
                  <a:cubicBezTo>
                    <a:pt x="184" y="315"/>
                    <a:pt x="183" y="299"/>
                    <a:pt x="201" y="302"/>
                  </a:cubicBezTo>
                  <a:cubicBezTo>
                    <a:pt x="218" y="306"/>
                    <a:pt x="251" y="301"/>
                    <a:pt x="251" y="284"/>
                  </a:cubicBezTo>
                  <a:cubicBezTo>
                    <a:pt x="251" y="267"/>
                    <a:pt x="251" y="250"/>
                    <a:pt x="236" y="241"/>
                  </a:cubicBezTo>
                  <a:cubicBezTo>
                    <a:pt x="222" y="232"/>
                    <a:pt x="217" y="215"/>
                    <a:pt x="244" y="206"/>
                  </a:cubicBezTo>
                  <a:cubicBezTo>
                    <a:pt x="270" y="197"/>
                    <a:pt x="299" y="187"/>
                    <a:pt x="301" y="168"/>
                  </a:cubicBezTo>
                  <a:cubicBezTo>
                    <a:pt x="303" y="150"/>
                    <a:pt x="273" y="120"/>
                    <a:pt x="286" y="104"/>
                  </a:cubicBezTo>
                  <a:cubicBezTo>
                    <a:pt x="298" y="87"/>
                    <a:pt x="333" y="70"/>
                    <a:pt x="314" y="55"/>
                  </a:cubicBezTo>
                  <a:close/>
                </a:path>
              </a:pathLst>
            </a:custGeom>
            <a:solidFill>
              <a:schemeClr val="bg1">
                <a:lumMod val="75000"/>
              </a:schemeClr>
            </a:solidFill>
            <a:ln cap="flat" cmpd="sng" w="6350">
              <a:solidFill>
                <a:srgbClr val="FCFCFC"/>
              </a:solidFill>
              <a:miter lim="800000"/>
            </a:ln>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7" name="Oval 36"/>
            <p:cNvSpPr>
              <a:spLocks noChangeArrowheads="1"/>
            </p:cNvSpPr>
            <p:nvPr/>
          </p:nvSpPr>
          <p:spPr bwMode="auto">
            <a:xfrm>
              <a:off x="2580733" y="3125526"/>
              <a:ext cx="22736"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8" name="Oval 37"/>
            <p:cNvSpPr>
              <a:spLocks noChangeArrowheads="1"/>
            </p:cNvSpPr>
            <p:nvPr/>
          </p:nvSpPr>
          <p:spPr bwMode="auto">
            <a:xfrm>
              <a:off x="1418650" y="2286810"/>
              <a:ext cx="21474"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39" name="Oval 38"/>
            <p:cNvSpPr>
              <a:spLocks noChangeArrowheads="1"/>
            </p:cNvSpPr>
            <p:nvPr/>
          </p:nvSpPr>
          <p:spPr bwMode="auto">
            <a:xfrm>
              <a:off x="1491912" y="3687618"/>
              <a:ext cx="21474"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0" name="Oval 39"/>
            <p:cNvSpPr>
              <a:spLocks noChangeArrowheads="1"/>
            </p:cNvSpPr>
            <p:nvPr/>
          </p:nvSpPr>
          <p:spPr bwMode="auto">
            <a:xfrm>
              <a:off x="2426631" y="3072475"/>
              <a:ext cx="21474"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1" name="Oval 40"/>
            <p:cNvSpPr>
              <a:spLocks noChangeArrowheads="1"/>
            </p:cNvSpPr>
            <p:nvPr/>
          </p:nvSpPr>
          <p:spPr bwMode="auto">
            <a:xfrm>
              <a:off x="3159249" y="2649328"/>
              <a:ext cx="21474"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2" name="Oval 41"/>
            <p:cNvSpPr>
              <a:spLocks noChangeArrowheads="1"/>
            </p:cNvSpPr>
            <p:nvPr/>
          </p:nvSpPr>
          <p:spPr bwMode="auto">
            <a:xfrm>
              <a:off x="2983674" y="3285944"/>
              <a:ext cx="26526" cy="26525"/>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3" name="Oval 43"/>
            <p:cNvSpPr>
              <a:spLocks noChangeArrowheads="1"/>
            </p:cNvSpPr>
            <p:nvPr/>
          </p:nvSpPr>
          <p:spPr bwMode="auto">
            <a:xfrm>
              <a:off x="2791677" y="3740670"/>
              <a:ext cx="46736" cy="47999"/>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4" name="Oval 44"/>
            <p:cNvSpPr>
              <a:spLocks noChangeArrowheads="1"/>
            </p:cNvSpPr>
            <p:nvPr/>
          </p:nvSpPr>
          <p:spPr bwMode="auto">
            <a:xfrm>
              <a:off x="2474630" y="4189079"/>
              <a:ext cx="30315" cy="30315"/>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5" name="Oval 45"/>
            <p:cNvSpPr>
              <a:spLocks noChangeArrowheads="1"/>
            </p:cNvSpPr>
            <p:nvPr/>
          </p:nvSpPr>
          <p:spPr bwMode="auto">
            <a:xfrm>
              <a:off x="2813150" y="4037504"/>
              <a:ext cx="30315" cy="30315"/>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6" name="Oval 46"/>
            <p:cNvSpPr>
              <a:spLocks noChangeArrowheads="1"/>
            </p:cNvSpPr>
            <p:nvPr/>
          </p:nvSpPr>
          <p:spPr bwMode="auto">
            <a:xfrm>
              <a:off x="2976095" y="4402548"/>
              <a:ext cx="22736" cy="22736"/>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7" name="Oval 47"/>
            <p:cNvSpPr>
              <a:spLocks noChangeArrowheads="1"/>
            </p:cNvSpPr>
            <p:nvPr/>
          </p:nvSpPr>
          <p:spPr bwMode="auto">
            <a:xfrm>
              <a:off x="3414402" y="4341918"/>
              <a:ext cx="36631" cy="36630"/>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8" name="Oval 48"/>
            <p:cNvSpPr>
              <a:spLocks noChangeArrowheads="1"/>
            </p:cNvSpPr>
            <p:nvPr/>
          </p:nvSpPr>
          <p:spPr bwMode="auto">
            <a:xfrm>
              <a:off x="3356298" y="3865719"/>
              <a:ext cx="20210"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49" name="Oval 49"/>
            <p:cNvSpPr>
              <a:spLocks noChangeArrowheads="1"/>
            </p:cNvSpPr>
            <p:nvPr/>
          </p:nvSpPr>
          <p:spPr bwMode="auto">
            <a:xfrm>
              <a:off x="3600083" y="3793721"/>
              <a:ext cx="21474"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0" name="Oval 51"/>
            <p:cNvSpPr>
              <a:spLocks noChangeArrowheads="1"/>
            </p:cNvSpPr>
            <p:nvPr/>
          </p:nvSpPr>
          <p:spPr bwMode="auto">
            <a:xfrm>
              <a:off x="3919656" y="4004663"/>
              <a:ext cx="21474"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1" name="Oval 52"/>
            <p:cNvSpPr>
              <a:spLocks noChangeArrowheads="1"/>
            </p:cNvSpPr>
            <p:nvPr/>
          </p:nvSpPr>
          <p:spPr bwMode="auto">
            <a:xfrm>
              <a:off x="4119231" y="4076661"/>
              <a:ext cx="29052" cy="29052"/>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2" name="Oval 53"/>
            <p:cNvSpPr>
              <a:spLocks noChangeArrowheads="1"/>
            </p:cNvSpPr>
            <p:nvPr/>
          </p:nvSpPr>
          <p:spPr bwMode="auto">
            <a:xfrm>
              <a:off x="3918393" y="3601726"/>
              <a:ext cx="18947" cy="18947"/>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3" name="Oval 54"/>
            <p:cNvSpPr>
              <a:spLocks noChangeArrowheads="1"/>
            </p:cNvSpPr>
            <p:nvPr/>
          </p:nvSpPr>
          <p:spPr bwMode="auto">
            <a:xfrm>
              <a:off x="4013128" y="3481728"/>
              <a:ext cx="45473" cy="45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4" name="Oval 55"/>
            <p:cNvSpPr>
              <a:spLocks noChangeArrowheads="1"/>
            </p:cNvSpPr>
            <p:nvPr/>
          </p:nvSpPr>
          <p:spPr bwMode="auto">
            <a:xfrm>
              <a:off x="3679660" y="3470360"/>
              <a:ext cx="15158" cy="15158"/>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5" name="Oval 56"/>
            <p:cNvSpPr>
              <a:spLocks noChangeArrowheads="1"/>
            </p:cNvSpPr>
            <p:nvPr/>
          </p:nvSpPr>
          <p:spPr bwMode="auto">
            <a:xfrm>
              <a:off x="3798395" y="3433729"/>
              <a:ext cx="21474" cy="20210"/>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6" name="Oval 57"/>
            <p:cNvSpPr>
              <a:spLocks noChangeArrowheads="1"/>
            </p:cNvSpPr>
            <p:nvPr/>
          </p:nvSpPr>
          <p:spPr bwMode="auto">
            <a:xfrm>
              <a:off x="3355035" y="3225314"/>
              <a:ext cx="21474" cy="20210"/>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7" name="Oval 58"/>
            <p:cNvSpPr>
              <a:spLocks noChangeArrowheads="1"/>
            </p:cNvSpPr>
            <p:nvPr/>
          </p:nvSpPr>
          <p:spPr bwMode="auto">
            <a:xfrm>
              <a:off x="3601346" y="3006792"/>
              <a:ext cx="21474"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8" name="Oval 59"/>
            <p:cNvSpPr>
              <a:spLocks noChangeArrowheads="1"/>
            </p:cNvSpPr>
            <p:nvPr/>
          </p:nvSpPr>
          <p:spPr bwMode="auto">
            <a:xfrm>
              <a:off x="3248932" y="2922163"/>
              <a:ext cx="20210" cy="2147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59" name="Oval 60"/>
            <p:cNvSpPr>
              <a:spLocks noChangeArrowheads="1"/>
            </p:cNvSpPr>
            <p:nvPr/>
          </p:nvSpPr>
          <p:spPr bwMode="auto">
            <a:xfrm>
              <a:off x="3391666" y="2901953"/>
              <a:ext cx="21474" cy="20210"/>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60" name="Oval 61"/>
            <p:cNvSpPr>
              <a:spLocks noChangeArrowheads="1"/>
            </p:cNvSpPr>
            <p:nvPr/>
          </p:nvSpPr>
          <p:spPr bwMode="auto">
            <a:xfrm>
              <a:off x="3583662" y="2759219"/>
              <a:ext cx="29052" cy="29052"/>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61" name="Oval 62"/>
            <p:cNvSpPr>
              <a:spLocks noChangeArrowheads="1"/>
            </p:cNvSpPr>
            <p:nvPr/>
          </p:nvSpPr>
          <p:spPr bwMode="auto">
            <a:xfrm>
              <a:off x="4010601" y="2433332"/>
              <a:ext cx="26526" cy="26525"/>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62" name="Oval 63"/>
            <p:cNvSpPr>
              <a:spLocks noChangeArrowheads="1"/>
            </p:cNvSpPr>
            <p:nvPr/>
          </p:nvSpPr>
          <p:spPr bwMode="auto">
            <a:xfrm>
              <a:off x="4106600" y="2205970"/>
              <a:ext cx="24000" cy="2526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63" name="Oval 64"/>
            <p:cNvSpPr>
              <a:spLocks noChangeArrowheads="1"/>
            </p:cNvSpPr>
            <p:nvPr/>
          </p:nvSpPr>
          <p:spPr bwMode="auto">
            <a:xfrm>
              <a:off x="4162177" y="2011448"/>
              <a:ext cx="25263" cy="25263"/>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sp>
          <p:nvSpPr>
            <p:cNvPr id="64" name="Oval 65"/>
            <p:cNvSpPr>
              <a:spLocks noChangeArrowheads="1"/>
            </p:cNvSpPr>
            <p:nvPr/>
          </p:nvSpPr>
          <p:spPr bwMode="auto">
            <a:xfrm>
              <a:off x="2775256" y="2895637"/>
              <a:ext cx="15158" cy="13894"/>
            </a:xfrm>
            <a:prstGeom prst="ellipse">
              <a:avLst/>
            </a:prstGeom>
            <a:solidFill>
              <a:schemeClr val="bg1">
                <a:lumMod val="75000"/>
              </a:schemeClr>
            </a:solidFill>
            <a:ln cap="flat" cmpd="sng" w="6350">
              <a:solidFill>
                <a:srgbClr val="FCFCFC"/>
              </a:solidFill>
              <a:miter lim="800000"/>
            </a:ln>
            <a:extLst/>
          </p:spPr>
          <p:txBody>
            <a:bodyPr/>
            <a:lstStyle/>
            <a:p>
              <a:endParaRPr altLang="zh-CN" lang="zh-CN">
                <a:solidFill>
                  <a:srgbClr val="000000"/>
                </a:solidFill>
                <a:latin charset="0" panose="020f0502020204030204" pitchFamily="34" typeface="Calibri"/>
                <a:sym charset="-122" panose="02010600030101010101" pitchFamily="2" typeface="宋体"/>
              </a:endParaRPr>
            </a:p>
          </p:txBody>
        </p:sp>
      </p:grpSp>
      <p:sp>
        <p:nvSpPr>
          <p:cNvPr id="65" name="文本框 75"/>
          <p:cNvSpPr>
            <a:spLocks noChangeArrowheads="1"/>
          </p:cNvSpPr>
          <p:nvPr/>
        </p:nvSpPr>
        <p:spPr bwMode="auto">
          <a:xfrm>
            <a:off x="5296027" y="1275606"/>
            <a:ext cx="2855913" cy="57912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p>
            <a:pPr algn="ctr"/>
            <a:r>
              <a:rPr altLang="en-US" lang="zh-CN" sz="1600">
                <a:solidFill>
                  <a:srgbClr val="000000"/>
                </a:solidFill>
                <a:latin charset="-122" panose="020b0503020204020204" pitchFamily="34" typeface="微软雅黑"/>
                <a:ea charset="-122" panose="020b0503020204020204" pitchFamily="34" typeface="微软雅黑"/>
                <a:sym charset="-122" panose="020b0503020204020204" pitchFamily="34" typeface="微软雅黑"/>
              </a:rPr>
              <a:t>世界地图、中国地图中的任何</a:t>
            </a:r>
          </a:p>
          <a:p>
            <a:pPr algn="ctr"/>
            <a:r>
              <a:rPr altLang="en-US" lang="zh-CN" sz="1600">
                <a:solidFill>
                  <a:srgbClr val="000000"/>
                </a:solidFill>
                <a:latin charset="-122" panose="020b0503020204020204" pitchFamily="34" typeface="微软雅黑"/>
                <a:ea charset="-122" panose="020b0503020204020204" pitchFamily="34" typeface="微软雅黑"/>
                <a:sym charset="-122" panose="020b0503020204020204" pitchFamily="34" typeface="微软雅黑"/>
              </a:rPr>
              <a:t>国家与省份均可自由编辑改色</a:t>
            </a:r>
          </a:p>
        </p:txBody>
      </p:sp>
      <p:grpSp>
        <p:nvGrpSpPr>
          <p:cNvPr id="66" name="组合 65"/>
          <p:cNvGrpSpPr/>
          <p:nvPr/>
        </p:nvGrpSpPr>
        <p:grpSpPr>
          <a:xfrm>
            <a:off x="5214420" y="2753494"/>
            <a:ext cx="3970039" cy="1834480"/>
            <a:chOff x="4706417" y="2823220"/>
            <a:chExt cx="3970039" cy="1834480"/>
          </a:xfrm>
        </p:grpSpPr>
        <p:sp>
          <p:nvSpPr>
            <p:cNvPr id="67" name="TextBox 692"/>
            <p:cNvSpPr>
              <a:spLocks noChangeArrowheads="1"/>
            </p:cNvSpPr>
            <p:nvPr/>
          </p:nvSpPr>
          <p:spPr bwMode="auto">
            <a:xfrm>
              <a:off x="4706417" y="2823220"/>
              <a:ext cx="1490663" cy="39624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lvl1pPr>
                <a:defRPr>
                  <a:solidFill>
                    <a:schemeClr val="tx1"/>
                  </a:solidFill>
                  <a:latin charset="0" pitchFamily="34" typeface="Arial"/>
                </a:defRPr>
              </a:lvl1pPr>
              <a:lvl2pPr>
                <a:defRPr>
                  <a:solidFill>
                    <a:schemeClr val="tx1"/>
                  </a:solidFill>
                  <a:latin charset="0" pitchFamily="34" typeface="Arial"/>
                </a:defRPr>
              </a:lvl2pPr>
              <a:lvl3pPr>
                <a:defRPr>
                  <a:solidFill>
                    <a:schemeClr val="tx1"/>
                  </a:solidFill>
                  <a:latin charset="0" pitchFamily="34" typeface="Arial"/>
                </a:defRPr>
              </a:lvl3pPr>
              <a:lvl4pPr>
                <a:defRPr>
                  <a:solidFill>
                    <a:schemeClr val="tx1"/>
                  </a:solidFill>
                  <a:latin charset="0" pitchFamily="34" typeface="Arial"/>
                </a:defRPr>
              </a:lvl4pPr>
              <a:lvl5pPr>
                <a:defRPr>
                  <a:solidFill>
                    <a:schemeClr val="tx1"/>
                  </a:solidFill>
                  <a:latin charset="0" pitchFamily="34" typeface="Arial"/>
                </a:defRPr>
              </a:lvl5pPr>
              <a:lvl6pPr fontAlgn="base">
                <a:spcBef>
                  <a:spcPct val="0"/>
                </a:spcBef>
                <a:spcAft>
                  <a:spcPct val="0"/>
                </a:spcAft>
                <a:buFont charset="0" pitchFamily="34" typeface="Arial"/>
                <a:defRPr>
                  <a:solidFill>
                    <a:schemeClr val="tx1"/>
                  </a:solidFill>
                  <a:latin charset="0" pitchFamily="34" typeface="Arial"/>
                </a:defRPr>
              </a:lvl6pPr>
              <a:lvl7pPr fontAlgn="base">
                <a:spcBef>
                  <a:spcPct val="0"/>
                </a:spcBef>
                <a:spcAft>
                  <a:spcPct val="0"/>
                </a:spcAft>
                <a:buFont charset="0" pitchFamily="34" typeface="Arial"/>
                <a:defRPr>
                  <a:solidFill>
                    <a:schemeClr val="tx1"/>
                  </a:solidFill>
                  <a:latin charset="0" pitchFamily="34" typeface="Arial"/>
                </a:defRPr>
              </a:lvl7pPr>
              <a:lvl8pPr fontAlgn="base">
                <a:spcBef>
                  <a:spcPct val="0"/>
                </a:spcBef>
                <a:spcAft>
                  <a:spcPct val="0"/>
                </a:spcAft>
                <a:buFont charset="0" pitchFamily="34" typeface="Arial"/>
                <a:defRPr>
                  <a:solidFill>
                    <a:schemeClr val="tx1"/>
                  </a:solidFill>
                  <a:latin charset="0" pitchFamily="34" typeface="Arial"/>
                </a:defRPr>
              </a:lvl8pPr>
              <a:lvl9pPr fontAlgn="base">
                <a:spcBef>
                  <a:spcPct val="0"/>
                </a:spcBef>
                <a:spcAft>
                  <a:spcPct val="0"/>
                </a:spcAft>
                <a:buFont charset="0" pitchFamily="34" typeface="Arial"/>
                <a:defRPr>
                  <a:solidFill>
                    <a:schemeClr val="tx1"/>
                  </a:solidFill>
                  <a:latin charset="0" pitchFamily="34" typeface="Arial"/>
                </a:defRPr>
              </a:lvl9pPr>
            </a:lstStyle>
            <a:p>
              <a:r>
                <a:rPr altLang="en-US" b="1" lang="zh-CN" sz="2000">
                  <a:latin charset="-122" panose="020b0503020204020204" pitchFamily="34" typeface="微软雅黑"/>
                  <a:ea charset="-122" panose="020b0503020204020204" pitchFamily="34" typeface="微软雅黑"/>
                  <a:sym charset="0" pitchFamily="34" typeface="Arial"/>
                </a:rPr>
                <a:t>添加标题</a:t>
              </a:r>
            </a:p>
          </p:txBody>
        </p:sp>
        <p:sp>
          <p:nvSpPr>
            <p:cNvPr id="68" name="TextBox 67"/>
            <p:cNvSpPr txBox="1"/>
            <p:nvPr/>
          </p:nvSpPr>
          <p:spPr>
            <a:xfrm>
              <a:off x="4716017" y="3272705"/>
              <a:ext cx="3960440" cy="1371600"/>
            </a:xfrm>
            <a:prstGeom prst="rect">
              <a:avLst/>
            </a:prstGeom>
            <a:noFill/>
          </p:spPr>
          <p:txBody>
            <a:bodyPr rtlCol="0" wrap="square">
              <a:spAutoFit/>
            </a:bodyPr>
            <a:lstStyle/>
            <a:p>
              <a:pPr algn="just">
                <a:lnSpc>
                  <a:spcPct val="120000"/>
                </a:lnSpc>
              </a:pPr>
              <a:r>
                <a:rPr altLang="en-US" lang="zh-CN" sz="1400">
                  <a:latin charset="-122" panose="020b0503020204020204" pitchFamily="34" typeface="微软雅黑"/>
                  <a:ea charset="-122" panose="020b0503020204020204" pitchFamily="34" typeface="微软雅黑"/>
                </a:rPr>
                <a:t>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a:t>
              </a:r>
            </a:p>
          </p:txBody>
        </p:sp>
      </p:grpSp>
    </p:spTree>
    <p:extLst>
      <p:ext uri="{BB962C8B-B14F-4D97-AF65-F5344CB8AC3E}">
        <p14:creationId val="2446407679"/>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42" presetSubtype="0">
                                  <p:stCondLst>
                                    <p:cond delay="0"/>
                                  </p:stCondLst>
                                  <p:childTnLst>
                                    <p:set>
                                      <p:cBhvr>
                                        <p:cTn dur="1" fill="hold" id="6">
                                          <p:stCondLst>
                                            <p:cond delay="0"/>
                                          </p:stCondLst>
                                        </p:cTn>
                                        <p:tgtEl>
                                          <p:spTgt spid="4"/>
                                        </p:tgtEl>
                                        <p:attrNameLst>
                                          <p:attrName>style.visibility</p:attrName>
                                        </p:attrNameLst>
                                      </p:cBhvr>
                                      <p:to>
                                        <p:strVal val="visible"/>
                                      </p:to>
                                    </p:set>
                                    <p:animEffect filter="fade" transition="in">
                                      <p:cBhvr>
                                        <p:cTn dur="1000" id="7"/>
                                        <p:tgtEl>
                                          <p:spTgt spid="4"/>
                                        </p:tgtEl>
                                      </p:cBhvr>
                                    </p:animEffect>
                                    <p:anim calcmode="lin" valueType="num">
                                      <p:cBhvr>
                                        <p:cTn dur="1000" fill="hold" id="8"/>
                                        <p:tgtEl>
                                          <p:spTgt spid="4"/>
                                        </p:tgtEl>
                                        <p:attrNameLst>
                                          <p:attrName>ppt_x</p:attrName>
                                        </p:attrNameLst>
                                      </p:cBhvr>
                                      <p:tavLst>
                                        <p:tav tm="0">
                                          <p:val>
                                            <p:strVal val="#ppt_x"/>
                                          </p:val>
                                        </p:tav>
                                        <p:tav tm="100000">
                                          <p:val>
                                            <p:strVal val="#ppt_x"/>
                                          </p:val>
                                        </p:tav>
                                      </p:tavLst>
                                    </p:anim>
                                    <p:anim calcmode="lin" valueType="num">
                                      <p:cBhvr>
                                        <p:cTn dur="1000" fill="hold" id="9"/>
                                        <p:tgtEl>
                                          <p:spTgt spid="4"/>
                                        </p:tgtEl>
                                        <p:attrNameLst>
                                          <p:attrName>ppt_y</p:attrName>
                                        </p:attrNameLst>
                                      </p:cBhvr>
                                      <p:tavLst>
                                        <p:tav tm="0">
                                          <p:val>
                                            <p:strVal val="#ppt_y+.1"/>
                                          </p:val>
                                        </p:tav>
                                        <p:tav tm="100000">
                                          <p:val>
                                            <p:strVal val="#ppt_y"/>
                                          </p:val>
                                        </p:tav>
                                      </p:tavLst>
                                    </p:anim>
                                  </p:childTnLst>
                                </p:cTn>
                              </p:par>
                            </p:childTnLst>
                          </p:cTn>
                        </p:par>
                        <p:par>
                          <p:cTn fill="hold" id="10" nodeType="afterGroup">
                            <p:stCondLst>
                              <p:cond delay="1000"/>
                            </p:stCondLst>
                            <p:childTnLst>
                              <p:par>
                                <p:cTn fill="hold" grpId="0" id="11" nodeType="afterEffect" presetClass="entr" presetID="42" presetSubtype="0">
                                  <p:stCondLst>
                                    <p:cond delay="0"/>
                                  </p:stCondLst>
                                  <p:childTnLst>
                                    <p:set>
                                      <p:cBhvr>
                                        <p:cTn dur="1" fill="hold" id="12">
                                          <p:stCondLst>
                                            <p:cond delay="0"/>
                                          </p:stCondLst>
                                        </p:cTn>
                                        <p:tgtEl>
                                          <p:spTgt spid="65"/>
                                        </p:tgtEl>
                                        <p:attrNameLst>
                                          <p:attrName>style.visibility</p:attrName>
                                        </p:attrNameLst>
                                      </p:cBhvr>
                                      <p:to>
                                        <p:strVal val="visible"/>
                                      </p:to>
                                    </p:set>
                                    <p:animEffect filter="fade" transition="in">
                                      <p:cBhvr>
                                        <p:cTn dur="500" id="13"/>
                                        <p:tgtEl>
                                          <p:spTgt spid="65"/>
                                        </p:tgtEl>
                                      </p:cBhvr>
                                    </p:animEffect>
                                    <p:anim calcmode="lin" valueType="num">
                                      <p:cBhvr>
                                        <p:cTn dur="500" fill="hold" id="14"/>
                                        <p:tgtEl>
                                          <p:spTgt spid="65"/>
                                        </p:tgtEl>
                                        <p:attrNameLst>
                                          <p:attrName>ppt_x</p:attrName>
                                        </p:attrNameLst>
                                      </p:cBhvr>
                                      <p:tavLst>
                                        <p:tav tm="0">
                                          <p:val>
                                            <p:strVal val="#ppt_x"/>
                                          </p:val>
                                        </p:tav>
                                        <p:tav tm="100000">
                                          <p:val>
                                            <p:strVal val="#ppt_x"/>
                                          </p:val>
                                        </p:tav>
                                      </p:tavLst>
                                    </p:anim>
                                    <p:anim calcmode="lin" valueType="num">
                                      <p:cBhvr>
                                        <p:cTn dur="500" fill="hold" id="15"/>
                                        <p:tgtEl>
                                          <p:spTgt spid="65"/>
                                        </p:tgtEl>
                                        <p:attrNameLst>
                                          <p:attrName>ppt_y</p:attrName>
                                        </p:attrNameLst>
                                      </p:cBhvr>
                                      <p:tavLst>
                                        <p:tav tm="0">
                                          <p:val>
                                            <p:strVal val="#ppt_y+.1"/>
                                          </p:val>
                                        </p:tav>
                                        <p:tav tm="100000">
                                          <p:val>
                                            <p:strVal val="#ppt_y"/>
                                          </p:val>
                                        </p:tav>
                                      </p:tavLst>
                                    </p:anim>
                                  </p:childTnLst>
                                </p:cTn>
                              </p:par>
                            </p:childTnLst>
                          </p:cTn>
                        </p:par>
                        <p:par>
                          <p:cTn fill="hold" id="16" nodeType="afterGroup">
                            <p:stCondLst>
                              <p:cond delay="1500"/>
                            </p:stCondLst>
                            <p:childTnLst>
                              <p:par>
                                <p:cTn fill="hold" id="17" nodeType="afterEffect" presetClass="entr" presetID="1" presetSubtype="0">
                                  <p:stCondLst>
                                    <p:cond delay="0"/>
                                  </p:stCondLst>
                                  <p:childTnLst>
                                    <p:set>
                                      <p:cBhvr>
                                        <p:cTn dur="1" fill="hold" id="18">
                                          <p:stCondLst>
                                            <p:cond delay="499"/>
                                          </p:stCondLst>
                                        </p:cTn>
                                        <p:tgtEl>
                                          <p:spTgt spid="2"/>
                                        </p:tgtEl>
                                        <p:attrNameLst>
                                          <p:attrName>style.visibility</p:attrName>
                                        </p:attrNameLst>
                                      </p:cBhvr>
                                      <p:to>
                                        <p:strVal val="visible"/>
                                      </p:to>
                                    </p:set>
                                  </p:childTnLst>
                                </p:cTn>
                              </p:par>
                            </p:childTnLst>
                          </p:cTn>
                        </p:par>
                        <p:par>
                          <p:cTn fill="hold" id="19" nodeType="afterGroup">
                            <p:stCondLst>
                              <p:cond delay="2000"/>
                            </p:stCondLst>
                            <p:childTnLst>
                              <p:par>
                                <p:cTn fill="hold" id="20" nodeType="afterEffect" presetClass="entr" presetID="2" presetSubtype="4">
                                  <p:stCondLst>
                                    <p:cond delay="0"/>
                                  </p:stCondLst>
                                  <p:childTnLst>
                                    <p:set>
                                      <p:cBhvr>
                                        <p:cTn dur="1" fill="hold" id="21">
                                          <p:stCondLst>
                                            <p:cond delay="0"/>
                                          </p:stCondLst>
                                        </p:cTn>
                                        <p:tgtEl>
                                          <p:spTgt spid="66"/>
                                        </p:tgtEl>
                                        <p:attrNameLst>
                                          <p:attrName>style.visibility</p:attrName>
                                        </p:attrNameLst>
                                      </p:cBhvr>
                                      <p:to>
                                        <p:strVal val="visible"/>
                                      </p:to>
                                    </p:set>
                                    <p:anim calcmode="lin" valueType="num">
                                      <p:cBhvr additive="base">
                                        <p:cTn dur="500" fill="hold" id="22"/>
                                        <p:tgtEl>
                                          <p:spTgt spid="66"/>
                                        </p:tgtEl>
                                        <p:attrNameLst>
                                          <p:attrName>ppt_x</p:attrName>
                                        </p:attrNameLst>
                                      </p:cBhvr>
                                      <p:tavLst>
                                        <p:tav tm="0">
                                          <p:val>
                                            <p:strVal val="#ppt_x"/>
                                          </p:val>
                                        </p:tav>
                                        <p:tav tm="100000">
                                          <p:val>
                                            <p:strVal val="#ppt_x"/>
                                          </p:val>
                                        </p:tav>
                                      </p:tavLst>
                                    </p:anim>
                                    <p:anim calcmode="lin" valueType="num">
                                      <p:cBhvr additive="base">
                                        <p:cTn dur="500" fill="hold" id="23"/>
                                        <p:tgtEl>
                                          <p:spTgt spid="66"/>
                                        </p:tgtEl>
                                        <p:attrNameLst>
                                          <p:attrName>ppt_y</p:attrName>
                                        </p:attrNameLst>
                                      </p:cBhvr>
                                      <p:tavLst>
                                        <p:tav tm="0">
                                          <p:val>
                                            <p:strVal val="1+#ppt_h/2"/>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65"/>
    </p:bldLst>
  </p:timing>
</p:sld>
</file>

<file path=ppt/slides/slide25.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sp>
        <p:nvSpPr>
          <p:cNvPr id="2" name="TextBox 1"/>
          <p:cNvSpPr txBox="1"/>
          <p:nvPr/>
        </p:nvSpPr>
        <p:spPr>
          <a:xfrm>
            <a:off x="886278" y="3194366"/>
            <a:ext cx="5777898" cy="1371600"/>
          </a:xfrm>
          <a:prstGeom prst="rect">
            <a:avLst/>
          </a:prstGeom>
          <a:noFill/>
        </p:spPr>
        <p:txBody>
          <a:bodyPr rtlCol="0" wrap="square">
            <a:spAutoFit/>
          </a:bodyPr>
          <a:lstStyle/>
          <a:p>
            <a:pPr algn="just">
              <a:lnSpc>
                <a:spcPct val="120000"/>
              </a:lnSpc>
            </a:pPr>
            <a:r>
              <a:rPr altLang="en-US" lang="zh-CN" sz="1400">
                <a:latin charset="-122" panose="020b0503020204020204" pitchFamily="34" typeface="微软雅黑"/>
                <a:ea charset="-122" panose="020b0503020204020204" pitchFamily="34" typeface="微软雅黑"/>
              </a:rPr>
              <a:t>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a:t>
            </a:r>
          </a:p>
        </p:txBody>
      </p:sp>
      <p:sp>
        <p:nvSpPr>
          <p:cNvPr id="3" name="五角星 18"/>
          <p:cNvSpPr/>
          <p:nvPr/>
        </p:nvSpPr>
        <p:spPr>
          <a:xfrm rot="2134838">
            <a:off x="1020627" y="1245436"/>
            <a:ext cx="1649268" cy="1674238"/>
          </a:xfrm>
          <a:custGeom>
            <a:rect b="b" l="l" r="r" t="t"/>
            <a:pathLst>
              <a:path h="2179015" w="2146515">
                <a:moveTo>
                  <a:pt x="471122" y="237422"/>
                </a:moveTo>
                <a:lnTo>
                  <a:pt x="747200" y="241233"/>
                </a:lnTo>
                <a:lnTo>
                  <a:pt x="1073258" y="0"/>
                </a:lnTo>
                <a:lnTo>
                  <a:pt x="1393697" y="237076"/>
                </a:lnTo>
                <a:lnTo>
                  <a:pt x="1750864" y="225501"/>
                </a:lnTo>
                <a:lnTo>
                  <a:pt x="1842069" y="552087"/>
                </a:lnTo>
                <a:lnTo>
                  <a:pt x="2146515" y="756238"/>
                </a:lnTo>
                <a:lnTo>
                  <a:pt x="2015413" y="1118523"/>
                </a:lnTo>
                <a:lnTo>
                  <a:pt x="2117270" y="1425471"/>
                </a:lnTo>
                <a:lnTo>
                  <a:pt x="1851783" y="1606493"/>
                </a:lnTo>
                <a:lnTo>
                  <a:pt x="1736567" y="1979858"/>
                </a:lnTo>
                <a:lnTo>
                  <a:pt x="1341430" y="1970902"/>
                </a:lnTo>
                <a:lnTo>
                  <a:pt x="1063978" y="2179015"/>
                </a:lnTo>
                <a:lnTo>
                  <a:pt x="790207" y="1971239"/>
                </a:lnTo>
                <a:lnTo>
                  <a:pt x="409948" y="1979858"/>
                </a:lnTo>
                <a:lnTo>
                  <a:pt x="298033" y="1617190"/>
                </a:lnTo>
                <a:lnTo>
                  <a:pt x="46603" y="1444761"/>
                </a:lnTo>
                <a:lnTo>
                  <a:pt x="150057" y="1170905"/>
                </a:lnTo>
                <a:lnTo>
                  <a:pt x="0" y="756238"/>
                </a:lnTo>
                <a:lnTo>
                  <a:pt x="386524" y="497047"/>
                </a:lnTo>
                <a:close/>
              </a:path>
            </a:pathLst>
          </a:custGeom>
          <a:solidFill>
            <a:srgbClr val="00544A"/>
          </a:solidFill>
          <a:ln cap="flat" cmpd="sng" w="6350">
            <a:solidFill>
              <a:srgbClr val="FCFCFC"/>
            </a:solidFill>
            <a:miter lim="800000"/>
          </a:ln>
        </p:spPr>
        <p:txBody>
          <a:bodyPr/>
          <a:lstStyle/>
          <a:p>
            <a:endParaRPr altLang="en-US" lang="zh-CN">
              <a:solidFill>
                <a:srgbClr val="000000"/>
              </a:solidFill>
              <a:latin charset="0" panose="020f0502020204030204" pitchFamily="34" typeface="Calibri"/>
            </a:endParaRPr>
          </a:p>
        </p:txBody>
      </p:sp>
      <p:grpSp>
        <p:nvGrpSpPr>
          <p:cNvPr id="4" name="组合 3"/>
          <p:cNvGrpSpPr/>
          <p:nvPr/>
        </p:nvGrpSpPr>
        <p:grpSpPr>
          <a:xfrm>
            <a:off x="1667362" y="1605607"/>
            <a:ext cx="375076" cy="376904"/>
            <a:chOff x="1912141" y="1824035"/>
            <a:chExt cx="488159" cy="490540"/>
          </a:xfrm>
          <a:solidFill>
            <a:srgbClr val="FFFFFF"/>
          </a:solidFill>
        </p:grpSpPr>
        <p:sp>
          <p:nvSpPr>
            <p:cNvPr id="5" name="饼形 4"/>
            <p:cNvSpPr/>
            <p:nvPr/>
          </p:nvSpPr>
          <p:spPr>
            <a:xfrm>
              <a:off x="1912141" y="1847847"/>
              <a:ext cx="466728" cy="466728"/>
            </a:xfrm>
            <a:prstGeom prst="pie">
              <a:avLst>
                <a:gd fmla="val 2668795" name="adj1"/>
                <a:gd fmla="val 16200000" name="adj2"/>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6" name="饼形 5"/>
            <p:cNvSpPr/>
            <p:nvPr/>
          </p:nvSpPr>
          <p:spPr>
            <a:xfrm>
              <a:off x="1933572" y="1824035"/>
              <a:ext cx="466728" cy="466728"/>
            </a:xfrm>
            <a:prstGeom prst="pie">
              <a:avLst>
                <a:gd fmla="val 16168367" name="adj1"/>
                <a:gd fmla="val 21599985" name="adj2"/>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grpSp>
      <p:sp>
        <p:nvSpPr>
          <p:cNvPr id="7" name="TextBox 6"/>
          <p:cNvSpPr txBox="1"/>
          <p:nvPr/>
        </p:nvSpPr>
        <p:spPr>
          <a:xfrm>
            <a:off x="1163347" y="2005800"/>
            <a:ext cx="1379140" cy="640080"/>
          </a:xfrm>
          <a:prstGeom prst="rect">
            <a:avLst/>
          </a:prstGeom>
          <a:noFill/>
        </p:spPr>
        <p:txBody>
          <a:bodyPr rtlCol="0" wrap="square">
            <a:spAutoFit/>
          </a:bodyPr>
          <a:lstStyle>
            <a:defPPr>
              <a:defRPr lang="zh-CN"/>
            </a:defPPr>
            <a:lvl1pPr algn="ctr">
              <a:defRPr sz="2000">
                <a:solidFill>
                  <a:srgbClr val="FFFFFF"/>
                </a:solidFill>
                <a:latin charset="-122" panose="02000000000000000000" pitchFamily="2" typeface="方正正准黑简体"/>
                <a:ea charset="-122" panose="02000000000000000000" pitchFamily="2" typeface="方正正准黑简体"/>
              </a:defRPr>
            </a:lvl1pPr>
          </a:lstStyle>
          <a:p>
            <a:r>
              <a:rPr altLang="en-US" lang="zh-CN" sz="1800">
                <a:latin charset="-122" panose="020b0503020204020204" pitchFamily="34" typeface="微软雅黑"/>
                <a:ea charset="-122" panose="020b0503020204020204" pitchFamily="34" typeface="微软雅黑"/>
              </a:rPr>
              <a:t>最好</a:t>
            </a:r>
          </a:p>
          <a:p>
            <a:r>
              <a:rPr altLang="en-US" lang="zh-CN" sz="1800">
                <a:latin charset="-122" panose="020b0503020204020204" pitchFamily="34" typeface="微软雅黑"/>
                <a:ea charset="-122" panose="020b0503020204020204" pitchFamily="34" typeface="微软雅黑"/>
              </a:rPr>
              <a:t>数据分析</a:t>
            </a:r>
          </a:p>
        </p:txBody>
      </p:sp>
      <p:sp>
        <p:nvSpPr>
          <p:cNvPr id="8" name="五角星 18"/>
          <p:cNvSpPr/>
          <p:nvPr/>
        </p:nvSpPr>
        <p:spPr>
          <a:xfrm rot="2134838">
            <a:off x="2947610" y="1239086"/>
            <a:ext cx="1649268" cy="1674238"/>
          </a:xfrm>
          <a:custGeom>
            <a:rect b="b" l="l" r="r" t="t"/>
            <a:pathLst>
              <a:path h="2179015" w="2146515">
                <a:moveTo>
                  <a:pt x="471122" y="237422"/>
                </a:moveTo>
                <a:lnTo>
                  <a:pt x="747200" y="241233"/>
                </a:lnTo>
                <a:lnTo>
                  <a:pt x="1073258" y="0"/>
                </a:lnTo>
                <a:lnTo>
                  <a:pt x="1393697" y="237076"/>
                </a:lnTo>
                <a:lnTo>
                  <a:pt x="1750864" y="225501"/>
                </a:lnTo>
                <a:lnTo>
                  <a:pt x="1842069" y="552087"/>
                </a:lnTo>
                <a:lnTo>
                  <a:pt x="2146515" y="756238"/>
                </a:lnTo>
                <a:lnTo>
                  <a:pt x="2015413" y="1118523"/>
                </a:lnTo>
                <a:lnTo>
                  <a:pt x="2117270" y="1425471"/>
                </a:lnTo>
                <a:lnTo>
                  <a:pt x="1851783" y="1606493"/>
                </a:lnTo>
                <a:lnTo>
                  <a:pt x="1736567" y="1979858"/>
                </a:lnTo>
                <a:lnTo>
                  <a:pt x="1341430" y="1970902"/>
                </a:lnTo>
                <a:lnTo>
                  <a:pt x="1063978" y="2179015"/>
                </a:lnTo>
                <a:lnTo>
                  <a:pt x="790207" y="1971239"/>
                </a:lnTo>
                <a:lnTo>
                  <a:pt x="409948" y="1979858"/>
                </a:lnTo>
                <a:lnTo>
                  <a:pt x="298033" y="1617190"/>
                </a:lnTo>
                <a:lnTo>
                  <a:pt x="46603" y="1444761"/>
                </a:lnTo>
                <a:lnTo>
                  <a:pt x="150057" y="1170905"/>
                </a:lnTo>
                <a:lnTo>
                  <a:pt x="0" y="756238"/>
                </a:lnTo>
                <a:lnTo>
                  <a:pt x="386524" y="497047"/>
                </a:lnTo>
                <a:close/>
              </a:path>
            </a:pathLst>
          </a:custGeom>
          <a:solidFill>
            <a:srgbClr val="00544A"/>
          </a:solidFill>
          <a:ln cap="flat" cmpd="sng" w="6350">
            <a:solidFill>
              <a:srgbClr val="FCFCFC"/>
            </a:solidFill>
            <a:miter lim="800000"/>
          </a:ln>
        </p:spPr>
        <p:txBody>
          <a:bodyPr/>
          <a:lstStyle/>
          <a:p>
            <a:endParaRPr altLang="en-US" lang="zh-CN">
              <a:solidFill>
                <a:srgbClr val="000000"/>
              </a:solidFill>
              <a:latin charset="0" panose="020f0502020204030204" pitchFamily="34" typeface="Calibri"/>
            </a:endParaRPr>
          </a:p>
        </p:txBody>
      </p:sp>
      <p:sp>
        <p:nvSpPr>
          <p:cNvPr id="9" name="TextBox 8"/>
          <p:cNvSpPr txBox="1"/>
          <p:nvPr/>
        </p:nvSpPr>
        <p:spPr>
          <a:xfrm>
            <a:off x="3137015" y="2006592"/>
            <a:ext cx="1259580" cy="640080"/>
          </a:xfrm>
          <a:prstGeom prst="rect">
            <a:avLst/>
          </a:prstGeom>
          <a:noFill/>
        </p:spPr>
        <p:txBody>
          <a:bodyPr rtlCol="0" wrap="square">
            <a:spAutoFit/>
          </a:bodyPr>
          <a:lstStyle>
            <a:defPPr>
              <a:defRPr lang="zh-CN"/>
            </a:defPPr>
            <a:lvl1pPr algn="ctr">
              <a:defRPr sz="2000">
                <a:solidFill>
                  <a:srgbClr val="FFFFFF"/>
                </a:solidFill>
                <a:latin charset="-122" panose="02000000000000000000" pitchFamily="2" typeface="方正正准黑简体"/>
                <a:ea charset="-122" panose="02000000000000000000" pitchFamily="2" typeface="方正正准黑简体"/>
              </a:defRPr>
            </a:lvl1pPr>
          </a:lstStyle>
          <a:p>
            <a:r>
              <a:rPr altLang="en-US" lang="zh-CN" sz="1800">
                <a:latin charset="-122" panose="020b0503020204020204" pitchFamily="34" typeface="微软雅黑"/>
                <a:ea charset="-122" panose="020b0503020204020204" pitchFamily="34" typeface="微软雅黑"/>
              </a:rPr>
              <a:t>顶尖</a:t>
            </a:r>
          </a:p>
          <a:p>
            <a:r>
              <a:rPr altLang="en-US" lang="zh-CN" sz="1800">
                <a:latin charset="-122" panose="020b0503020204020204" pitchFamily="34" typeface="微软雅黑"/>
                <a:ea charset="-122" panose="020b0503020204020204" pitchFamily="34" typeface="微软雅黑"/>
              </a:rPr>
              <a:t>合作者</a:t>
            </a:r>
          </a:p>
        </p:txBody>
      </p:sp>
      <p:sp>
        <p:nvSpPr>
          <p:cNvPr id="10" name="五角星 18"/>
          <p:cNvSpPr/>
          <p:nvPr/>
        </p:nvSpPr>
        <p:spPr>
          <a:xfrm rot="2134838">
            <a:off x="4891826" y="1239086"/>
            <a:ext cx="1649268" cy="1674238"/>
          </a:xfrm>
          <a:custGeom>
            <a:rect b="b" l="l" r="r" t="t"/>
            <a:pathLst>
              <a:path h="2179015" w="2146515">
                <a:moveTo>
                  <a:pt x="471122" y="237422"/>
                </a:moveTo>
                <a:lnTo>
                  <a:pt x="747200" y="241233"/>
                </a:lnTo>
                <a:lnTo>
                  <a:pt x="1073258" y="0"/>
                </a:lnTo>
                <a:lnTo>
                  <a:pt x="1393697" y="237076"/>
                </a:lnTo>
                <a:lnTo>
                  <a:pt x="1750864" y="225501"/>
                </a:lnTo>
                <a:lnTo>
                  <a:pt x="1842069" y="552087"/>
                </a:lnTo>
                <a:lnTo>
                  <a:pt x="2146515" y="756238"/>
                </a:lnTo>
                <a:lnTo>
                  <a:pt x="2015413" y="1118523"/>
                </a:lnTo>
                <a:lnTo>
                  <a:pt x="2117270" y="1425471"/>
                </a:lnTo>
                <a:lnTo>
                  <a:pt x="1851783" y="1606493"/>
                </a:lnTo>
                <a:lnTo>
                  <a:pt x="1736567" y="1979858"/>
                </a:lnTo>
                <a:lnTo>
                  <a:pt x="1341430" y="1970902"/>
                </a:lnTo>
                <a:lnTo>
                  <a:pt x="1063978" y="2179015"/>
                </a:lnTo>
                <a:lnTo>
                  <a:pt x="790207" y="1971239"/>
                </a:lnTo>
                <a:lnTo>
                  <a:pt x="409948" y="1979858"/>
                </a:lnTo>
                <a:lnTo>
                  <a:pt x="298033" y="1617190"/>
                </a:lnTo>
                <a:lnTo>
                  <a:pt x="46603" y="1444761"/>
                </a:lnTo>
                <a:lnTo>
                  <a:pt x="150057" y="1170905"/>
                </a:lnTo>
                <a:lnTo>
                  <a:pt x="0" y="756238"/>
                </a:lnTo>
                <a:lnTo>
                  <a:pt x="386524" y="497047"/>
                </a:lnTo>
                <a:close/>
              </a:path>
            </a:pathLst>
          </a:custGeom>
          <a:solidFill>
            <a:schemeClr val="bg1">
              <a:lumMod val="75000"/>
            </a:schemeClr>
          </a:solidFill>
          <a:ln>
            <a:noFill/>
          </a:ln>
          <a:extLst/>
        </p:spPr>
        <p:txBody>
          <a:bodyPr anchor="t" anchorCtr="0" bIns="45720" compatLnSpc="1" lIns="91440" numCol="1" rIns="91440" tIns="45720" vert="horz" wrap="square">
            <a:prstTxWarp prst="textNoShape">
              <a:avLst/>
            </a:prstTxWarp>
          </a:bodyPr>
          <a:lstStyle/>
          <a:p>
            <a:endParaRPr altLang="en-US" lang="zh-CN"/>
          </a:p>
        </p:txBody>
      </p:sp>
      <p:sp>
        <p:nvSpPr>
          <p:cNvPr id="11" name="TextBox 10"/>
          <p:cNvSpPr txBox="1"/>
          <p:nvPr/>
        </p:nvSpPr>
        <p:spPr>
          <a:xfrm>
            <a:off x="5007992" y="2008975"/>
            <a:ext cx="1379140" cy="640080"/>
          </a:xfrm>
          <a:prstGeom prst="rect">
            <a:avLst/>
          </a:prstGeom>
          <a:noFill/>
        </p:spPr>
        <p:txBody>
          <a:bodyPr rtlCol="0" wrap="square">
            <a:spAutoFit/>
          </a:bodyPr>
          <a:lstStyle/>
          <a:p>
            <a:pPr algn="ctr"/>
            <a:r>
              <a:rPr altLang="en-US" lang="zh-CN">
                <a:solidFill>
                  <a:srgbClr val="FFFFFF"/>
                </a:solidFill>
                <a:latin charset="-122" panose="020b0503020204020204" pitchFamily="34" typeface="微软雅黑"/>
                <a:ea charset="-122" panose="020b0503020204020204" pitchFamily="34" typeface="微软雅黑"/>
              </a:rPr>
              <a:t>最好</a:t>
            </a:r>
          </a:p>
          <a:p>
            <a:pPr algn="ctr"/>
            <a:r>
              <a:rPr altLang="en-US" lang="zh-CN">
                <a:solidFill>
                  <a:srgbClr val="FFFFFF"/>
                </a:solidFill>
                <a:latin charset="-122" panose="020b0503020204020204" pitchFamily="34" typeface="微软雅黑"/>
                <a:ea charset="-122" panose="020b0503020204020204" pitchFamily="34" typeface="微软雅黑"/>
              </a:rPr>
              <a:t>销售员</a:t>
            </a:r>
          </a:p>
        </p:txBody>
      </p:sp>
      <p:grpSp>
        <p:nvGrpSpPr>
          <p:cNvPr id="12" name="组合 11"/>
          <p:cNvGrpSpPr/>
          <p:nvPr/>
        </p:nvGrpSpPr>
        <p:grpSpPr>
          <a:xfrm>
            <a:off x="3519910" y="1604837"/>
            <a:ext cx="512874" cy="360094"/>
            <a:chOff x="2409665" y="939861"/>
            <a:chExt cx="5638961" cy="3959164"/>
          </a:xfrm>
          <a:solidFill>
            <a:srgbClr val="FFFFFF"/>
          </a:solidFill>
        </p:grpSpPr>
        <p:sp>
          <p:nvSpPr>
            <p:cNvPr id="13" name="流程图: 联系 2"/>
            <p:cNvSpPr/>
            <p:nvPr/>
          </p:nvSpPr>
          <p:spPr>
            <a:xfrm>
              <a:off x="3884040" y="1024462"/>
              <a:ext cx="2680685" cy="3874563"/>
            </a:xfrm>
            <a:custGeom>
              <a:rect b="b" l="l" r="r" t="t"/>
              <a:pathLst>
                <a:path h="3874563" w="2680685">
                  <a:moveTo>
                    <a:pt x="1049911" y="1326547"/>
                  </a:moveTo>
                  <a:lnTo>
                    <a:pt x="1130886" y="1416545"/>
                  </a:lnTo>
                  <a:lnTo>
                    <a:pt x="1130989" y="1416517"/>
                  </a:lnTo>
                  <a:lnTo>
                    <a:pt x="1312935" y="1622593"/>
                  </a:lnTo>
                  <a:lnTo>
                    <a:pt x="1164126" y="2754124"/>
                  </a:lnTo>
                  <a:lnTo>
                    <a:pt x="1330469" y="3179256"/>
                  </a:lnTo>
                  <a:cubicBezTo>
                    <a:pt x="1393318" y="3185424"/>
                    <a:pt x="1456167" y="2747966"/>
                    <a:pt x="1519023" y="2754127"/>
                  </a:cubicBezTo>
                  <a:lnTo>
                    <a:pt x="1368996" y="1613275"/>
                  </a:lnTo>
                  <a:lnTo>
                    <a:pt x="1547978" y="1410556"/>
                  </a:lnTo>
                  <a:lnTo>
                    <a:pt x="1549687" y="1411027"/>
                  </a:lnTo>
                  <a:lnTo>
                    <a:pt x="1625697" y="1326547"/>
                  </a:lnTo>
                  <a:lnTo>
                    <a:pt x="1740228" y="1463512"/>
                  </a:lnTo>
                  <a:lnTo>
                    <a:pt x="2163777" y="1580180"/>
                  </a:lnTo>
                  <a:lnTo>
                    <a:pt x="2163105" y="1571541"/>
                  </a:lnTo>
                  <a:lnTo>
                    <a:pt x="2369061" y="1628276"/>
                  </a:lnTo>
                  <a:lnTo>
                    <a:pt x="2376321" y="1626429"/>
                  </a:lnTo>
                  <a:lnTo>
                    <a:pt x="2619825" y="2583371"/>
                  </a:lnTo>
                  <a:lnTo>
                    <a:pt x="2622880" y="2582594"/>
                  </a:lnTo>
                  <a:lnTo>
                    <a:pt x="2678814" y="2802409"/>
                  </a:lnTo>
                  <a:lnTo>
                    <a:pt x="2680685" y="2803247"/>
                  </a:lnTo>
                  <a:lnTo>
                    <a:pt x="2208786" y="3856531"/>
                  </a:lnTo>
                  <a:lnTo>
                    <a:pt x="2208786" y="3871389"/>
                  </a:lnTo>
                  <a:lnTo>
                    <a:pt x="2049180" y="3871389"/>
                  </a:lnTo>
                  <a:lnTo>
                    <a:pt x="2049443" y="3874563"/>
                  </a:lnTo>
                  <a:lnTo>
                    <a:pt x="648500" y="3874563"/>
                  </a:lnTo>
                  <a:lnTo>
                    <a:pt x="648762" y="3871389"/>
                  </a:lnTo>
                  <a:lnTo>
                    <a:pt x="456186" y="3871389"/>
                  </a:lnTo>
                  <a:lnTo>
                    <a:pt x="456186" y="3867966"/>
                  </a:lnTo>
                  <a:lnTo>
                    <a:pt x="0" y="2849753"/>
                  </a:lnTo>
                  <a:lnTo>
                    <a:pt x="1070" y="2845549"/>
                  </a:lnTo>
                  <a:lnTo>
                    <a:pt x="3080" y="2844648"/>
                  </a:lnTo>
                  <a:lnTo>
                    <a:pt x="1407" y="2844222"/>
                  </a:lnTo>
                  <a:lnTo>
                    <a:pt x="309256" y="1634409"/>
                  </a:lnTo>
                  <a:lnTo>
                    <a:pt x="492252" y="1583998"/>
                  </a:lnTo>
                  <a:lnTo>
                    <a:pt x="491584" y="1592643"/>
                  </a:lnTo>
                  <a:lnTo>
                    <a:pt x="927899" y="1472458"/>
                  </a:lnTo>
                  <a:close/>
                  <a:moveTo>
                    <a:pt x="1330482" y="0"/>
                  </a:moveTo>
                  <a:cubicBezTo>
                    <a:pt x="1677575" y="0"/>
                    <a:pt x="1958952" y="281376"/>
                    <a:pt x="1958952" y="628469"/>
                  </a:cubicBezTo>
                  <a:cubicBezTo>
                    <a:pt x="1958952" y="975562"/>
                    <a:pt x="1677575" y="1256939"/>
                    <a:pt x="1330482" y="1256939"/>
                  </a:cubicBezTo>
                  <a:cubicBezTo>
                    <a:pt x="983390" y="1256939"/>
                    <a:pt x="702013" y="975562"/>
                    <a:pt x="702013" y="628469"/>
                  </a:cubicBezTo>
                  <a:cubicBezTo>
                    <a:pt x="702013" y="281376"/>
                    <a:pt x="983390" y="0"/>
                    <a:pt x="1330482" y="0"/>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rgbClr val="33A6B2"/>
                </a:solidFill>
              </a:endParaRPr>
            </a:p>
          </p:txBody>
        </p:sp>
        <p:sp>
          <p:nvSpPr>
            <p:cNvPr id="14" name="流程图: 联系 2"/>
            <p:cNvSpPr/>
            <p:nvPr/>
          </p:nvSpPr>
          <p:spPr>
            <a:xfrm>
              <a:off x="2409665" y="939861"/>
              <a:ext cx="1914686" cy="2767416"/>
            </a:xfrm>
            <a:custGeom>
              <a:rect b="b" l="l" r="r" t="t"/>
              <a:pathLst>
                <a:path h="3874563" w="2680685">
                  <a:moveTo>
                    <a:pt x="1049911" y="1326547"/>
                  </a:moveTo>
                  <a:lnTo>
                    <a:pt x="1130886" y="1416545"/>
                  </a:lnTo>
                  <a:lnTo>
                    <a:pt x="1130989" y="1416517"/>
                  </a:lnTo>
                  <a:lnTo>
                    <a:pt x="1312935" y="1622593"/>
                  </a:lnTo>
                  <a:lnTo>
                    <a:pt x="1164126" y="2754124"/>
                  </a:lnTo>
                  <a:lnTo>
                    <a:pt x="1330469" y="3179256"/>
                  </a:lnTo>
                  <a:cubicBezTo>
                    <a:pt x="1393318" y="3185424"/>
                    <a:pt x="1456167" y="2747966"/>
                    <a:pt x="1519023" y="2754127"/>
                  </a:cubicBezTo>
                  <a:lnTo>
                    <a:pt x="1368996" y="1613275"/>
                  </a:lnTo>
                  <a:lnTo>
                    <a:pt x="1547978" y="1410556"/>
                  </a:lnTo>
                  <a:lnTo>
                    <a:pt x="1549687" y="1411027"/>
                  </a:lnTo>
                  <a:lnTo>
                    <a:pt x="1625697" y="1326547"/>
                  </a:lnTo>
                  <a:lnTo>
                    <a:pt x="1740228" y="1463512"/>
                  </a:lnTo>
                  <a:lnTo>
                    <a:pt x="2163777" y="1580180"/>
                  </a:lnTo>
                  <a:lnTo>
                    <a:pt x="2163105" y="1571541"/>
                  </a:lnTo>
                  <a:lnTo>
                    <a:pt x="2369061" y="1628276"/>
                  </a:lnTo>
                  <a:lnTo>
                    <a:pt x="2376321" y="1626429"/>
                  </a:lnTo>
                  <a:lnTo>
                    <a:pt x="2619825" y="2583371"/>
                  </a:lnTo>
                  <a:lnTo>
                    <a:pt x="2622880" y="2582594"/>
                  </a:lnTo>
                  <a:lnTo>
                    <a:pt x="2678814" y="2802409"/>
                  </a:lnTo>
                  <a:lnTo>
                    <a:pt x="2680685" y="2803247"/>
                  </a:lnTo>
                  <a:lnTo>
                    <a:pt x="2208786" y="3856531"/>
                  </a:lnTo>
                  <a:lnTo>
                    <a:pt x="2208786" y="3871389"/>
                  </a:lnTo>
                  <a:lnTo>
                    <a:pt x="2049180" y="3871389"/>
                  </a:lnTo>
                  <a:lnTo>
                    <a:pt x="2049443" y="3874563"/>
                  </a:lnTo>
                  <a:lnTo>
                    <a:pt x="648500" y="3874563"/>
                  </a:lnTo>
                  <a:lnTo>
                    <a:pt x="648762" y="3871389"/>
                  </a:lnTo>
                  <a:lnTo>
                    <a:pt x="456186" y="3871389"/>
                  </a:lnTo>
                  <a:lnTo>
                    <a:pt x="456186" y="3867966"/>
                  </a:lnTo>
                  <a:lnTo>
                    <a:pt x="0" y="2849753"/>
                  </a:lnTo>
                  <a:lnTo>
                    <a:pt x="1070" y="2845549"/>
                  </a:lnTo>
                  <a:lnTo>
                    <a:pt x="3080" y="2844648"/>
                  </a:lnTo>
                  <a:lnTo>
                    <a:pt x="1407" y="2844222"/>
                  </a:lnTo>
                  <a:lnTo>
                    <a:pt x="309256" y="1634409"/>
                  </a:lnTo>
                  <a:lnTo>
                    <a:pt x="492252" y="1583998"/>
                  </a:lnTo>
                  <a:lnTo>
                    <a:pt x="491584" y="1592643"/>
                  </a:lnTo>
                  <a:lnTo>
                    <a:pt x="927899" y="1472458"/>
                  </a:lnTo>
                  <a:close/>
                  <a:moveTo>
                    <a:pt x="1330482" y="0"/>
                  </a:moveTo>
                  <a:cubicBezTo>
                    <a:pt x="1677575" y="0"/>
                    <a:pt x="1958952" y="281376"/>
                    <a:pt x="1958952" y="628469"/>
                  </a:cubicBezTo>
                  <a:cubicBezTo>
                    <a:pt x="1958952" y="975562"/>
                    <a:pt x="1677575" y="1256939"/>
                    <a:pt x="1330482" y="1256939"/>
                  </a:cubicBezTo>
                  <a:cubicBezTo>
                    <a:pt x="983390" y="1256939"/>
                    <a:pt x="702013" y="975562"/>
                    <a:pt x="702013" y="628469"/>
                  </a:cubicBezTo>
                  <a:cubicBezTo>
                    <a:pt x="702013" y="281376"/>
                    <a:pt x="983390" y="0"/>
                    <a:pt x="1330482" y="0"/>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rgbClr val="33A6B2"/>
                </a:solidFill>
              </a:endParaRPr>
            </a:p>
          </p:txBody>
        </p:sp>
        <p:sp>
          <p:nvSpPr>
            <p:cNvPr id="15" name="流程图: 联系 2"/>
            <p:cNvSpPr/>
            <p:nvPr/>
          </p:nvSpPr>
          <p:spPr>
            <a:xfrm>
              <a:off x="6133940" y="939861"/>
              <a:ext cx="1914686" cy="2767416"/>
            </a:xfrm>
            <a:custGeom>
              <a:rect b="b" l="l" r="r" t="t"/>
              <a:pathLst>
                <a:path h="3874563" w="2680685">
                  <a:moveTo>
                    <a:pt x="1049911" y="1326547"/>
                  </a:moveTo>
                  <a:lnTo>
                    <a:pt x="1130886" y="1416545"/>
                  </a:lnTo>
                  <a:lnTo>
                    <a:pt x="1130989" y="1416517"/>
                  </a:lnTo>
                  <a:lnTo>
                    <a:pt x="1312935" y="1622593"/>
                  </a:lnTo>
                  <a:lnTo>
                    <a:pt x="1164126" y="2754124"/>
                  </a:lnTo>
                  <a:lnTo>
                    <a:pt x="1330469" y="3179256"/>
                  </a:lnTo>
                  <a:cubicBezTo>
                    <a:pt x="1393318" y="3185424"/>
                    <a:pt x="1456167" y="2747966"/>
                    <a:pt x="1519023" y="2754127"/>
                  </a:cubicBezTo>
                  <a:lnTo>
                    <a:pt x="1368996" y="1613275"/>
                  </a:lnTo>
                  <a:lnTo>
                    <a:pt x="1547978" y="1410556"/>
                  </a:lnTo>
                  <a:lnTo>
                    <a:pt x="1549687" y="1411027"/>
                  </a:lnTo>
                  <a:lnTo>
                    <a:pt x="1625697" y="1326547"/>
                  </a:lnTo>
                  <a:lnTo>
                    <a:pt x="1740228" y="1463512"/>
                  </a:lnTo>
                  <a:lnTo>
                    <a:pt x="2163777" y="1580180"/>
                  </a:lnTo>
                  <a:lnTo>
                    <a:pt x="2163105" y="1571541"/>
                  </a:lnTo>
                  <a:lnTo>
                    <a:pt x="2369061" y="1628276"/>
                  </a:lnTo>
                  <a:lnTo>
                    <a:pt x="2376321" y="1626429"/>
                  </a:lnTo>
                  <a:lnTo>
                    <a:pt x="2619825" y="2583371"/>
                  </a:lnTo>
                  <a:lnTo>
                    <a:pt x="2622880" y="2582594"/>
                  </a:lnTo>
                  <a:lnTo>
                    <a:pt x="2678814" y="2802409"/>
                  </a:lnTo>
                  <a:lnTo>
                    <a:pt x="2680685" y="2803247"/>
                  </a:lnTo>
                  <a:lnTo>
                    <a:pt x="2208786" y="3856531"/>
                  </a:lnTo>
                  <a:lnTo>
                    <a:pt x="2208786" y="3871389"/>
                  </a:lnTo>
                  <a:lnTo>
                    <a:pt x="2049180" y="3871389"/>
                  </a:lnTo>
                  <a:lnTo>
                    <a:pt x="2049443" y="3874563"/>
                  </a:lnTo>
                  <a:lnTo>
                    <a:pt x="648500" y="3874563"/>
                  </a:lnTo>
                  <a:lnTo>
                    <a:pt x="648762" y="3871389"/>
                  </a:lnTo>
                  <a:lnTo>
                    <a:pt x="456186" y="3871389"/>
                  </a:lnTo>
                  <a:lnTo>
                    <a:pt x="456186" y="3867966"/>
                  </a:lnTo>
                  <a:lnTo>
                    <a:pt x="0" y="2849753"/>
                  </a:lnTo>
                  <a:lnTo>
                    <a:pt x="1070" y="2845549"/>
                  </a:lnTo>
                  <a:lnTo>
                    <a:pt x="3080" y="2844648"/>
                  </a:lnTo>
                  <a:lnTo>
                    <a:pt x="1407" y="2844222"/>
                  </a:lnTo>
                  <a:lnTo>
                    <a:pt x="309256" y="1634409"/>
                  </a:lnTo>
                  <a:lnTo>
                    <a:pt x="492252" y="1583998"/>
                  </a:lnTo>
                  <a:lnTo>
                    <a:pt x="491584" y="1592643"/>
                  </a:lnTo>
                  <a:lnTo>
                    <a:pt x="927899" y="1472458"/>
                  </a:lnTo>
                  <a:close/>
                  <a:moveTo>
                    <a:pt x="1330482" y="0"/>
                  </a:moveTo>
                  <a:cubicBezTo>
                    <a:pt x="1677575" y="0"/>
                    <a:pt x="1958952" y="281376"/>
                    <a:pt x="1958952" y="628469"/>
                  </a:cubicBezTo>
                  <a:cubicBezTo>
                    <a:pt x="1958952" y="975562"/>
                    <a:pt x="1677575" y="1256939"/>
                    <a:pt x="1330482" y="1256939"/>
                  </a:cubicBezTo>
                  <a:cubicBezTo>
                    <a:pt x="983390" y="1256939"/>
                    <a:pt x="702013" y="975562"/>
                    <a:pt x="702013" y="628469"/>
                  </a:cubicBezTo>
                  <a:cubicBezTo>
                    <a:pt x="702013" y="281376"/>
                    <a:pt x="983390" y="0"/>
                    <a:pt x="1330482" y="0"/>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rgbClr val="33A6B2"/>
                </a:solidFill>
              </a:endParaRPr>
            </a:p>
          </p:txBody>
        </p:sp>
      </p:grpSp>
      <p:sp>
        <p:nvSpPr>
          <p:cNvPr id="16" name="矩形 25"/>
          <p:cNvSpPr/>
          <p:nvPr/>
        </p:nvSpPr>
        <p:spPr>
          <a:xfrm>
            <a:off x="5506666" y="1585111"/>
            <a:ext cx="394202" cy="398898"/>
          </a:xfrm>
          <a:custGeom>
            <a:rect b="b" l="l" r="r" t="t"/>
            <a:pathLst>
              <a:path h="4260850" w="4210679">
                <a:moveTo>
                  <a:pt x="83635" y="0"/>
                </a:moveTo>
                <a:lnTo>
                  <a:pt x="832931" y="0"/>
                </a:lnTo>
                <a:cubicBezTo>
                  <a:pt x="878523" y="0"/>
                  <a:pt x="915483" y="36960"/>
                  <a:pt x="915483" y="82552"/>
                </a:cubicBezTo>
                <a:lnTo>
                  <a:pt x="915483" y="412748"/>
                </a:lnTo>
                <a:cubicBezTo>
                  <a:pt x="915483" y="443274"/>
                  <a:pt x="898914" y="469930"/>
                  <a:pt x="873607" y="483053"/>
                </a:cubicBezTo>
                <a:lnTo>
                  <a:pt x="4210679" y="483053"/>
                </a:lnTo>
                <a:lnTo>
                  <a:pt x="4210679" y="1893780"/>
                </a:lnTo>
                <a:lnTo>
                  <a:pt x="1406022" y="2781301"/>
                </a:lnTo>
                <a:lnTo>
                  <a:pt x="4210679" y="2781301"/>
                </a:lnTo>
                <a:lnTo>
                  <a:pt x="4210679" y="3305175"/>
                </a:lnTo>
                <a:lnTo>
                  <a:pt x="3591246" y="3305175"/>
                </a:lnTo>
                <a:cubicBezTo>
                  <a:pt x="3812567" y="3348853"/>
                  <a:pt x="3979359" y="3544073"/>
                  <a:pt x="3979359" y="3778250"/>
                </a:cubicBezTo>
                <a:cubicBezTo>
                  <a:pt x="3979359" y="4044783"/>
                  <a:pt x="3763292" y="4260850"/>
                  <a:pt x="3496759" y="4260850"/>
                </a:cubicBezTo>
                <a:cubicBezTo>
                  <a:pt x="3230226" y="4260850"/>
                  <a:pt x="3014159" y="4044783"/>
                  <a:pt x="3014159" y="3778250"/>
                </a:cubicBezTo>
                <a:cubicBezTo>
                  <a:pt x="3014159" y="3544073"/>
                  <a:pt x="3180952" y="3348853"/>
                  <a:pt x="3402273" y="3305175"/>
                </a:cubicBezTo>
                <a:lnTo>
                  <a:pt x="1267146" y="3305175"/>
                </a:lnTo>
                <a:cubicBezTo>
                  <a:pt x="1488467" y="3348853"/>
                  <a:pt x="1655259" y="3544073"/>
                  <a:pt x="1655259" y="3778250"/>
                </a:cubicBezTo>
                <a:cubicBezTo>
                  <a:pt x="1655259" y="4044783"/>
                  <a:pt x="1439192" y="4260850"/>
                  <a:pt x="1172659" y="4260850"/>
                </a:cubicBezTo>
                <a:cubicBezTo>
                  <a:pt x="906126" y="4260850"/>
                  <a:pt x="690059" y="4044783"/>
                  <a:pt x="690059" y="3778250"/>
                </a:cubicBezTo>
                <a:cubicBezTo>
                  <a:pt x="690059" y="3544073"/>
                  <a:pt x="856851" y="3348853"/>
                  <a:pt x="1078173" y="3305175"/>
                </a:cubicBezTo>
                <a:lnTo>
                  <a:pt x="972633" y="3305175"/>
                </a:lnTo>
                <a:cubicBezTo>
                  <a:pt x="944058" y="3143250"/>
                  <a:pt x="972634" y="3276600"/>
                  <a:pt x="963109" y="2781300"/>
                </a:cubicBezTo>
                <a:cubicBezTo>
                  <a:pt x="451270" y="464482"/>
                  <a:pt x="618551" y="1241439"/>
                  <a:pt x="451247" y="494159"/>
                </a:cubicBezTo>
                <a:lnTo>
                  <a:pt x="36010" y="492918"/>
                </a:lnTo>
                <a:cubicBezTo>
                  <a:pt x="-9582" y="492918"/>
                  <a:pt x="1083" y="489297"/>
                  <a:pt x="1083" y="443705"/>
                </a:cubicBezTo>
                <a:lnTo>
                  <a:pt x="1083" y="82552"/>
                </a:lnTo>
                <a:cubicBezTo>
                  <a:pt x="1083" y="36960"/>
                  <a:pt x="38043" y="0"/>
                  <a:pt x="83635" y="0"/>
                </a:cubicBezTo>
                <a:close/>
              </a:path>
            </a:pathLst>
          </a:custGeom>
          <a:solidFill>
            <a:srgbClr val="FFFFFF"/>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pic>
        <p:nvPicPr>
          <p:cNvPr descr="人生是一场一个人的旅程，无人可替代。总有..." id="17" name="Picture 8"/>
          <p:cNvPicPr>
            <a:picLocks noChangeArrowheads="1" noChangeAspect="1"/>
          </p:cNvPicPr>
          <p:nvPr/>
        </p:nvPicPr>
        <p:blipFill>
          <a:blip r:embed="rId3">
            <a:extLst>
              <a:ext uri="{28A0092B-C50C-407E-A947-70E740481C1C}">
                <a14:useLocalDpi val="0"/>
              </a:ext>
            </a:extLst>
          </a:blip>
          <a:srcRect b="9964" t="18442"/>
          <a:stretch>
            <a:fillRect/>
          </a:stretch>
        </p:blipFill>
        <p:spPr bwMode="auto">
          <a:xfrm>
            <a:off x="6880227" y="1059582"/>
            <a:ext cx="2410249" cy="1577706"/>
          </a:xfrm>
          <a:prstGeom prst="rect">
            <a:avLst/>
          </a:prstGeom>
          <a:noFill/>
          <a:extLst>
            <a:ext uri="{909E8E84-426E-40DD-AFC4-6F175D3DCCD1}">
              <a14:hiddenFill>
                <a:solidFill>
                  <a:srgbClr val="FFFFFF"/>
                </a:solidFill>
              </a14:hiddenFill>
            </a:ext>
          </a:extLst>
        </p:spPr>
      </p:pic>
      <p:pic>
        <p:nvPicPr>
          <p:cNvPr descr="是不是今日的下弦曾是十五的月圆？是不是眼..." id="18" name="Picture 10"/>
          <p:cNvPicPr>
            <a:picLocks noChangeArrowheads="1" noChangeAspect="1"/>
          </p:cNvPicPr>
          <p:nvPr/>
        </p:nvPicPr>
        <p:blipFill>
          <a:blip r:embed="rId4">
            <a:extLst>
              <a:ext uri="{28A0092B-C50C-407E-A947-70E740481C1C}">
                <a14:useLocalDpi val="0"/>
              </a:ext>
            </a:extLst>
          </a:blip>
          <a:stretch>
            <a:fillRect/>
          </a:stretch>
        </p:blipFill>
        <p:spPr bwMode="auto">
          <a:xfrm>
            <a:off x="6880227" y="2910348"/>
            <a:ext cx="2400301" cy="1605618"/>
          </a:xfrm>
          <a:prstGeom prst="rect">
            <a:avLst/>
          </a:prstGeom>
          <a:noFill/>
          <a:extLst>
            <a:ext uri="{909E8E84-426E-40DD-AFC4-6F175D3DCCD1}">
              <a14:hiddenFill>
                <a:solidFill>
                  <a:srgbClr val="FFFFFF"/>
                </a:solidFill>
              </a14:hiddenFill>
            </a:ext>
          </a:extLst>
        </p:spPr>
      </p:pic>
    </p:spTree>
    <p:extLst>
      <p:ext uri="{BB962C8B-B14F-4D97-AF65-F5344CB8AC3E}">
        <p14:creationId val="568875726"/>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grpId="0" id="5" nodeType="afterEffect" presetClass="entr" presetID="53" presetSubtype="0">
                                  <p:stCondLst>
                                    <p:cond delay="0"/>
                                  </p:stCondLst>
                                  <p:childTnLst>
                                    <p:set>
                                      <p:cBhvr>
                                        <p:cTn dur="1" fill="hold" id="6">
                                          <p:stCondLst>
                                            <p:cond delay="0"/>
                                          </p:stCondLst>
                                        </p:cTn>
                                        <p:tgtEl>
                                          <p:spTgt spid="3"/>
                                        </p:tgtEl>
                                        <p:attrNameLst>
                                          <p:attrName>style.visibility</p:attrName>
                                        </p:attrNameLst>
                                      </p:cBhvr>
                                      <p:to>
                                        <p:strVal val="visible"/>
                                      </p:to>
                                    </p:set>
                                    <p:anim calcmode="lin" valueType="num">
                                      <p:cBhvr>
                                        <p:cTn dur="500" fill="hold" id="7"/>
                                        <p:tgtEl>
                                          <p:spTgt spid="3"/>
                                        </p:tgtEl>
                                        <p:attrNameLst>
                                          <p:attrName>ppt_w</p:attrName>
                                        </p:attrNameLst>
                                      </p:cBhvr>
                                      <p:tavLst>
                                        <p:tav tm="0">
                                          <p:val>
                                            <p:fltVal val="0"/>
                                          </p:val>
                                        </p:tav>
                                        <p:tav tm="100000">
                                          <p:val>
                                            <p:strVal val="#ppt_w"/>
                                          </p:val>
                                        </p:tav>
                                      </p:tavLst>
                                    </p:anim>
                                    <p:anim calcmode="lin" valueType="num">
                                      <p:cBhvr>
                                        <p:cTn dur="500" fill="hold" id="8"/>
                                        <p:tgtEl>
                                          <p:spTgt spid="3"/>
                                        </p:tgtEl>
                                        <p:attrNameLst>
                                          <p:attrName>ppt_h</p:attrName>
                                        </p:attrNameLst>
                                      </p:cBhvr>
                                      <p:tavLst>
                                        <p:tav tm="0">
                                          <p:val>
                                            <p:fltVal val="0"/>
                                          </p:val>
                                        </p:tav>
                                        <p:tav tm="100000">
                                          <p:val>
                                            <p:strVal val="#ppt_h"/>
                                          </p:val>
                                        </p:tav>
                                      </p:tavLst>
                                    </p:anim>
                                    <p:animEffect filter="fade" transition="in">
                                      <p:cBhvr>
                                        <p:cTn dur="500" id="9"/>
                                        <p:tgtEl>
                                          <p:spTgt spid="3"/>
                                        </p:tgtEl>
                                      </p:cBhvr>
                                    </p:animEffect>
                                  </p:childTnLst>
                                </p:cTn>
                              </p:par>
                            </p:childTnLst>
                          </p:cTn>
                        </p:par>
                        <p:par>
                          <p:cTn fill="hold" id="10" nodeType="afterGroup">
                            <p:stCondLst>
                              <p:cond delay="500"/>
                            </p:stCondLst>
                            <p:childTnLst>
                              <p:par>
                                <p:cTn fill="hold" id="11" nodeType="afterEffect" presetClass="entr" presetID="10" presetSubtype="0">
                                  <p:stCondLst>
                                    <p:cond delay="0"/>
                                  </p:stCondLst>
                                  <p:childTnLst>
                                    <p:set>
                                      <p:cBhvr>
                                        <p:cTn dur="1" fill="hold" id="12">
                                          <p:stCondLst>
                                            <p:cond delay="0"/>
                                          </p:stCondLst>
                                        </p:cTn>
                                        <p:tgtEl>
                                          <p:spTgt spid="4"/>
                                        </p:tgtEl>
                                        <p:attrNameLst>
                                          <p:attrName>style.visibility</p:attrName>
                                        </p:attrNameLst>
                                      </p:cBhvr>
                                      <p:to>
                                        <p:strVal val="visible"/>
                                      </p:to>
                                    </p:set>
                                    <p:animEffect filter="fade" transition="in">
                                      <p:cBhvr>
                                        <p:cTn dur="500" id="13"/>
                                        <p:tgtEl>
                                          <p:spTgt spid="4"/>
                                        </p:tgtEl>
                                      </p:cBhvr>
                                    </p:animEffect>
                                  </p:childTnLst>
                                </p:cTn>
                              </p:par>
                            </p:childTnLst>
                          </p:cTn>
                        </p:par>
                        <p:par>
                          <p:cTn fill="hold" id="14" nodeType="afterGroup">
                            <p:stCondLst>
                              <p:cond delay="1000"/>
                            </p:stCondLst>
                            <p:childTnLst>
                              <p:par>
                                <p:cTn fill="hold" grpId="0" id="15" nodeType="afterEffect" presetClass="entr" presetID="16" presetSubtype="21">
                                  <p:stCondLst>
                                    <p:cond delay="0"/>
                                  </p:stCondLst>
                                  <p:childTnLst>
                                    <p:set>
                                      <p:cBhvr>
                                        <p:cTn dur="1" fill="hold" id="16">
                                          <p:stCondLst>
                                            <p:cond delay="0"/>
                                          </p:stCondLst>
                                        </p:cTn>
                                        <p:tgtEl>
                                          <p:spTgt spid="7"/>
                                        </p:tgtEl>
                                        <p:attrNameLst>
                                          <p:attrName>style.visibility</p:attrName>
                                        </p:attrNameLst>
                                      </p:cBhvr>
                                      <p:to>
                                        <p:strVal val="visible"/>
                                      </p:to>
                                    </p:set>
                                    <p:animEffect filter="barn(inVertical)" transition="in">
                                      <p:cBhvr>
                                        <p:cTn dur="500" id="17"/>
                                        <p:tgtEl>
                                          <p:spTgt spid="7"/>
                                        </p:tgtEl>
                                      </p:cBhvr>
                                    </p:animEffect>
                                  </p:childTnLst>
                                </p:cTn>
                              </p:par>
                            </p:childTnLst>
                          </p:cTn>
                        </p:par>
                        <p:par>
                          <p:cTn fill="hold" id="18" nodeType="afterGroup">
                            <p:stCondLst>
                              <p:cond delay="1500"/>
                            </p:stCondLst>
                            <p:childTnLst>
                              <p:par>
                                <p:cTn fill="hold" grpId="0" id="19" nodeType="afterEffect" presetClass="entr" presetID="53" presetSubtype="0">
                                  <p:stCondLst>
                                    <p:cond delay="0"/>
                                  </p:stCondLst>
                                  <p:childTnLst>
                                    <p:set>
                                      <p:cBhvr>
                                        <p:cTn dur="1" fill="hold" id="20">
                                          <p:stCondLst>
                                            <p:cond delay="0"/>
                                          </p:stCondLst>
                                        </p:cTn>
                                        <p:tgtEl>
                                          <p:spTgt spid="8"/>
                                        </p:tgtEl>
                                        <p:attrNameLst>
                                          <p:attrName>style.visibility</p:attrName>
                                        </p:attrNameLst>
                                      </p:cBhvr>
                                      <p:to>
                                        <p:strVal val="visible"/>
                                      </p:to>
                                    </p:set>
                                    <p:anim calcmode="lin" valueType="num">
                                      <p:cBhvr>
                                        <p:cTn dur="500" fill="hold" id="21"/>
                                        <p:tgtEl>
                                          <p:spTgt spid="8"/>
                                        </p:tgtEl>
                                        <p:attrNameLst>
                                          <p:attrName>ppt_w</p:attrName>
                                        </p:attrNameLst>
                                      </p:cBhvr>
                                      <p:tavLst>
                                        <p:tav tm="0">
                                          <p:val>
                                            <p:fltVal val="0"/>
                                          </p:val>
                                        </p:tav>
                                        <p:tav tm="100000">
                                          <p:val>
                                            <p:strVal val="#ppt_w"/>
                                          </p:val>
                                        </p:tav>
                                      </p:tavLst>
                                    </p:anim>
                                    <p:anim calcmode="lin" valueType="num">
                                      <p:cBhvr>
                                        <p:cTn dur="500" fill="hold" id="22"/>
                                        <p:tgtEl>
                                          <p:spTgt spid="8"/>
                                        </p:tgtEl>
                                        <p:attrNameLst>
                                          <p:attrName>ppt_h</p:attrName>
                                        </p:attrNameLst>
                                      </p:cBhvr>
                                      <p:tavLst>
                                        <p:tav tm="0">
                                          <p:val>
                                            <p:fltVal val="0"/>
                                          </p:val>
                                        </p:tav>
                                        <p:tav tm="100000">
                                          <p:val>
                                            <p:strVal val="#ppt_h"/>
                                          </p:val>
                                        </p:tav>
                                      </p:tavLst>
                                    </p:anim>
                                    <p:animEffect filter="fade" transition="in">
                                      <p:cBhvr>
                                        <p:cTn dur="500" id="23"/>
                                        <p:tgtEl>
                                          <p:spTgt spid="8"/>
                                        </p:tgtEl>
                                      </p:cBhvr>
                                    </p:animEffect>
                                  </p:childTnLst>
                                </p:cTn>
                              </p:par>
                            </p:childTnLst>
                          </p:cTn>
                        </p:par>
                        <p:par>
                          <p:cTn fill="hold" id="24" nodeType="afterGroup">
                            <p:stCondLst>
                              <p:cond delay="2000"/>
                            </p:stCondLst>
                            <p:childTnLst>
                              <p:par>
                                <p:cTn fill="hold" id="25" nodeType="afterEffect" presetClass="entr" presetID="10" presetSubtype="0">
                                  <p:stCondLst>
                                    <p:cond delay="0"/>
                                  </p:stCondLst>
                                  <p:childTnLst>
                                    <p:set>
                                      <p:cBhvr>
                                        <p:cTn dur="1" fill="hold" id="26">
                                          <p:stCondLst>
                                            <p:cond delay="0"/>
                                          </p:stCondLst>
                                        </p:cTn>
                                        <p:tgtEl>
                                          <p:spTgt spid="12"/>
                                        </p:tgtEl>
                                        <p:attrNameLst>
                                          <p:attrName>style.visibility</p:attrName>
                                        </p:attrNameLst>
                                      </p:cBhvr>
                                      <p:to>
                                        <p:strVal val="visible"/>
                                      </p:to>
                                    </p:set>
                                    <p:animEffect filter="fade" transition="in">
                                      <p:cBhvr>
                                        <p:cTn dur="500" id="27"/>
                                        <p:tgtEl>
                                          <p:spTgt spid="12"/>
                                        </p:tgtEl>
                                      </p:cBhvr>
                                    </p:animEffect>
                                  </p:childTnLst>
                                </p:cTn>
                              </p:par>
                            </p:childTnLst>
                          </p:cTn>
                        </p:par>
                        <p:par>
                          <p:cTn fill="hold" id="28" nodeType="afterGroup">
                            <p:stCondLst>
                              <p:cond delay="2500"/>
                            </p:stCondLst>
                            <p:childTnLst>
                              <p:par>
                                <p:cTn fill="hold" grpId="0" id="29" nodeType="afterEffect" presetClass="entr" presetID="16" presetSubtype="21">
                                  <p:stCondLst>
                                    <p:cond delay="0"/>
                                  </p:stCondLst>
                                  <p:childTnLst>
                                    <p:set>
                                      <p:cBhvr>
                                        <p:cTn dur="1" fill="hold" id="30">
                                          <p:stCondLst>
                                            <p:cond delay="0"/>
                                          </p:stCondLst>
                                        </p:cTn>
                                        <p:tgtEl>
                                          <p:spTgt spid="9"/>
                                        </p:tgtEl>
                                        <p:attrNameLst>
                                          <p:attrName>style.visibility</p:attrName>
                                        </p:attrNameLst>
                                      </p:cBhvr>
                                      <p:to>
                                        <p:strVal val="visible"/>
                                      </p:to>
                                    </p:set>
                                    <p:animEffect filter="barn(inVertical)" transition="in">
                                      <p:cBhvr>
                                        <p:cTn dur="500" id="31"/>
                                        <p:tgtEl>
                                          <p:spTgt spid="9"/>
                                        </p:tgtEl>
                                      </p:cBhvr>
                                    </p:animEffect>
                                  </p:childTnLst>
                                </p:cTn>
                              </p:par>
                            </p:childTnLst>
                          </p:cTn>
                        </p:par>
                        <p:par>
                          <p:cTn fill="hold" id="32" nodeType="afterGroup">
                            <p:stCondLst>
                              <p:cond delay="3000"/>
                            </p:stCondLst>
                            <p:childTnLst>
                              <p:par>
                                <p:cTn fill="hold" grpId="0" id="33" nodeType="afterEffect" presetClass="entr" presetID="53" presetSubtype="0">
                                  <p:stCondLst>
                                    <p:cond delay="0"/>
                                  </p:stCondLst>
                                  <p:childTnLst>
                                    <p:set>
                                      <p:cBhvr>
                                        <p:cTn dur="1" fill="hold" id="34">
                                          <p:stCondLst>
                                            <p:cond delay="0"/>
                                          </p:stCondLst>
                                        </p:cTn>
                                        <p:tgtEl>
                                          <p:spTgt spid="10"/>
                                        </p:tgtEl>
                                        <p:attrNameLst>
                                          <p:attrName>style.visibility</p:attrName>
                                        </p:attrNameLst>
                                      </p:cBhvr>
                                      <p:to>
                                        <p:strVal val="visible"/>
                                      </p:to>
                                    </p:set>
                                    <p:anim calcmode="lin" valueType="num">
                                      <p:cBhvr>
                                        <p:cTn dur="500" fill="hold" id="35"/>
                                        <p:tgtEl>
                                          <p:spTgt spid="10"/>
                                        </p:tgtEl>
                                        <p:attrNameLst>
                                          <p:attrName>ppt_w</p:attrName>
                                        </p:attrNameLst>
                                      </p:cBhvr>
                                      <p:tavLst>
                                        <p:tav tm="0">
                                          <p:val>
                                            <p:fltVal val="0"/>
                                          </p:val>
                                        </p:tav>
                                        <p:tav tm="100000">
                                          <p:val>
                                            <p:strVal val="#ppt_w"/>
                                          </p:val>
                                        </p:tav>
                                      </p:tavLst>
                                    </p:anim>
                                    <p:anim calcmode="lin" valueType="num">
                                      <p:cBhvr>
                                        <p:cTn dur="500" fill="hold" id="36"/>
                                        <p:tgtEl>
                                          <p:spTgt spid="10"/>
                                        </p:tgtEl>
                                        <p:attrNameLst>
                                          <p:attrName>ppt_h</p:attrName>
                                        </p:attrNameLst>
                                      </p:cBhvr>
                                      <p:tavLst>
                                        <p:tav tm="0">
                                          <p:val>
                                            <p:fltVal val="0"/>
                                          </p:val>
                                        </p:tav>
                                        <p:tav tm="100000">
                                          <p:val>
                                            <p:strVal val="#ppt_h"/>
                                          </p:val>
                                        </p:tav>
                                      </p:tavLst>
                                    </p:anim>
                                    <p:animEffect filter="fade" transition="in">
                                      <p:cBhvr>
                                        <p:cTn dur="500" id="37"/>
                                        <p:tgtEl>
                                          <p:spTgt spid="10"/>
                                        </p:tgtEl>
                                      </p:cBhvr>
                                    </p:animEffect>
                                  </p:childTnLst>
                                </p:cTn>
                              </p:par>
                            </p:childTnLst>
                          </p:cTn>
                        </p:par>
                        <p:par>
                          <p:cTn fill="hold" id="38" nodeType="afterGroup">
                            <p:stCondLst>
                              <p:cond delay="3500"/>
                            </p:stCondLst>
                            <p:childTnLst>
                              <p:par>
                                <p:cTn fill="hold" grpId="0" id="39" nodeType="afterEffect" presetClass="entr" presetID="10" presetSubtype="0">
                                  <p:stCondLst>
                                    <p:cond delay="0"/>
                                  </p:stCondLst>
                                  <p:childTnLst>
                                    <p:set>
                                      <p:cBhvr>
                                        <p:cTn dur="1" fill="hold" id="40">
                                          <p:stCondLst>
                                            <p:cond delay="0"/>
                                          </p:stCondLst>
                                        </p:cTn>
                                        <p:tgtEl>
                                          <p:spTgt spid="16"/>
                                        </p:tgtEl>
                                        <p:attrNameLst>
                                          <p:attrName>style.visibility</p:attrName>
                                        </p:attrNameLst>
                                      </p:cBhvr>
                                      <p:to>
                                        <p:strVal val="visible"/>
                                      </p:to>
                                    </p:set>
                                    <p:animEffect filter="fade" transition="in">
                                      <p:cBhvr>
                                        <p:cTn dur="500" id="41"/>
                                        <p:tgtEl>
                                          <p:spTgt spid="16"/>
                                        </p:tgtEl>
                                      </p:cBhvr>
                                    </p:animEffect>
                                  </p:childTnLst>
                                </p:cTn>
                              </p:par>
                            </p:childTnLst>
                          </p:cTn>
                        </p:par>
                        <p:par>
                          <p:cTn fill="hold" id="42" nodeType="afterGroup">
                            <p:stCondLst>
                              <p:cond delay="4000"/>
                            </p:stCondLst>
                            <p:childTnLst>
                              <p:par>
                                <p:cTn fill="hold" grpId="0" id="43" nodeType="afterEffect" presetClass="entr" presetID="16" presetSubtype="21">
                                  <p:stCondLst>
                                    <p:cond delay="0"/>
                                  </p:stCondLst>
                                  <p:childTnLst>
                                    <p:set>
                                      <p:cBhvr>
                                        <p:cTn dur="1" fill="hold" id="44">
                                          <p:stCondLst>
                                            <p:cond delay="0"/>
                                          </p:stCondLst>
                                        </p:cTn>
                                        <p:tgtEl>
                                          <p:spTgt spid="11"/>
                                        </p:tgtEl>
                                        <p:attrNameLst>
                                          <p:attrName>style.visibility</p:attrName>
                                        </p:attrNameLst>
                                      </p:cBhvr>
                                      <p:to>
                                        <p:strVal val="visible"/>
                                      </p:to>
                                    </p:set>
                                    <p:animEffect filter="barn(inVertical)" transition="in">
                                      <p:cBhvr>
                                        <p:cTn dur="500" id="45"/>
                                        <p:tgtEl>
                                          <p:spTgt spid="11"/>
                                        </p:tgtEl>
                                      </p:cBhvr>
                                    </p:animEffect>
                                  </p:childTnLst>
                                </p:cTn>
                              </p:par>
                            </p:childTnLst>
                          </p:cTn>
                        </p:par>
                        <p:par>
                          <p:cTn fill="hold" id="46" nodeType="afterGroup">
                            <p:stCondLst>
                              <p:cond delay="4500"/>
                            </p:stCondLst>
                            <p:childTnLst>
                              <p:par>
                                <p:cTn fill="hold" grpId="0" id="47" nodeType="afterEffect" presetClass="entr" presetID="2" presetSubtype="4">
                                  <p:stCondLst>
                                    <p:cond delay="0"/>
                                  </p:stCondLst>
                                  <p:childTnLst>
                                    <p:set>
                                      <p:cBhvr>
                                        <p:cTn dur="1" fill="hold" id="48">
                                          <p:stCondLst>
                                            <p:cond delay="0"/>
                                          </p:stCondLst>
                                        </p:cTn>
                                        <p:tgtEl>
                                          <p:spTgt spid="2"/>
                                        </p:tgtEl>
                                        <p:attrNameLst>
                                          <p:attrName>style.visibility</p:attrName>
                                        </p:attrNameLst>
                                      </p:cBhvr>
                                      <p:to>
                                        <p:strVal val="visible"/>
                                      </p:to>
                                    </p:set>
                                    <p:anim calcmode="lin" valueType="num">
                                      <p:cBhvr additive="base">
                                        <p:cTn dur="500" fill="hold" id="49"/>
                                        <p:tgtEl>
                                          <p:spTgt spid="2"/>
                                        </p:tgtEl>
                                        <p:attrNameLst>
                                          <p:attrName>ppt_x</p:attrName>
                                        </p:attrNameLst>
                                      </p:cBhvr>
                                      <p:tavLst>
                                        <p:tav tm="0">
                                          <p:val>
                                            <p:strVal val="#ppt_x"/>
                                          </p:val>
                                        </p:tav>
                                        <p:tav tm="100000">
                                          <p:val>
                                            <p:strVal val="#ppt_x"/>
                                          </p:val>
                                        </p:tav>
                                      </p:tavLst>
                                    </p:anim>
                                    <p:anim calcmode="lin" valueType="num">
                                      <p:cBhvr additive="base">
                                        <p:cTn dur="500" fill="hold" id="50"/>
                                        <p:tgtEl>
                                          <p:spTgt spid="2"/>
                                        </p:tgtEl>
                                        <p:attrNameLst>
                                          <p:attrName>ppt_y</p:attrName>
                                        </p:attrNameLst>
                                      </p:cBhvr>
                                      <p:tavLst>
                                        <p:tav tm="0">
                                          <p:val>
                                            <p:strVal val="1+#ppt_h/2"/>
                                          </p:val>
                                        </p:tav>
                                        <p:tav tm="100000">
                                          <p:val>
                                            <p:strVal val="#ppt_y"/>
                                          </p:val>
                                        </p:tav>
                                      </p:tavLst>
                                    </p:anim>
                                  </p:childTnLst>
                                </p:cTn>
                              </p:par>
                            </p:childTnLst>
                          </p:cTn>
                        </p:par>
                        <p:par>
                          <p:cTn fill="hold" id="51" nodeType="afterGroup">
                            <p:stCondLst>
                              <p:cond delay="5000"/>
                            </p:stCondLst>
                            <p:childTnLst>
                              <p:par>
                                <p:cTn fill="hold" id="52" nodeType="afterEffect" presetClass="entr" presetID="42" presetSubtype="0">
                                  <p:stCondLst>
                                    <p:cond delay="0"/>
                                  </p:stCondLst>
                                  <p:childTnLst>
                                    <p:set>
                                      <p:cBhvr>
                                        <p:cTn dur="1" fill="hold" id="53">
                                          <p:stCondLst>
                                            <p:cond delay="0"/>
                                          </p:stCondLst>
                                        </p:cTn>
                                        <p:tgtEl>
                                          <p:spTgt spid="17"/>
                                        </p:tgtEl>
                                        <p:attrNameLst>
                                          <p:attrName>style.visibility</p:attrName>
                                        </p:attrNameLst>
                                      </p:cBhvr>
                                      <p:to>
                                        <p:strVal val="visible"/>
                                      </p:to>
                                    </p:set>
                                    <p:animEffect filter="fade" transition="in">
                                      <p:cBhvr>
                                        <p:cTn dur="500" id="54"/>
                                        <p:tgtEl>
                                          <p:spTgt spid="17"/>
                                        </p:tgtEl>
                                      </p:cBhvr>
                                    </p:animEffect>
                                    <p:anim calcmode="lin" valueType="num">
                                      <p:cBhvr>
                                        <p:cTn dur="500" fill="hold" id="55"/>
                                        <p:tgtEl>
                                          <p:spTgt spid="17"/>
                                        </p:tgtEl>
                                        <p:attrNameLst>
                                          <p:attrName>ppt_x</p:attrName>
                                        </p:attrNameLst>
                                      </p:cBhvr>
                                      <p:tavLst>
                                        <p:tav tm="0">
                                          <p:val>
                                            <p:strVal val="#ppt_x"/>
                                          </p:val>
                                        </p:tav>
                                        <p:tav tm="100000">
                                          <p:val>
                                            <p:strVal val="#ppt_x"/>
                                          </p:val>
                                        </p:tav>
                                      </p:tavLst>
                                    </p:anim>
                                    <p:anim calcmode="lin" valueType="num">
                                      <p:cBhvr>
                                        <p:cTn dur="500" fill="hold" id="56"/>
                                        <p:tgtEl>
                                          <p:spTgt spid="17"/>
                                        </p:tgtEl>
                                        <p:attrNameLst>
                                          <p:attrName>ppt_y</p:attrName>
                                        </p:attrNameLst>
                                      </p:cBhvr>
                                      <p:tavLst>
                                        <p:tav tm="0">
                                          <p:val>
                                            <p:strVal val="#ppt_y+.1"/>
                                          </p:val>
                                        </p:tav>
                                        <p:tav tm="100000">
                                          <p:val>
                                            <p:strVal val="#ppt_y"/>
                                          </p:val>
                                        </p:tav>
                                      </p:tavLst>
                                    </p:anim>
                                  </p:childTnLst>
                                </p:cTn>
                              </p:par>
                            </p:childTnLst>
                          </p:cTn>
                        </p:par>
                        <p:par>
                          <p:cTn fill="hold" id="57" nodeType="afterGroup">
                            <p:stCondLst>
                              <p:cond delay="5500"/>
                            </p:stCondLst>
                            <p:childTnLst>
                              <p:par>
                                <p:cTn fill="hold" id="58" nodeType="afterEffect" presetClass="entr" presetID="47" presetSubtype="0">
                                  <p:stCondLst>
                                    <p:cond delay="0"/>
                                  </p:stCondLst>
                                  <p:childTnLst>
                                    <p:set>
                                      <p:cBhvr>
                                        <p:cTn dur="1" fill="hold" id="59">
                                          <p:stCondLst>
                                            <p:cond delay="0"/>
                                          </p:stCondLst>
                                        </p:cTn>
                                        <p:tgtEl>
                                          <p:spTgt spid="18"/>
                                        </p:tgtEl>
                                        <p:attrNameLst>
                                          <p:attrName>style.visibility</p:attrName>
                                        </p:attrNameLst>
                                      </p:cBhvr>
                                      <p:to>
                                        <p:strVal val="visible"/>
                                      </p:to>
                                    </p:set>
                                    <p:animEffect filter="fade" transition="in">
                                      <p:cBhvr>
                                        <p:cTn dur="500" id="60"/>
                                        <p:tgtEl>
                                          <p:spTgt spid="18"/>
                                        </p:tgtEl>
                                      </p:cBhvr>
                                    </p:animEffect>
                                    <p:anim calcmode="lin" valueType="num">
                                      <p:cBhvr>
                                        <p:cTn dur="500" fill="hold" id="61"/>
                                        <p:tgtEl>
                                          <p:spTgt spid="18"/>
                                        </p:tgtEl>
                                        <p:attrNameLst>
                                          <p:attrName>ppt_x</p:attrName>
                                        </p:attrNameLst>
                                      </p:cBhvr>
                                      <p:tavLst>
                                        <p:tav tm="0">
                                          <p:val>
                                            <p:strVal val="#ppt_x"/>
                                          </p:val>
                                        </p:tav>
                                        <p:tav tm="100000">
                                          <p:val>
                                            <p:strVal val="#ppt_x"/>
                                          </p:val>
                                        </p:tav>
                                      </p:tavLst>
                                    </p:anim>
                                    <p:anim calcmode="lin" valueType="num">
                                      <p:cBhvr>
                                        <p:cTn dur="500" fill="hold" id="62"/>
                                        <p:tgtEl>
                                          <p:spTgt spid="18"/>
                                        </p:tgtEl>
                                        <p:attrNameLst>
                                          <p:attrName>ppt_y</p:attrName>
                                        </p:attrNameLst>
                                      </p:cBhvr>
                                      <p:tavLst>
                                        <p:tav tm="0">
                                          <p:val>
                                            <p:strVal val="#ppt_y-.1"/>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
      <p:bldP grpId="0" spid="3"/>
      <p:bldP grpId="0" spid="7"/>
      <p:bldP grpId="0" spid="8"/>
      <p:bldP grpId="0" spid="9"/>
      <p:bldP grpId="0" spid="10"/>
      <p:bldP grpId="0" spid="11"/>
      <p:bldP grpId="0" spid="16"/>
    </p:bldLst>
  </p:timing>
</p:sld>
</file>

<file path=ppt/slides/slide26.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sp>
        <p:nvSpPr>
          <p:cNvPr id="2" name="TextBox 1"/>
          <p:cNvSpPr txBox="1"/>
          <p:nvPr/>
        </p:nvSpPr>
        <p:spPr>
          <a:xfrm>
            <a:off x="5178599" y="3140347"/>
            <a:ext cx="2151380" cy="579120"/>
          </a:xfrm>
          <a:prstGeom prst="rect">
            <a:avLst/>
          </a:prstGeom>
          <a:noFill/>
        </p:spPr>
        <p:txBody>
          <a:bodyPr wrap="none">
            <a:spAutoFit/>
          </a:bodyPr>
          <a:lstStyle/>
          <a:p>
            <a:pPr fontAlgn="base" indent="-342900" marL="342900">
              <a:spcBef>
                <a:spcPct val="0"/>
              </a:spcBef>
              <a:spcAft>
                <a:spcPct val="0"/>
              </a:spcAft>
              <a:buFont charset="0" pitchFamily="34" typeface="Arial"/>
              <a:buChar char="•"/>
              <a:defRPr/>
            </a:pPr>
            <a:r>
              <a:rPr altLang="en-US" lang="zh-CN" sz="1600">
                <a:latin charset="-122" panose="020b0503020204020204" pitchFamily="34" typeface="微软雅黑"/>
                <a:ea charset="-122" panose="020b0503020204020204" pitchFamily="34" typeface="微软雅黑"/>
              </a:rPr>
              <a:t>点击此处输入文字</a:t>
            </a:r>
          </a:p>
          <a:p>
            <a:pPr fontAlgn="base" indent="-342900" marL="342900">
              <a:spcBef>
                <a:spcPct val="0"/>
              </a:spcBef>
              <a:spcAft>
                <a:spcPct val="0"/>
              </a:spcAft>
              <a:buFont charset="0" pitchFamily="34" typeface="Arial"/>
              <a:buChar char="•"/>
              <a:defRPr/>
            </a:pPr>
            <a:r>
              <a:rPr altLang="en-US" lang="zh-CN" sz="1600">
                <a:latin charset="-122" panose="020b0503020204020204" pitchFamily="34" typeface="微软雅黑"/>
                <a:ea charset="-122" panose="020b0503020204020204" pitchFamily="34" typeface="微软雅黑"/>
              </a:rPr>
              <a:t>点击此处输入文字</a:t>
            </a:r>
          </a:p>
        </p:txBody>
      </p:sp>
      <p:sp>
        <p:nvSpPr>
          <p:cNvPr id="3" name="TextBox 2"/>
          <p:cNvSpPr txBox="1"/>
          <p:nvPr/>
        </p:nvSpPr>
        <p:spPr>
          <a:xfrm>
            <a:off x="3306940" y="3894413"/>
            <a:ext cx="2354580" cy="640080"/>
          </a:xfrm>
          <a:prstGeom prst="rect">
            <a:avLst/>
          </a:prstGeom>
          <a:noFill/>
        </p:spPr>
        <p:txBody>
          <a:bodyPr wrap="none">
            <a:spAutoFit/>
          </a:bodyPr>
          <a:lstStyle/>
          <a:p>
            <a:pPr fontAlgn="base" indent="-342900" marL="342900">
              <a:spcBef>
                <a:spcPct val="0"/>
              </a:spcBef>
              <a:spcAft>
                <a:spcPct val="0"/>
              </a:spcAft>
              <a:buFont charset="0" pitchFamily="34" typeface="Arial"/>
              <a:buChar char="•"/>
              <a:defRPr/>
            </a:pPr>
            <a:r>
              <a:rPr altLang="en-US" b="1" lang="zh-CN">
                <a:solidFill>
                  <a:srgbClr val="00544A"/>
                </a:solidFill>
                <a:latin charset="-122" panose="020b0503020204020204" pitchFamily="34" typeface="微软雅黑"/>
                <a:ea charset="-122" panose="020b0503020204020204" pitchFamily="34" typeface="微软雅黑"/>
              </a:rPr>
              <a:t>点击此处输入文字</a:t>
            </a:r>
          </a:p>
          <a:p>
            <a:pPr fontAlgn="base" indent="-342900" marL="342900">
              <a:spcBef>
                <a:spcPct val="0"/>
              </a:spcBef>
              <a:spcAft>
                <a:spcPct val="0"/>
              </a:spcAft>
              <a:buFont charset="0" pitchFamily="34" typeface="Arial"/>
              <a:buChar char="•"/>
              <a:defRPr/>
            </a:pPr>
            <a:r>
              <a:rPr altLang="en-US" b="1" lang="zh-CN">
                <a:solidFill>
                  <a:srgbClr val="00544A"/>
                </a:solidFill>
                <a:latin charset="-122" panose="020b0503020204020204" pitchFamily="34" typeface="微软雅黑"/>
                <a:ea charset="-122" panose="020b0503020204020204" pitchFamily="34" typeface="微软雅黑"/>
              </a:rPr>
              <a:t>点击此处输入文字</a:t>
            </a:r>
          </a:p>
        </p:txBody>
      </p:sp>
      <p:sp>
        <p:nvSpPr>
          <p:cNvPr id="4" name="TextBox 3"/>
          <p:cNvSpPr txBox="1"/>
          <p:nvPr/>
        </p:nvSpPr>
        <p:spPr>
          <a:xfrm>
            <a:off x="6966126" y="2179913"/>
            <a:ext cx="1948180" cy="518160"/>
          </a:xfrm>
          <a:prstGeom prst="rect">
            <a:avLst/>
          </a:prstGeom>
          <a:noFill/>
        </p:spPr>
        <p:txBody>
          <a:bodyPr wrap="none">
            <a:spAutoFit/>
          </a:bodyPr>
          <a:lstStyle/>
          <a:p>
            <a:pPr fontAlgn="base" indent="-342900" marL="342900">
              <a:spcBef>
                <a:spcPct val="0"/>
              </a:spcBef>
              <a:spcAft>
                <a:spcPct val="0"/>
              </a:spcAft>
              <a:buFont charset="0" pitchFamily="34" typeface="Arial"/>
              <a:buChar char="•"/>
              <a:defRPr/>
            </a:pPr>
            <a:r>
              <a:rPr altLang="en-US" lang="zh-CN" sz="1400">
                <a:latin charset="-122" panose="020b0503020204020204" pitchFamily="34" typeface="微软雅黑"/>
                <a:ea charset="-122" panose="020b0503020204020204" pitchFamily="34" typeface="微软雅黑"/>
              </a:rPr>
              <a:t>点击此处输入文字</a:t>
            </a:r>
          </a:p>
          <a:p>
            <a:pPr fontAlgn="base" indent="-342900" marL="342900">
              <a:spcBef>
                <a:spcPct val="0"/>
              </a:spcBef>
              <a:spcAft>
                <a:spcPct val="0"/>
              </a:spcAft>
              <a:buFont charset="0" pitchFamily="34" typeface="Arial"/>
              <a:buChar char="•"/>
              <a:defRPr/>
            </a:pPr>
            <a:r>
              <a:rPr altLang="en-US" lang="zh-CN" sz="1400">
                <a:latin charset="-122" panose="020b0503020204020204" pitchFamily="34" typeface="微软雅黑"/>
                <a:ea charset="-122" panose="020b0503020204020204" pitchFamily="34" typeface="微软雅黑"/>
              </a:rPr>
              <a:t>点击此处输入文字</a:t>
            </a:r>
          </a:p>
        </p:txBody>
      </p:sp>
      <p:grpSp>
        <p:nvGrpSpPr>
          <p:cNvPr id="5" name="组合 4"/>
          <p:cNvGrpSpPr/>
          <p:nvPr/>
        </p:nvGrpSpPr>
        <p:grpSpPr>
          <a:xfrm>
            <a:off x="1695624" y="1852888"/>
            <a:ext cx="1944688" cy="2447925"/>
            <a:chOff x="681032" y="1902140"/>
            <a:chExt cx="1944688" cy="2447925"/>
          </a:xfrm>
        </p:grpSpPr>
        <p:sp>
          <p:nvSpPr>
            <p:cNvPr id="6" name="椭圆​​ 2"/>
            <p:cNvSpPr/>
            <p:nvPr/>
          </p:nvSpPr>
          <p:spPr>
            <a:xfrm>
              <a:off x="681032" y="1902140"/>
              <a:ext cx="1944688" cy="2447925"/>
            </a:xfrm>
            <a:custGeom>
              <a:rect b="b" l="l" r="r" t="t"/>
              <a:pathLst>
                <a:path h="2448272" w="1944130">
                  <a:moveTo>
                    <a:pt x="972066" y="0"/>
                  </a:moveTo>
                  <a:cubicBezTo>
                    <a:pt x="1508923" y="0"/>
                    <a:pt x="1944132" y="435209"/>
                    <a:pt x="1944132" y="972066"/>
                  </a:cubicBezTo>
                  <a:cubicBezTo>
                    <a:pt x="1944132" y="1465344"/>
                    <a:pt x="1576711" y="1872807"/>
                    <a:pt x="1100480" y="1934684"/>
                  </a:cubicBezTo>
                  <a:lnTo>
                    <a:pt x="972066" y="2448272"/>
                  </a:lnTo>
                  <a:lnTo>
                    <a:pt x="843652" y="1934684"/>
                  </a:lnTo>
                  <a:cubicBezTo>
                    <a:pt x="367421" y="1872807"/>
                    <a:pt x="0" y="1465344"/>
                    <a:pt x="0" y="972066"/>
                  </a:cubicBezTo>
                  <a:cubicBezTo>
                    <a:pt x="0" y="435209"/>
                    <a:pt x="435209" y="0"/>
                    <a:pt x="972066" y="0"/>
                  </a:cubicBezTo>
                  <a:close/>
                </a:path>
              </a:pathLst>
            </a:custGeom>
            <a:solidFill>
              <a:srgbClr val="00544A"/>
            </a:solidFill>
            <a:ln cap="flat" cmpd="sng" w="6350">
              <a:solidFill>
                <a:srgbClr val="FCFCFC"/>
              </a:solidFill>
              <a:miter lim="800000"/>
            </a:ln>
          </p:spPr>
          <p:txBody>
            <a:bodyPr/>
            <a:lstStyle/>
            <a:p>
              <a:endParaRPr altLang="en-US" lang="zh-CN">
                <a:solidFill>
                  <a:srgbClr val="000000"/>
                </a:solidFill>
                <a:latin charset="0" panose="020f0502020204030204" pitchFamily="34" typeface="Calibri"/>
              </a:endParaRPr>
            </a:p>
          </p:txBody>
        </p:sp>
        <p:sp>
          <p:nvSpPr>
            <p:cNvPr id="7" name="矩形​​ 16"/>
            <p:cNvSpPr>
              <a:spLocks noChangeArrowheads="1"/>
            </p:cNvSpPr>
            <p:nvPr/>
          </p:nvSpPr>
          <p:spPr bwMode="auto">
            <a:xfrm>
              <a:off x="1093120" y="2412848"/>
              <a:ext cx="1097280" cy="82296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wrap="none">
              <a:spAutoFit/>
            </a:bodyPr>
            <a:lstStyle/>
            <a:p>
              <a:pPr algn="ctr" fontAlgn="base">
                <a:spcBef>
                  <a:spcPct val="0"/>
                </a:spcBef>
                <a:spcAft>
                  <a:spcPct val="0"/>
                </a:spcAft>
                <a:defRPr/>
              </a:pPr>
              <a:r>
                <a:rPr altLang="en-US" b="1" kern="0" lang="zh-CN" sz="2400">
                  <a:solidFill>
                    <a:schemeClr val="bg1"/>
                  </a:solidFill>
                  <a:latin charset="-122" panose="020b0503020204020204" pitchFamily="34" typeface="微软雅黑"/>
                  <a:ea charset="-122" panose="020b0503020204020204" pitchFamily="34" typeface="微软雅黑"/>
                  <a:cs charset="-122" pitchFamily="34" typeface="Arial Unicode MS"/>
                </a:rPr>
                <a:t>点击录</a:t>
              </a:r>
            </a:p>
            <a:p>
              <a:pPr algn="ctr" fontAlgn="base">
                <a:spcBef>
                  <a:spcPct val="0"/>
                </a:spcBef>
                <a:spcAft>
                  <a:spcPct val="0"/>
                </a:spcAft>
                <a:defRPr/>
              </a:pPr>
              <a:r>
                <a:rPr altLang="en-US" b="1" kern="0" lang="zh-CN" sz="2400">
                  <a:solidFill>
                    <a:schemeClr val="bg1"/>
                  </a:solidFill>
                  <a:latin charset="-122" panose="020b0503020204020204" pitchFamily="34" typeface="微软雅黑"/>
                  <a:ea charset="-122" panose="020b0503020204020204" pitchFamily="34" typeface="微软雅黑"/>
                  <a:cs charset="-122" pitchFamily="34" typeface="Arial Unicode MS"/>
                </a:rPr>
                <a:t>入内容</a:t>
              </a:r>
            </a:p>
          </p:txBody>
        </p:sp>
      </p:grpSp>
      <p:grpSp>
        <p:nvGrpSpPr>
          <p:cNvPr id="8" name="组合 7"/>
          <p:cNvGrpSpPr/>
          <p:nvPr/>
        </p:nvGrpSpPr>
        <p:grpSpPr>
          <a:xfrm>
            <a:off x="4161012" y="1479826"/>
            <a:ext cx="1439862" cy="1812925"/>
            <a:chOff x="3146420" y="1529078"/>
            <a:chExt cx="1439862" cy="1812925"/>
          </a:xfrm>
        </p:grpSpPr>
        <p:sp>
          <p:nvSpPr>
            <p:cNvPr id="9" name="椭圆​​ 2"/>
            <p:cNvSpPr/>
            <p:nvPr/>
          </p:nvSpPr>
          <p:spPr>
            <a:xfrm>
              <a:off x="3146420" y="1529078"/>
              <a:ext cx="1439862" cy="1812925"/>
            </a:xfrm>
            <a:custGeom>
              <a:rect b="b" l="l" r="r" t="t"/>
              <a:pathLst>
                <a:path h="2448272" w="1944130">
                  <a:moveTo>
                    <a:pt x="972066" y="0"/>
                  </a:moveTo>
                  <a:cubicBezTo>
                    <a:pt x="1508923" y="0"/>
                    <a:pt x="1944132" y="435209"/>
                    <a:pt x="1944132" y="972066"/>
                  </a:cubicBezTo>
                  <a:cubicBezTo>
                    <a:pt x="1944132" y="1465344"/>
                    <a:pt x="1576711" y="1872807"/>
                    <a:pt x="1100480" y="1934684"/>
                  </a:cubicBezTo>
                  <a:lnTo>
                    <a:pt x="972066" y="2448272"/>
                  </a:lnTo>
                  <a:lnTo>
                    <a:pt x="843652" y="1934684"/>
                  </a:lnTo>
                  <a:cubicBezTo>
                    <a:pt x="367421" y="1872807"/>
                    <a:pt x="0" y="1465344"/>
                    <a:pt x="0" y="972066"/>
                  </a:cubicBezTo>
                  <a:cubicBezTo>
                    <a:pt x="0" y="435209"/>
                    <a:pt x="435209" y="0"/>
                    <a:pt x="972066" y="0"/>
                  </a:cubicBezTo>
                  <a:close/>
                </a:path>
              </a:pathLst>
            </a:custGeom>
            <a:solidFill>
              <a:schemeClr val="bg1">
                <a:lumMod val="75000"/>
              </a:schemeClr>
            </a:solidFill>
            <a:ln>
              <a:noFill/>
            </a:ln>
          </p:spPr>
          <p:txBody>
            <a:bodyPr anchor="ctr"/>
            <a:lstStyle/>
            <a:p>
              <a:pPr algn="ctr" fontAlgn="base">
                <a:spcBef>
                  <a:spcPct val="0"/>
                </a:spcBef>
                <a:spcAft>
                  <a:spcPct val="0"/>
                </a:spcAft>
                <a:buFont charset="0" pitchFamily="34" typeface="Arial"/>
              </a:pPr>
              <a:endParaRPr altLang="en-US" lang="zh-CN">
                <a:solidFill>
                  <a:srgbClr val="48B3CC"/>
                </a:solidFill>
                <a:latin charset="0" pitchFamily="34" typeface="Arial"/>
                <a:ea charset="-122" panose="020b0503020204020204" pitchFamily="34" typeface="微软雅黑"/>
              </a:endParaRPr>
            </a:p>
          </p:txBody>
        </p:sp>
        <p:sp>
          <p:nvSpPr>
            <p:cNvPr id="10" name="矩形​​ 17"/>
            <p:cNvSpPr>
              <a:spLocks noChangeArrowheads="1"/>
            </p:cNvSpPr>
            <p:nvPr/>
          </p:nvSpPr>
          <p:spPr bwMode="auto">
            <a:xfrm>
              <a:off x="3364925" y="1855757"/>
              <a:ext cx="944880" cy="70104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wrap="none">
              <a:spAutoFit/>
            </a:bodyPr>
            <a:lstStyle/>
            <a:p>
              <a:pPr algn="ctr" fontAlgn="base">
                <a:spcBef>
                  <a:spcPct val="0"/>
                </a:spcBef>
                <a:spcAft>
                  <a:spcPct val="0"/>
                </a:spcAft>
              </a:pPr>
              <a:r>
                <a:rPr altLang="en-US" b="1" kern="0" lang="zh-CN" sz="2000">
                  <a:solidFill>
                    <a:schemeClr val="bg1"/>
                  </a:solidFill>
                  <a:latin charset="-122" panose="020b0503020204020204" pitchFamily="34" typeface="微软雅黑"/>
                  <a:ea charset="-122" panose="020b0503020204020204" pitchFamily="34" typeface="微软雅黑"/>
                  <a:cs charset="-122" pitchFamily="34" typeface="Arial Unicode MS"/>
                </a:rPr>
                <a:t>点击录</a:t>
              </a:r>
            </a:p>
            <a:p>
              <a:pPr algn="ctr" fontAlgn="base">
                <a:spcBef>
                  <a:spcPct val="0"/>
                </a:spcBef>
                <a:spcAft>
                  <a:spcPct val="0"/>
                </a:spcAft>
              </a:pPr>
              <a:r>
                <a:rPr altLang="en-US" b="1" kern="0" lang="zh-CN" sz="2000">
                  <a:solidFill>
                    <a:schemeClr val="bg1"/>
                  </a:solidFill>
                  <a:latin charset="-122" panose="020b0503020204020204" pitchFamily="34" typeface="微软雅黑"/>
                  <a:ea charset="-122" panose="020b0503020204020204" pitchFamily="34" typeface="微软雅黑"/>
                  <a:cs charset="-122" pitchFamily="34" typeface="Arial Unicode MS"/>
                </a:rPr>
                <a:t>入内容</a:t>
              </a:r>
            </a:p>
          </p:txBody>
        </p:sp>
      </p:grpSp>
      <p:grpSp>
        <p:nvGrpSpPr>
          <p:cNvPr id="11" name="组合 10"/>
          <p:cNvGrpSpPr/>
          <p:nvPr/>
        </p:nvGrpSpPr>
        <p:grpSpPr>
          <a:xfrm>
            <a:off x="6088240" y="1203598"/>
            <a:ext cx="1012825" cy="1274762"/>
            <a:chOff x="5073645" y="1252853"/>
            <a:chExt cx="1012825" cy="1274762"/>
          </a:xfrm>
        </p:grpSpPr>
        <p:sp>
          <p:nvSpPr>
            <p:cNvPr id="12" name="椭圆​​ 2"/>
            <p:cNvSpPr/>
            <p:nvPr/>
          </p:nvSpPr>
          <p:spPr>
            <a:xfrm>
              <a:off x="5073645" y="1252853"/>
              <a:ext cx="1012825" cy="1274762"/>
            </a:xfrm>
            <a:custGeom>
              <a:rect b="b" l="l" r="r" t="t"/>
              <a:pathLst>
                <a:path h="2448272" w="1944130">
                  <a:moveTo>
                    <a:pt x="972066" y="0"/>
                  </a:moveTo>
                  <a:cubicBezTo>
                    <a:pt x="1508923" y="0"/>
                    <a:pt x="1944132" y="435209"/>
                    <a:pt x="1944132" y="972066"/>
                  </a:cubicBezTo>
                  <a:cubicBezTo>
                    <a:pt x="1944132" y="1465344"/>
                    <a:pt x="1576711" y="1872807"/>
                    <a:pt x="1100480" y="1934684"/>
                  </a:cubicBezTo>
                  <a:lnTo>
                    <a:pt x="972066" y="2448272"/>
                  </a:lnTo>
                  <a:lnTo>
                    <a:pt x="843652" y="1934684"/>
                  </a:lnTo>
                  <a:cubicBezTo>
                    <a:pt x="367421" y="1872807"/>
                    <a:pt x="0" y="1465344"/>
                    <a:pt x="0" y="972066"/>
                  </a:cubicBezTo>
                  <a:cubicBezTo>
                    <a:pt x="0" y="435209"/>
                    <a:pt x="435209" y="0"/>
                    <a:pt x="972066" y="0"/>
                  </a:cubicBezTo>
                  <a:close/>
                </a:path>
              </a:pathLst>
            </a:custGeom>
            <a:solidFill>
              <a:schemeClr val="bg1">
                <a:lumMod val="75000"/>
              </a:schemeClr>
            </a:solidFill>
            <a:ln>
              <a:noFill/>
            </a:ln>
          </p:spPr>
          <p:txBody>
            <a:bodyPr anchor="ctr"/>
            <a:lstStyle/>
            <a:p>
              <a:pPr algn="ctr" fontAlgn="base">
                <a:spcBef>
                  <a:spcPct val="0"/>
                </a:spcBef>
                <a:spcAft>
                  <a:spcPct val="0"/>
                </a:spcAft>
                <a:buFont charset="0" pitchFamily="34" typeface="Arial"/>
              </a:pPr>
              <a:endParaRPr altLang="en-US" lang="zh-CN">
                <a:solidFill>
                  <a:srgbClr val="48B3CC"/>
                </a:solidFill>
                <a:latin charset="0" pitchFamily="34" typeface="Arial"/>
                <a:ea charset="-122" panose="020b0503020204020204" pitchFamily="34" typeface="微软雅黑"/>
              </a:endParaRPr>
            </a:p>
          </p:txBody>
        </p:sp>
        <p:sp>
          <p:nvSpPr>
            <p:cNvPr id="13" name="矩形​​ 18"/>
            <p:cNvSpPr>
              <a:spLocks noChangeArrowheads="1"/>
            </p:cNvSpPr>
            <p:nvPr/>
          </p:nvSpPr>
          <p:spPr bwMode="auto">
            <a:xfrm>
              <a:off x="5183023" y="1463486"/>
              <a:ext cx="792480" cy="57912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wrap="none">
              <a:spAutoFit/>
            </a:bodyPr>
            <a:lstStyle/>
            <a:p>
              <a:pPr algn="ctr" fontAlgn="base">
                <a:spcBef>
                  <a:spcPct val="0"/>
                </a:spcBef>
                <a:spcAft>
                  <a:spcPct val="0"/>
                </a:spcAft>
              </a:pPr>
              <a:r>
                <a:rPr altLang="en-US" b="1" kern="0" lang="zh-CN" sz="1600">
                  <a:solidFill>
                    <a:schemeClr val="bg1"/>
                  </a:solidFill>
                  <a:latin charset="-122" panose="020b0503020204020204" pitchFamily="34" typeface="微软雅黑"/>
                  <a:ea charset="-122" panose="020b0503020204020204" pitchFamily="34" typeface="微软雅黑"/>
                  <a:cs charset="-122" pitchFamily="34" typeface="Arial Unicode MS"/>
                </a:rPr>
                <a:t>点击录</a:t>
              </a:r>
            </a:p>
            <a:p>
              <a:pPr algn="ctr" fontAlgn="base">
                <a:spcBef>
                  <a:spcPct val="0"/>
                </a:spcBef>
                <a:spcAft>
                  <a:spcPct val="0"/>
                </a:spcAft>
              </a:pPr>
              <a:r>
                <a:rPr altLang="en-US" b="1" kern="0" lang="zh-CN" sz="1600">
                  <a:solidFill>
                    <a:schemeClr val="bg1"/>
                  </a:solidFill>
                  <a:latin charset="-122" panose="020b0503020204020204" pitchFamily="34" typeface="微软雅黑"/>
                  <a:ea charset="-122" panose="020b0503020204020204" pitchFamily="34" typeface="微软雅黑"/>
                  <a:cs charset="-122" pitchFamily="34" typeface="Arial Unicode MS"/>
                </a:rPr>
                <a:t>入内容</a:t>
              </a:r>
            </a:p>
          </p:txBody>
        </p:sp>
      </p:grpSp>
    </p:spTree>
    <p:extLst>
      <p:ext uri="{BB962C8B-B14F-4D97-AF65-F5344CB8AC3E}">
        <p14:creationId val="78294467"/>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6" presetSubtype="0">
                                  <p:stCondLst>
                                    <p:cond delay="0"/>
                                  </p:stCondLst>
                                  <p:childTnLst>
                                    <p:set>
                                      <p:cBhvr>
                                        <p:cTn dur="1" fill="hold" id="6">
                                          <p:stCondLst>
                                            <p:cond delay="0"/>
                                          </p:stCondLst>
                                        </p:cTn>
                                        <p:tgtEl>
                                          <p:spTgt spid="5"/>
                                        </p:tgtEl>
                                        <p:attrNameLst>
                                          <p:attrName>style.visibility</p:attrName>
                                        </p:attrNameLst>
                                      </p:cBhvr>
                                      <p:to>
                                        <p:strVal val="visible"/>
                                      </p:to>
                                    </p:set>
                                    <p:animEffect filter="wipe(down)" transition="in">
                                      <p:cBhvr>
                                        <p:cTn dur="362" id="7">
                                          <p:stCondLst>
                                            <p:cond delay="0"/>
                                          </p:stCondLst>
                                        </p:cTn>
                                        <p:tgtEl>
                                          <p:spTgt spid="5"/>
                                        </p:tgtEl>
                                      </p:cBhvr>
                                    </p:animEffect>
                                    <p:anim calcmode="lin" valueType="num">
                                      <p:cBhvr>
                                        <p:cTn dur="1139" id="8" tmFilter="0,0; 0.14,0.36; 0.43,0.73; 0.71,0.91; 1.0,1.0">
                                          <p:stCondLst>
                                            <p:cond delay="0"/>
                                          </p:stCondLst>
                                        </p:cTn>
                                        <p:tgtEl>
                                          <p:spTgt spid="5"/>
                                        </p:tgtEl>
                                        <p:attrNameLst>
                                          <p:attrName>ppt_x</p:attrName>
                                        </p:attrNameLst>
                                      </p:cBhvr>
                                      <p:tavLst>
                                        <p:tav tm="0">
                                          <p:val>
                                            <p:strVal val="#ppt_x-0.25"/>
                                          </p:val>
                                        </p:tav>
                                        <p:tav tm="100000">
                                          <p:val>
                                            <p:strVal val="#ppt_x"/>
                                          </p:val>
                                        </p:tav>
                                      </p:tavLst>
                                    </p:anim>
                                    <p:anim calcmode="lin" valueType="num">
                                      <p:cBhvr>
                                        <p:cTn dur="415" id="9" tmFilter="0.0,0.0; 0.25,0.07; 0.50,0.2; 0.75,0.467; 1.0,1.0">
                                          <p:stCondLst>
                                            <p:cond delay="0"/>
                                          </p:stCondLst>
                                        </p:cTn>
                                        <p:tgtEl>
                                          <p:spTgt spid="5"/>
                                        </p:tgtEl>
                                        <p:attrNameLst>
                                          <p:attrName>ppt_y</p:attrName>
                                        </p:attrNameLst>
                                      </p:cBhvr>
                                      <p:tavLst>
                                        <p:tav fmla="#ppt_y-sin(pi*$)/3" tm="0">
                                          <p:val>
                                            <p:fltVal val="0.5"/>
                                          </p:val>
                                        </p:tav>
                                        <p:tav tm="100000">
                                          <p:val>
                                            <p:fltVal val="1"/>
                                          </p:val>
                                        </p:tav>
                                      </p:tavLst>
                                    </p:anim>
                                    <p:anim calcmode="lin" valueType="num">
                                      <p:cBhvr>
                                        <p:cTn dur="415" id="10" tmFilter="0, 0; 0.125,0.2665; 0.25,0.4; 0.375,0.465; 0.5,0.5;  0.625,0.535; 0.75,0.6; 0.875,0.7335; 1,1">
                                          <p:stCondLst>
                                            <p:cond delay="415"/>
                                          </p:stCondLst>
                                        </p:cTn>
                                        <p:tgtEl>
                                          <p:spTgt spid="5"/>
                                        </p:tgtEl>
                                        <p:attrNameLst>
                                          <p:attrName>ppt_y</p:attrName>
                                        </p:attrNameLst>
                                      </p:cBhvr>
                                      <p:tavLst>
                                        <p:tav fmla="#ppt_y-sin(pi*$)/9" tm="0">
                                          <p:val>
                                            <p:fltVal val="0"/>
                                          </p:val>
                                        </p:tav>
                                        <p:tav tm="100000">
                                          <p:val>
                                            <p:fltVal val="1"/>
                                          </p:val>
                                        </p:tav>
                                      </p:tavLst>
                                    </p:anim>
                                    <p:anim calcmode="lin" valueType="num">
                                      <p:cBhvr>
                                        <p:cTn dur="207" id="11" tmFilter="0, 0; 0.125,0.2665; 0.25,0.4; 0.375,0.465; 0.5,0.5;  0.625,0.535; 0.75,0.6; 0.875,0.7335; 1,1">
                                          <p:stCondLst>
                                            <p:cond delay="828"/>
                                          </p:stCondLst>
                                        </p:cTn>
                                        <p:tgtEl>
                                          <p:spTgt spid="5"/>
                                        </p:tgtEl>
                                        <p:attrNameLst>
                                          <p:attrName>ppt_y</p:attrName>
                                        </p:attrNameLst>
                                      </p:cBhvr>
                                      <p:tavLst>
                                        <p:tav fmla="#ppt_y-sin(pi*$)/27" tm="0">
                                          <p:val>
                                            <p:fltVal val="0"/>
                                          </p:val>
                                        </p:tav>
                                        <p:tav tm="100000">
                                          <p:val>
                                            <p:fltVal val="1"/>
                                          </p:val>
                                        </p:tav>
                                      </p:tavLst>
                                    </p:anim>
                                    <p:anim calcmode="lin" valueType="num">
                                      <p:cBhvr>
                                        <p:cTn dur="103" id="12" tmFilter="0, 0; 0.125,0.2665; 0.25,0.4; 0.375,0.465; 0.5,0.5;  0.625,0.535; 0.75,0.6; 0.875,0.7335; 1,1">
                                          <p:stCondLst>
                                            <p:cond delay="1035"/>
                                          </p:stCondLst>
                                        </p:cTn>
                                        <p:tgtEl>
                                          <p:spTgt spid="5"/>
                                        </p:tgtEl>
                                        <p:attrNameLst>
                                          <p:attrName>ppt_y</p:attrName>
                                        </p:attrNameLst>
                                      </p:cBhvr>
                                      <p:tavLst>
                                        <p:tav fmla="#ppt_y-sin(pi*$)/81" tm="0">
                                          <p:val>
                                            <p:fltVal val="0"/>
                                          </p:val>
                                        </p:tav>
                                        <p:tav tm="100000">
                                          <p:val>
                                            <p:fltVal val="1"/>
                                          </p:val>
                                        </p:tav>
                                      </p:tavLst>
                                    </p:anim>
                                    <p:animScale>
                                      <p:cBhvr>
                                        <p:cTn dur="16" id="13">
                                          <p:stCondLst>
                                            <p:cond delay="406"/>
                                          </p:stCondLst>
                                        </p:cTn>
                                        <p:tgtEl>
                                          <p:spTgt spid="5"/>
                                        </p:tgtEl>
                                      </p:cBhvr>
                                      <p:to x="100000" y="60000"/>
                                    </p:animScale>
                                    <p:animScale>
                                      <p:cBhvr>
                                        <p:cTn decel="50000" dur="104" id="14">
                                          <p:stCondLst>
                                            <p:cond delay="423"/>
                                          </p:stCondLst>
                                        </p:cTn>
                                        <p:tgtEl>
                                          <p:spTgt spid="5"/>
                                        </p:tgtEl>
                                      </p:cBhvr>
                                      <p:to x="100000" y="100000"/>
                                    </p:animScale>
                                    <p:animScale>
                                      <p:cBhvr>
                                        <p:cTn dur="16" id="15">
                                          <p:stCondLst>
                                            <p:cond delay="820"/>
                                          </p:stCondLst>
                                        </p:cTn>
                                        <p:tgtEl>
                                          <p:spTgt spid="5"/>
                                        </p:tgtEl>
                                      </p:cBhvr>
                                      <p:to x="100000" y="80000"/>
                                    </p:animScale>
                                    <p:animScale>
                                      <p:cBhvr>
                                        <p:cTn decel="50000" dur="104" id="16">
                                          <p:stCondLst>
                                            <p:cond delay="836"/>
                                          </p:stCondLst>
                                        </p:cTn>
                                        <p:tgtEl>
                                          <p:spTgt spid="5"/>
                                        </p:tgtEl>
                                      </p:cBhvr>
                                      <p:to x="100000" y="100000"/>
                                    </p:animScale>
                                    <p:animScale>
                                      <p:cBhvr>
                                        <p:cTn dur="16" id="17">
                                          <p:stCondLst>
                                            <p:cond delay="1026"/>
                                          </p:stCondLst>
                                        </p:cTn>
                                        <p:tgtEl>
                                          <p:spTgt spid="5"/>
                                        </p:tgtEl>
                                      </p:cBhvr>
                                      <p:to x="100000" y="90000"/>
                                    </p:animScale>
                                    <p:animScale>
                                      <p:cBhvr>
                                        <p:cTn decel="50000" dur="104" id="18">
                                          <p:stCondLst>
                                            <p:cond delay="1042"/>
                                          </p:stCondLst>
                                        </p:cTn>
                                        <p:tgtEl>
                                          <p:spTgt spid="5"/>
                                        </p:tgtEl>
                                      </p:cBhvr>
                                      <p:to x="100000" y="100000"/>
                                    </p:animScale>
                                    <p:animScale>
                                      <p:cBhvr>
                                        <p:cTn dur="16" id="19">
                                          <p:stCondLst>
                                            <p:cond delay="1130"/>
                                          </p:stCondLst>
                                        </p:cTn>
                                        <p:tgtEl>
                                          <p:spTgt spid="5"/>
                                        </p:tgtEl>
                                      </p:cBhvr>
                                      <p:to x="100000" y="95000"/>
                                    </p:animScale>
                                    <p:animScale>
                                      <p:cBhvr>
                                        <p:cTn decel="50000" dur="104" id="20">
                                          <p:stCondLst>
                                            <p:cond delay="1146"/>
                                          </p:stCondLst>
                                        </p:cTn>
                                        <p:tgtEl>
                                          <p:spTgt spid="5"/>
                                        </p:tgtEl>
                                      </p:cBhvr>
                                      <p:to x="100000" y="100000"/>
                                    </p:animScale>
                                  </p:childTnLst>
                                </p:cTn>
                              </p:par>
                              <p:par>
                                <p:cTn fill="hold" id="21" nodeType="withEffect" presetClass="entr" presetID="26" presetSubtype="0">
                                  <p:stCondLst>
                                    <p:cond delay="250"/>
                                  </p:stCondLst>
                                  <p:childTnLst>
                                    <p:set>
                                      <p:cBhvr>
                                        <p:cTn dur="1" fill="hold" id="22">
                                          <p:stCondLst>
                                            <p:cond delay="0"/>
                                          </p:stCondLst>
                                        </p:cTn>
                                        <p:tgtEl>
                                          <p:spTgt spid="8"/>
                                        </p:tgtEl>
                                        <p:attrNameLst>
                                          <p:attrName>style.visibility</p:attrName>
                                        </p:attrNameLst>
                                      </p:cBhvr>
                                      <p:to>
                                        <p:strVal val="visible"/>
                                      </p:to>
                                    </p:set>
                                    <p:animEffect filter="wipe(down)" transition="in">
                                      <p:cBhvr>
                                        <p:cTn dur="362" id="23">
                                          <p:stCondLst>
                                            <p:cond delay="0"/>
                                          </p:stCondLst>
                                        </p:cTn>
                                        <p:tgtEl>
                                          <p:spTgt spid="8"/>
                                        </p:tgtEl>
                                      </p:cBhvr>
                                    </p:animEffect>
                                    <p:anim calcmode="lin" valueType="num">
                                      <p:cBhvr>
                                        <p:cTn dur="1139" id="24" tmFilter="0,0; 0.14,0.36; 0.43,0.73; 0.71,0.91; 1.0,1.0">
                                          <p:stCondLst>
                                            <p:cond delay="0"/>
                                          </p:stCondLst>
                                        </p:cTn>
                                        <p:tgtEl>
                                          <p:spTgt spid="8"/>
                                        </p:tgtEl>
                                        <p:attrNameLst>
                                          <p:attrName>ppt_x</p:attrName>
                                        </p:attrNameLst>
                                      </p:cBhvr>
                                      <p:tavLst>
                                        <p:tav tm="0">
                                          <p:val>
                                            <p:strVal val="#ppt_x-0.25"/>
                                          </p:val>
                                        </p:tav>
                                        <p:tav tm="100000">
                                          <p:val>
                                            <p:strVal val="#ppt_x"/>
                                          </p:val>
                                        </p:tav>
                                      </p:tavLst>
                                    </p:anim>
                                    <p:anim calcmode="lin" valueType="num">
                                      <p:cBhvr>
                                        <p:cTn dur="415" id="25" tmFilter="0.0,0.0; 0.25,0.07; 0.50,0.2; 0.75,0.467; 1.0,1.0">
                                          <p:stCondLst>
                                            <p:cond delay="0"/>
                                          </p:stCondLst>
                                        </p:cTn>
                                        <p:tgtEl>
                                          <p:spTgt spid="8"/>
                                        </p:tgtEl>
                                        <p:attrNameLst>
                                          <p:attrName>ppt_y</p:attrName>
                                        </p:attrNameLst>
                                      </p:cBhvr>
                                      <p:tavLst>
                                        <p:tav fmla="#ppt_y-sin(pi*$)/3" tm="0">
                                          <p:val>
                                            <p:fltVal val="0.5"/>
                                          </p:val>
                                        </p:tav>
                                        <p:tav tm="100000">
                                          <p:val>
                                            <p:fltVal val="1"/>
                                          </p:val>
                                        </p:tav>
                                      </p:tavLst>
                                    </p:anim>
                                    <p:anim calcmode="lin" valueType="num">
                                      <p:cBhvr>
                                        <p:cTn dur="415" id="26" tmFilter="0, 0; 0.125,0.2665; 0.25,0.4; 0.375,0.465; 0.5,0.5;  0.625,0.535; 0.75,0.6; 0.875,0.7335; 1,1">
                                          <p:stCondLst>
                                            <p:cond delay="415"/>
                                          </p:stCondLst>
                                        </p:cTn>
                                        <p:tgtEl>
                                          <p:spTgt spid="8"/>
                                        </p:tgtEl>
                                        <p:attrNameLst>
                                          <p:attrName>ppt_y</p:attrName>
                                        </p:attrNameLst>
                                      </p:cBhvr>
                                      <p:tavLst>
                                        <p:tav fmla="#ppt_y-sin(pi*$)/9" tm="0">
                                          <p:val>
                                            <p:fltVal val="0"/>
                                          </p:val>
                                        </p:tav>
                                        <p:tav tm="100000">
                                          <p:val>
                                            <p:fltVal val="1"/>
                                          </p:val>
                                        </p:tav>
                                      </p:tavLst>
                                    </p:anim>
                                    <p:anim calcmode="lin" valueType="num">
                                      <p:cBhvr>
                                        <p:cTn dur="207" id="27" tmFilter="0, 0; 0.125,0.2665; 0.25,0.4; 0.375,0.465; 0.5,0.5;  0.625,0.535; 0.75,0.6; 0.875,0.7335; 1,1">
                                          <p:stCondLst>
                                            <p:cond delay="828"/>
                                          </p:stCondLst>
                                        </p:cTn>
                                        <p:tgtEl>
                                          <p:spTgt spid="8"/>
                                        </p:tgtEl>
                                        <p:attrNameLst>
                                          <p:attrName>ppt_y</p:attrName>
                                        </p:attrNameLst>
                                      </p:cBhvr>
                                      <p:tavLst>
                                        <p:tav fmla="#ppt_y-sin(pi*$)/27" tm="0">
                                          <p:val>
                                            <p:fltVal val="0"/>
                                          </p:val>
                                        </p:tav>
                                        <p:tav tm="100000">
                                          <p:val>
                                            <p:fltVal val="1"/>
                                          </p:val>
                                        </p:tav>
                                      </p:tavLst>
                                    </p:anim>
                                    <p:anim calcmode="lin" valueType="num">
                                      <p:cBhvr>
                                        <p:cTn dur="103" id="28" tmFilter="0, 0; 0.125,0.2665; 0.25,0.4; 0.375,0.465; 0.5,0.5;  0.625,0.535; 0.75,0.6; 0.875,0.7335; 1,1">
                                          <p:stCondLst>
                                            <p:cond delay="1035"/>
                                          </p:stCondLst>
                                        </p:cTn>
                                        <p:tgtEl>
                                          <p:spTgt spid="8"/>
                                        </p:tgtEl>
                                        <p:attrNameLst>
                                          <p:attrName>ppt_y</p:attrName>
                                        </p:attrNameLst>
                                      </p:cBhvr>
                                      <p:tavLst>
                                        <p:tav fmla="#ppt_y-sin(pi*$)/81" tm="0">
                                          <p:val>
                                            <p:fltVal val="0"/>
                                          </p:val>
                                        </p:tav>
                                        <p:tav tm="100000">
                                          <p:val>
                                            <p:fltVal val="1"/>
                                          </p:val>
                                        </p:tav>
                                      </p:tavLst>
                                    </p:anim>
                                    <p:animScale>
                                      <p:cBhvr>
                                        <p:cTn dur="16" id="29">
                                          <p:stCondLst>
                                            <p:cond delay="406"/>
                                          </p:stCondLst>
                                        </p:cTn>
                                        <p:tgtEl>
                                          <p:spTgt spid="8"/>
                                        </p:tgtEl>
                                      </p:cBhvr>
                                      <p:to x="100000" y="60000"/>
                                    </p:animScale>
                                    <p:animScale>
                                      <p:cBhvr>
                                        <p:cTn decel="50000" dur="104" id="30">
                                          <p:stCondLst>
                                            <p:cond delay="423"/>
                                          </p:stCondLst>
                                        </p:cTn>
                                        <p:tgtEl>
                                          <p:spTgt spid="8"/>
                                        </p:tgtEl>
                                      </p:cBhvr>
                                      <p:to x="100000" y="100000"/>
                                    </p:animScale>
                                    <p:animScale>
                                      <p:cBhvr>
                                        <p:cTn dur="16" id="31">
                                          <p:stCondLst>
                                            <p:cond delay="820"/>
                                          </p:stCondLst>
                                        </p:cTn>
                                        <p:tgtEl>
                                          <p:spTgt spid="8"/>
                                        </p:tgtEl>
                                      </p:cBhvr>
                                      <p:to x="100000" y="80000"/>
                                    </p:animScale>
                                    <p:animScale>
                                      <p:cBhvr>
                                        <p:cTn decel="50000" dur="104" id="32">
                                          <p:stCondLst>
                                            <p:cond delay="836"/>
                                          </p:stCondLst>
                                        </p:cTn>
                                        <p:tgtEl>
                                          <p:spTgt spid="8"/>
                                        </p:tgtEl>
                                      </p:cBhvr>
                                      <p:to x="100000" y="100000"/>
                                    </p:animScale>
                                    <p:animScale>
                                      <p:cBhvr>
                                        <p:cTn dur="16" id="33">
                                          <p:stCondLst>
                                            <p:cond delay="1026"/>
                                          </p:stCondLst>
                                        </p:cTn>
                                        <p:tgtEl>
                                          <p:spTgt spid="8"/>
                                        </p:tgtEl>
                                      </p:cBhvr>
                                      <p:to x="100000" y="90000"/>
                                    </p:animScale>
                                    <p:animScale>
                                      <p:cBhvr>
                                        <p:cTn decel="50000" dur="104" id="34">
                                          <p:stCondLst>
                                            <p:cond delay="1042"/>
                                          </p:stCondLst>
                                        </p:cTn>
                                        <p:tgtEl>
                                          <p:spTgt spid="8"/>
                                        </p:tgtEl>
                                      </p:cBhvr>
                                      <p:to x="100000" y="100000"/>
                                    </p:animScale>
                                    <p:animScale>
                                      <p:cBhvr>
                                        <p:cTn dur="16" id="35">
                                          <p:stCondLst>
                                            <p:cond delay="1130"/>
                                          </p:stCondLst>
                                        </p:cTn>
                                        <p:tgtEl>
                                          <p:spTgt spid="8"/>
                                        </p:tgtEl>
                                      </p:cBhvr>
                                      <p:to x="100000" y="95000"/>
                                    </p:animScale>
                                    <p:animScale>
                                      <p:cBhvr>
                                        <p:cTn decel="50000" dur="104" id="36">
                                          <p:stCondLst>
                                            <p:cond delay="1146"/>
                                          </p:stCondLst>
                                        </p:cTn>
                                        <p:tgtEl>
                                          <p:spTgt spid="8"/>
                                        </p:tgtEl>
                                      </p:cBhvr>
                                      <p:to x="100000" y="100000"/>
                                    </p:animScale>
                                  </p:childTnLst>
                                </p:cTn>
                              </p:par>
                              <p:par>
                                <p:cTn fill="hold" id="37" nodeType="withEffect" presetClass="entr" presetID="26" presetSubtype="0">
                                  <p:stCondLst>
                                    <p:cond delay="500"/>
                                  </p:stCondLst>
                                  <p:childTnLst>
                                    <p:set>
                                      <p:cBhvr>
                                        <p:cTn dur="1" fill="hold" id="38">
                                          <p:stCondLst>
                                            <p:cond delay="0"/>
                                          </p:stCondLst>
                                        </p:cTn>
                                        <p:tgtEl>
                                          <p:spTgt spid="11"/>
                                        </p:tgtEl>
                                        <p:attrNameLst>
                                          <p:attrName>style.visibility</p:attrName>
                                        </p:attrNameLst>
                                      </p:cBhvr>
                                      <p:to>
                                        <p:strVal val="visible"/>
                                      </p:to>
                                    </p:set>
                                    <p:animEffect filter="wipe(down)" transition="in">
                                      <p:cBhvr>
                                        <p:cTn dur="362" id="39">
                                          <p:stCondLst>
                                            <p:cond delay="0"/>
                                          </p:stCondLst>
                                        </p:cTn>
                                        <p:tgtEl>
                                          <p:spTgt spid="11"/>
                                        </p:tgtEl>
                                      </p:cBhvr>
                                    </p:animEffect>
                                    <p:anim calcmode="lin" valueType="num">
                                      <p:cBhvr>
                                        <p:cTn dur="1139" id="40" tmFilter="0,0; 0.14,0.36; 0.43,0.73; 0.71,0.91; 1.0,1.0">
                                          <p:stCondLst>
                                            <p:cond delay="0"/>
                                          </p:stCondLst>
                                        </p:cTn>
                                        <p:tgtEl>
                                          <p:spTgt spid="11"/>
                                        </p:tgtEl>
                                        <p:attrNameLst>
                                          <p:attrName>ppt_x</p:attrName>
                                        </p:attrNameLst>
                                      </p:cBhvr>
                                      <p:tavLst>
                                        <p:tav tm="0">
                                          <p:val>
                                            <p:strVal val="#ppt_x-0.25"/>
                                          </p:val>
                                        </p:tav>
                                        <p:tav tm="100000">
                                          <p:val>
                                            <p:strVal val="#ppt_x"/>
                                          </p:val>
                                        </p:tav>
                                      </p:tavLst>
                                    </p:anim>
                                    <p:anim calcmode="lin" valueType="num">
                                      <p:cBhvr>
                                        <p:cTn dur="415" id="41" tmFilter="0.0,0.0; 0.25,0.07; 0.50,0.2; 0.75,0.467; 1.0,1.0">
                                          <p:stCondLst>
                                            <p:cond delay="0"/>
                                          </p:stCondLst>
                                        </p:cTn>
                                        <p:tgtEl>
                                          <p:spTgt spid="11"/>
                                        </p:tgtEl>
                                        <p:attrNameLst>
                                          <p:attrName>ppt_y</p:attrName>
                                        </p:attrNameLst>
                                      </p:cBhvr>
                                      <p:tavLst>
                                        <p:tav fmla="#ppt_y-sin(pi*$)/3" tm="0">
                                          <p:val>
                                            <p:fltVal val="0.5"/>
                                          </p:val>
                                        </p:tav>
                                        <p:tav tm="100000">
                                          <p:val>
                                            <p:fltVal val="1"/>
                                          </p:val>
                                        </p:tav>
                                      </p:tavLst>
                                    </p:anim>
                                    <p:anim calcmode="lin" valueType="num">
                                      <p:cBhvr>
                                        <p:cTn dur="415" id="42" tmFilter="0, 0; 0.125,0.2665; 0.25,0.4; 0.375,0.465; 0.5,0.5;  0.625,0.535; 0.75,0.6; 0.875,0.7335; 1,1">
                                          <p:stCondLst>
                                            <p:cond delay="415"/>
                                          </p:stCondLst>
                                        </p:cTn>
                                        <p:tgtEl>
                                          <p:spTgt spid="11"/>
                                        </p:tgtEl>
                                        <p:attrNameLst>
                                          <p:attrName>ppt_y</p:attrName>
                                        </p:attrNameLst>
                                      </p:cBhvr>
                                      <p:tavLst>
                                        <p:tav fmla="#ppt_y-sin(pi*$)/9" tm="0">
                                          <p:val>
                                            <p:fltVal val="0"/>
                                          </p:val>
                                        </p:tav>
                                        <p:tav tm="100000">
                                          <p:val>
                                            <p:fltVal val="1"/>
                                          </p:val>
                                        </p:tav>
                                      </p:tavLst>
                                    </p:anim>
                                    <p:anim calcmode="lin" valueType="num">
                                      <p:cBhvr>
                                        <p:cTn dur="207" id="43" tmFilter="0, 0; 0.125,0.2665; 0.25,0.4; 0.375,0.465; 0.5,0.5;  0.625,0.535; 0.75,0.6; 0.875,0.7335; 1,1">
                                          <p:stCondLst>
                                            <p:cond delay="828"/>
                                          </p:stCondLst>
                                        </p:cTn>
                                        <p:tgtEl>
                                          <p:spTgt spid="11"/>
                                        </p:tgtEl>
                                        <p:attrNameLst>
                                          <p:attrName>ppt_y</p:attrName>
                                        </p:attrNameLst>
                                      </p:cBhvr>
                                      <p:tavLst>
                                        <p:tav fmla="#ppt_y-sin(pi*$)/27" tm="0">
                                          <p:val>
                                            <p:fltVal val="0"/>
                                          </p:val>
                                        </p:tav>
                                        <p:tav tm="100000">
                                          <p:val>
                                            <p:fltVal val="1"/>
                                          </p:val>
                                        </p:tav>
                                      </p:tavLst>
                                    </p:anim>
                                    <p:anim calcmode="lin" valueType="num">
                                      <p:cBhvr>
                                        <p:cTn dur="103" id="44" tmFilter="0, 0; 0.125,0.2665; 0.25,0.4; 0.375,0.465; 0.5,0.5;  0.625,0.535; 0.75,0.6; 0.875,0.7335; 1,1">
                                          <p:stCondLst>
                                            <p:cond delay="1035"/>
                                          </p:stCondLst>
                                        </p:cTn>
                                        <p:tgtEl>
                                          <p:spTgt spid="11"/>
                                        </p:tgtEl>
                                        <p:attrNameLst>
                                          <p:attrName>ppt_y</p:attrName>
                                        </p:attrNameLst>
                                      </p:cBhvr>
                                      <p:tavLst>
                                        <p:tav fmla="#ppt_y-sin(pi*$)/81" tm="0">
                                          <p:val>
                                            <p:fltVal val="0"/>
                                          </p:val>
                                        </p:tav>
                                        <p:tav tm="100000">
                                          <p:val>
                                            <p:fltVal val="1"/>
                                          </p:val>
                                        </p:tav>
                                      </p:tavLst>
                                    </p:anim>
                                    <p:animScale>
                                      <p:cBhvr>
                                        <p:cTn dur="16" id="45">
                                          <p:stCondLst>
                                            <p:cond delay="406"/>
                                          </p:stCondLst>
                                        </p:cTn>
                                        <p:tgtEl>
                                          <p:spTgt spid="11"/>
                                        </p:tgtEl>
                                      </p:cBhvr>
                                      <p:to x="100000" y="60000"/>
                                    </p:animScale>
                                    <p:animScale>
                                      <p:cBhvr>
                                        <p:cTn decel="50000" dur="104" id="46">
                                          <p:stCondLst>
                                            <p:cond delay="423"/>
                                          </p:stCondLst>
                                        </p:cTn>
                                        <p:tgtEl>
                                          <p:spTgt spid="11"/>
                                        </p:tgtEl>
                                      </p:cBhvr>
                                      <p:to x="100000" y="100000"/>
                                    </p:animScale>
                                    <p:animScale>
                                      <p:cBhvr>
                                        <p:cTn dur="16" id="47">
                                          <p:stCondLst>
                                            <p:cond delay="820"/>
                                          </p:stCondLst>
                                        </p:cTn>
                                        <p:tgtEl>
                                          <p:spTgt spid="11"/>
                                        </p:tgtEl>
                                      </p:cBhvr>
                                      <p:to x="100000" y="80000"/>
                                    </p:animScale>
                                    <p:animScale>
                                      <p:cBhvr>
                                        <p:cTn decel="50000" dur="104" id="48">
                                          <p:stCondLst>
                                            <p:cond delay="836"/>
                                          </p:stCondLst>
                                        </p:cTn>
                                        <p:tgtEl>
                                          <p:spTgt spid="11"/>
                                        </p:tgtEl>
                                      </p:cBhvr>
                                      <p:to x="100000" y="100000"/>
                                    </p:animScale>
                                    <p:animScale>
                                      <p:cBhvr>
                                        <p:cTn dur="16" id="49">
                                          <p:stCondLst>
                                            <p:cond delay="1026"/>
                                          </p:stCondLst>
                                        </p:cTn>
                                        <p:tgtEl>
                                          <p:spTgt spid="11"/>
                                        </p:tgtEl>
                                      </p:cBhvr>
                                      <p:to x="100000" y="90000"/>
                                    </p:animScale>
                                    <p:animScale>
                                      <p:cBhvr>
                                        <p:cTn decel="50000" dur="104" id="50">
                                          <p:stCondLst>
                                            <p:cond delay="1042"/>
                                          </p:stCondLst>
                                        </p:cTn>
                                        <p:tgtEl>
                                          <p:spTgt spid="11"/>
                                        </p:tgtEl>
                                      </p:cBhvr>
                                      <p:to x="100000" y="100000"/>
                                    </p:animScale>
                                    <p:animScale>
                                      <p:cBhvr>
                                        <p:cTn dur="16" id="51">
                                          <p:stCondLst>
                                            <p:cond delay="1130"/>
                                          </p:stCondLst>
                                        </p:cTn>
                                        <p:tgtEl>
                                          <p:spTgt spid="11"/>
                                        </p:tgtEl>
                                      </p:cBhvr>
                                      <p:to x="100000" y="95000"/>
                                    </p:animScale>
                                    <p:animScale>
                                      <p:cBhvr>
                                        <p:cTn decel="50000" dur="104" id="52">
                                          <p:stCondLst>
                                            <p:cond delay="1146"/>
                                          </p:stCondLst>
                                        </p:cTn>
                                        <p:tgtEl>
                                          <p:spTgt spid="11"/>
                                        </p:tgtEl>
                                      </p:cBhvr>
                                      <p:to x="100000" y="100000"/>
                                    </p:animScale>
                                  </p:childTnLst>
                                </p:cTn>
                              </p:par>
                            </p:childTnLst>
                          </p:cTn>
                        </p:par>
                        <p:par>
                          <p:cTn fill="hold" id="53" nodeType="afterGroup">
                            <p:stCondLst>
                              <p:cond delay="1750"/>
                            </p:stCondLst>
                            <p:childTnLst>
                              <p:par>
                                <p:cTn fill="hold" grpId="0" id="54" nodeType="afterEffect" presetClass="entr" presetID="22" presetSubtype="2">
                                  <p:stCondLst>
                                    <p:cond delay="0"/>
                                  </p:stCondLst>
                                  <p:childTnLst>
                                    <p:set>
                                      <p:cBhvr>
                                        <p:cTn dur="1" fill="hold" id="55">
                                          <p:stCondLst>
                                            <p:cond delay="0"/>
                                          </p:stCondLst>
                                        </p:cTn>
                                        <p:tgtEl>
                                          <p:spTgt spid="4"/>
                                        </p:tgtEl>
                                        <p:attrNameLst>
                                          <p:attrName>style.visibility</p:attrName>
                                        </p:attrNameLst>
                                      </p:cBhvr>
                                      <p:to>
                                        <p:strVal val="visible"/>
                                      </p:to>
                                    </p:set>
                                    <p:animEffect filter="wipe(right)" transition="in">
                                      <p:cBhvr>
                                        <p:cTn dur="250" id="56"/>
                                        <p:tgtEl>
                                          <p:spTgt spid="4"/>
                                        </p:tgtEl>
                                      </p:cBhvr>
                                    </p:animEffect>
                                  </p:childTnLst>
                                </p:cTn>
                              </p:par>
                              <p:par>
                                <p:cTn fill="hold" grpId="0" id="57" nodeType="withEffect" presetClass="entr" presetID="22" presetSubtype="2">
                                  <p:stCondLst>
                                    <p:cond delay="250"/>
                                  </p:stCondLst>
                                  <p:childTnLst>
                                    <p:set>
                                      <p:cBhvr>
                                        <p:cTn dur="1" fill="hold" id="58">
                                          <p:stCondLst>
                                            <p:cond delay="0"/>
                                          </p:stCondLst>
                                        </p:cTn>
                                        <p:tgtEl>
                                          <p:spTgt spid="2"/>
                                        </p:tgtEl>
                                        <p:attrNameLst>
                                          <p:attrName>style.visibility</p:attrName>
                                        </p:attrNameLst>
                                      </p:cBhvr>
                                      <p:to>
                                        <p:strVal val="visible"/>
                                      </p:to>
                                    </p:set>
                                    <p:animEffect filter="wipe(right)" transition="in">
                                      <p:cBhvr>
                                        <p:cTn dur="250" id="59"/>
                                        <p:tgtEl>
                                          <p:spTgt spid="2"/>
                                        </p:tgtEl>
                                      </p:cBhvr>
                                    </p:animEffect>
                                  </p:childTnLst>
                                </p:cTn>
                              </p:par>
                              <p:par>
                                <p:cTn fill="hold" grpId="0" id="60" nodeType="withEffect" presetClass="entr" presetID="22" presetSubtype="2">
                                  <p:stCondLst>
                                    <p:cond delay="500"/>
                                  </p:stCondLst>
                                  <p:childTnLst>
                                    <p:set>
                                      <p:cBhvr>
                                        <p:cTn dur="1" fill="hold" id="61">
                                          <p:stCondLst>
                                            <p:cond delay="0"/>
                                          </p:stCondLst>
                                        </p:cTn>
                                        <p:tgtEl>
                                          <p:spTgt spid="3"/>
                                        </p:tgtEl>
                                        <p:attrNameLst>
                                          <p:attrName>style.visibility</p:attrName>
                                        </p:attrNameLst>
                                      </p:cBhvr>
                                      <p:to>
                                        <p:strVal val="visible"/>
                                      </p:to>
                                    </p:set>
                                    <p:animEffect filter="wipe(right)" transition="in">
                                      <p:cBhvr>
                                        <p:cTn dur="250" id="62"/>
                                        <p:tgtEl>
                                          <p:spTgt spid="3"/>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
      <p:bldP grpId="0" spid="3"/>
      <p:bldP grpId="0" spid="4"/>
    </p:bldLst>
  </p:timing>
</p:sld>
</file>

<file path=ppt/slides/slide27.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1710867" y="1273324"/>
            <a:ext cx="2013177" cy="2013176"/>
            <a:chOff x="1309473" y="1275606"/>
            <a:chExt cx="2013177" cy="2013176"/>
          </a:xfrm>
        </p:grpSpPr>
        <p:grpSp>
          <p:nvGrpSpPr>
            <p:cNvPr id="3" name="组合 2"/>
            <p:cNvGrpSpPr/>
            <p:nvPr/>
          </p:nvGrpSpPr>
          <p:grpSpPr>
            <a:xfrm>
              <a:off x="1309473" y="1275606"/>
              <a:ext cx="2013177" cy="2013176"/>
              <a:chOff x="3306006" y="1308137"/>
              <a:chExt cx="2531988" cy="2531988"/>
            </a:xfrm>
          </p:grpSpPr>
          <p:sp>
            <p:nvSpPr>
              <p:cNvPr id="5" name="同心圆 4"/>
              <p:cNvSpPr/>
              <p:nvPr/>
            </p:nvSpPr>
            <p:spPr>
              <a:xfrm>
                <a:off x="3306006" y="1308137"/>
                <a:ext cx="2531988" cy="2531988"/>
              </a:xfrm>
              <a:prstGeom prst="donut">
                <a:avLst>
                  <a:gd fmla="val 19701" name="adj"/>
                </a:avLst>
              </a:prstGeom>
              <a:solidFill>
                <a:schemeClr val="tx1">
                  <a:lumMod val="20000"/>
                  <a:lumOff val="80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defPPr>
                  <a:defRPr lang="zh-CN"/>
                </a:defPPr>
                <a:lvl1pPr algn="l" fontAlgn="base" rtl="0">
                  <a:spcBef>
                    <a:spcPct val="0"/>
                  </a:spcBef>
                  <a:spcAft>
                    <a:spcPct val="0"/>
                  </a:spcAft>
                  <a:defRPr kern="1200">
                    <a:solidFill>
                      <a:schemeClr val="tx1"/>
                    </a:solidFill>
                    <a:latin charset="0" panose="020f0502020204030204" pitchFamily="34" typeface="Calibri"/>
                    <a:ea charset="-122" pitchFamily="2" typeface="宋体"/>
                    <a:cs typeface="+mn-cs"/>
                  </a:defRPr>
                </a:lvl1pPr>
                <a:lvl2pPr algn="l" fontAlgn="base" marL="457200" rtl="0">
                  <a:spcBef>
                    <a:spcPct val="0"/>
                  </a:spcBef>
                  <a:spcAft>
                    <a:spcPct val="0"/>
                  </a:spcAft>
                  <a:defRPr kern="1200">
                    <a:solidFill>
                      <a:schemeClr val="tx1"/>
                    </a:solidFill>
                    <a:latin charset="0" panose="020f0502020204030204" pitchFamily="34" typeface="Calibri"/>
                    <a:ea charset="-122" pitchFamily="2" typeface="宋体"/>
                    <a:cs typeface="+mn-cs"/>
                  </a:defRPr>
                </a:lvl2pPr>
                <a:lvl3pPr algn="l" fontAlgn="base" marL="914400" rtl="0">
                  <a:spcBef>
                    <a:spcPct val="0"/>
                  </a:spcBef>
                  <a:spcAft>
                    <a:spcPct val="0"/>
                  </a:spcAft>
                  <a:defRPr kern="1200">
                    <a:solidFill>
                      <a:schemeClr val="tx1"/>
                    </a:solidFill>
                    <a:latin charset="0" panose="020f0502020204030204" pitchFamily="34" typeface="Calibri"/>
                    <a:ea charset="-122" pitchFamily="2" typeface="宋体"/>
                    <a:cs typeface="+mn-cs"/>
                  </a:defRPr>
                </a:lvl3pPr>
                <a:lvl4pPr algn="l" fontAlgn="base" marL="1371600" rtl="0">
                  <a:spcBef>
                    <a:spcPct val="0"/>
                  </a:spcBef>
                  <a:spcAft>
                    <a:spcPct val="0"/>
                  </a:spcAft>
                  <a:defRPr kern="1200">
                    <a:solidFill>
                      <a:schemeClr val="tx1"/>
                    </a:solidFill>
                    <a:latin charset="0" panose="020f0502020204030204" pitchFamily="34" typeface="Calibri"/>
                    <a:ea charset="-122" pitchFamily="2" typeface="宋体"/>
                    <a:cs typeface="+mn-cs"/>
                  </a:defRPr>
                </a:lvl4pPr>
                <a:lvl5pPr algn="l" fontAlgn="base" marL="1828800" rtl="0">
                  <a:spcBef>
                    <a:spcPct val="0"/>
                  </a:spcBef>
                  <a:spcAft>
                    <a:spcPct val="0"/>
                  </a:spcAft>
                  <a:defRPr kern="1200">
                    <a:solidFill>
                      <a:schemeClr val="tx1"/>
                    </a:solidFill>
                    <a:latin charset="0" panose="020f0502020204030204" pitchFamily="34" typeface="Calibri"/>
                    <a:ea charset="-122" pitchFamily="2" typeface="宋体"/>
                    <a:cs typeface="+mn-cs"/>
                  </a:defRPr>
                </a:lvl5pPr>
                <a:lvl6pPr algn="l" defTabSz="914400" eaLnBrk="1" hangingPunct="1" latinLnBrk="0" marL="2286000" rtl="0">
                  <a:defRPr kern="1200">
                    <a:solidFill>
                      <a:schemeClr val="tx1"/>
                    </a:solidFill>
                    <a:latin charset="0" panose="020f0502020204030204" pitchFamily="34" typeface="Calibri"/>
                    <a:ea charset="-122" pitchFamily="2" typeface="宋体"/>
                    <a:cs typeface="+mn-cs"/>
                  </a:defRPr>
                </a:lvl6pPr>
                <a:lvl7pPr algn="l" defTabSz="914400" eaLnBrk="1" hangingPunct="1" latinLnBrk="0" marL="2743200" rtl="0">
                  <a:defRPr kern="1200">
                    <a:solidFill>
                      <a:schemeClr val="tx1"/>
                    </a:solidFill>
                    <a:latin charset="0" panose="020f0502020204030204" pitchFamily="34" typeface="Calibri"/>
                    <a:ea charset="-122" pitchFamily="2" typeface="宋体"/>
                    <a:cs typeface="+mn-cs"/>
                  </a:defRPr>
                </a:lvl7pPr>
                <a:lvl8pPr algn="l" defTabSz="914400" eaLnBrk="1" hangingPunct="1" latinLnBrk="0" marL="3200400" rtl="0">
                  <a:defRPr kern="1200">
                    <a:solidFill>
                      <a:schemeClr val="tx1"/>
                    </a:solidFill>
                    <a:latin charset="0" panose="020f0502020204030204" pitchFamily="34" typeface="Calibri"/>
                    <a:ea charset="-122" pitchFamily="2" typeface="宋体"/>
                    <a:cs typeface="+mn-cs"/>
                  </a:defRPr>
                </a:lvl8pPr>
                <a:lvl9pPr algn="l" defTabSz="914400" eaLnBrk="1" hangingPunct="1" latinLnBrk="0" marL="3657600" rtl="0">
                  <a:defRPr kern="1200">
                    <a:solidFill>
                      <a:schemeClr val="tx1"/>
                    </a:solidFill>
                    <a:latin charset="0" panose="020f0502020204030204" pitchFamily="34" typeface="Calibri"/>
                    <a:ea charset="-122" pitchFamily="2" typeface="宋体"/>
                    <a:cs typeface="+mn-cs"/>
                  </a:defRPr>
                </a:lvl9pPr>
              </a:lstStyle>
              <a:p>
                <a:endParaRPr altLang="en-US" lang="zh-CN">
                  <a:solidFill>
                    <a:srgbClr val="00544A"/>
                  </a:solidFill>
                </a:endParaRPr>
              </a:p>
            </p:txBody>
          </p:sp>
          <p:sp>
            <p:nvSpPr>
              <p:cNvPr id="6" name="空心弧 5"/>
              <p:cNvSpPr/>
              <p:nvPr/>
            </p:nvSpPr>
            <p:spPr>
              <a:xfrm>
                <a:off x="3308350" y="1310481"/>
                <a:ext cx="2527300" cy="2527300"/>
              </a:xfrm>
              <a:prstGeom prst="blockArc">
                <a:avLst>
                  <a:gd fmla="val 5402498" name="adj1"/>
                  <a:gd fmla="val 21541801" name="adj2"/>
                  <a:gd fmla="val 19900" name="adj3"/>
                </a:avLst>
              </a:pr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defPPr>
                  <a:defRPr lang="zh-CN"/>
                </a:defPPr>
                <a:lvl1pPr algn="l" fontAlgn="base" rtl="0">
                  <a:spcBef>
                    <a:spcPct val="0"/>
                  </a:spcBef>
                  <a:spcAft>
                    <a:spcPct val="0"/>
                  </a:spcAft>
                  <a:defRPr kern="1200">
                    <a:solidFill>
                      <a:schemeClr val="tx1"/>
                    </a:solidFill>
                    <a:latin charset="0" panose="020f0502020204030204" pitchFamily="34" typeface="Calibri"/>
                    <a:ea charset="-122" pitchFamily="2" typeface="宋体"/>
                    <a:cs typeface="+mn-cs"/>
                  </a:defRPr>
                </a:lvl1pPr>
                <a:lvl2pPr algn="l" fontAlgn="base" marL="457200" rtl="0">
                  <a:spcBef>
                    <a:spcPct val="0"/>
                  </a:spcBef>
                  <a:spcAft>
                    <a:spcPct val="0"/>
                  </a:spcAft>
                  <a:defRPr kern="1200">
                    <a:solidFill>
                      <a:schemeClr val="tx1"/>
                    </a:solidFill>
                    <a:latin charset="0" panose="020f0502020204030204" pitchFamily="34" typeface="Calibri"/>
                    <a:ea charset="-122" pitchFamily="2" typeface="宋体"/>
                    <a:cs typeface="+mn-cs"/>
                  </a:defRPr>
                </a:lvl2pPr>
                <a:lvl3pPr algn="l" fontAlgn="base" marL="914400" rtl="0">
                  <a:spcBef>
                    <a:spcPct val="0"/>
                  </a:spcBef>
                  <a:spcAft>
                    <a:spcPct val="0"/>
                  </a:spcAft>
                  <a:defRPr kern="1200">
                    <a:solidFill>
                      <a:schemeClr val="tx1"/>
                    </a:solidFill>
                    <a:latin charset="0" panose="020f0502020204030204" pitchFamily="34" typeface="Calibri"/>
                    <a:ea charset="-122" pitchFamily="2" typeface="宋体"/>
                    <a:cs typeface="+mn-cs"/>
                  </a:defRPr>
                </a:lvl3pPr>
                <a:lvl4pPr algn="l" fontAlgn="base" marL="1371600" rtl="0">
                  <a:spcBef>
                    <a:spcPct val="0"/>
                  </a:spcBef>
                  <a:spcAft>
                    <a:spcPct val="0"/>
                  </a:spcAft>
                  <a:defRPr kern="1200">
                    <a:solidFill>
                      <a:schemeClr val="tx1"/>
                    </a:solidFill>
                    <a:latin charset="0" panose="020f0502020204030204" pitchFamily="34" typeface="Calibri"/>
                    <a:ea charset="-122" pitchFamily="2" typeface="宋体"/>
                    <a:cs typeface="+mn-cs"/>
                  </a:defRPr>
                </a:lvl4pPr>
                <a:lvl5pPr algn="l" fontAlgn="base" marL="1828800" rtl="0">
                  <a:spcBef>
                    <a:spcPct val="0"/>
                  </a:spcBef>
                  <a:spcAft>
                    <a:spcPct val="0"/>
                  </a:spcAft>
                  <a:defRPr kern="1200">
                    <a:solidFill>
                      <a:schemeClr val="tx1"/>
                    </a:solidFill>
                    <a:latin charset="0" panose="020f0502020204030204" pitchFamily="34" typeface="Calibri"/>
                    <a:ea charset="-122" pitchFamily="2" typeface="宋体"/>
                    <a:cs typeface="+mn-cs"/>
                  </a:defRPr>
                </a:lvl5pPr>
                <a:lvl6pPr algn="l" defTabSz="914400" eaLnBrk="1" hangingPunct="1" latinLnBrk="0" marL="2286000" rtl="0">
                  <a:defRPr kern="1200">
                    <a:solidFill>
                      <a:schemeClr val="tx1"/>
                    </a:solidFill>
                    <a:latin charset="0" panose="020f0502020204030204" pitchFamily="34" typeface="Calibri"/>
                    <a:ea charset="-122" pitchFamily="2" typeface="宋体"/>
                    <a:cs typeface="+mn-cs"/>
                  </a:defRPr>
                </a:lvl6pPr>
                <a:lvl7pPr algn="l" defTabSz="914400" eaLnBrk="1" hangingPunct="1" latinLnBrk="0" marL="2743200" rtl="0">
                  <a:defRPr kern="1200">
                    <a:solidFill>
                      <a:schemeClr val="tx1"/>
                    </a:solidFill>
                    <a:latin charset="0" panose="020f0502020204030204" pitchFamily="34" typeface="Calibri"/>
                    <a:ea charset="-122" pitchFamily="2" typeface="宋体"/>
                    <a:cs typeface="+mn-cs"/>
                  </a:defRPr>
                </a:lvl7pPr>
                <a:lvl8pPr algn="l" defTabSz="914400" eaLnBrk="1" hangingPunct="1" latinLnBrk="0" marL="3200400" rtl="0">
                  <a:defRPr kern="1200">
                    <a:solidFill>
                      <a:schemeClr val="tx1"/>
                    </a:solidFill>
                    <a:latin charset="0" panose="020f0502020204030204" pitchFamily="34" typeface="Calibri"/>
                    <a:ea charset="-122" pitchFamily="2" typeface="宋体"/>
                    <a:cs typeface="+mn-cs"/>
                  </a:defRPr>
                </a:lvl8pPr>
                <a:lvl9pPr algn="l" defTabSz="914400" eaLnBrk="1" hangingPunct="1" latinLnBrk="0" marL="3657600" rtl="0">
                  <a:defRPr kern="1200">
                    <a:solidFill>
                      <a:schemeClr val="tx1"/>
                    </a:solidFill>
                    <a:latin charset="0" panose="020f0502020204030204" pitchFamily="34" typeface="Calibri"/>
                    <a:ea charset="-122" pitchFamily="2" typeface="宋体"/>
                    <a:cs typeface="+mn-cs"/>
                  </a:defRPr>
                </a:lvl9pPr>
              </a:lstStyle>
              <a:p>
                <a:endParaRPr altLang="en-US" lang="zh-CN">
                  <a:solidFill>
                    <a:srgbClr val="00544A"/>
                  </a:solidFill>
                </a:endParaRPr>
              </a:p>
            </p:txBody>
          </p:sp>
        </p:grpSp>
        <p:sp>
          <p:nvSpPr>
            <p:cNvPr id="4" name="TextBox 664"/>
            <p:cNvSpPr txBox="1"/>
            <p:nvPr/>
          </p:nvSpPr>
          <p:spPr>
            <a:xfrm>
              <a:off x="1858512" y="1975348"/>
              <a:ext cx="927839" cy="1188720"/>
            </a:xfrm>
            <a:prstGeom prst="rect">
              <a:avLst/>
            </a:prstGeom>
            <a:noFill/>
          </p:spPr>
          <p:txBody>
            <a:bodyPr rtlCol="0" wrap="square">
              <a:spAutoFit/>
            </a:bodyPr>
            <a:lstStyle>
              <a:defPPr>
                <a:defRPr lang="zh-CN"/>
              </a:defPPr>
              <a:lvl1pPr algn="l" fontAlgn="base" rtl="0">
                <a:spcBef>
                  <a:spcPct val="0"/>
                </a:spcBef>
                <a:spcAft>
                  <a:spcPct val="0"/>
                </a:spcAft>
                <a:defRPr kern="1200">
                  <a:solidFill>
                    <a:schemeClr val="tx1"/>
                  </a:solidFill>
                  <a:latin charset="0" panose="020f0502020204030204" pitchFamily="34" typeface="Calibri"/>
                  <a:ea charset="-122" pitchFamily="2" typeface="宋体"/>
                  <a:cs typeface="+mn-cs"/>
                </a:defRPr>
              </a:lvl1pPr>
              <a:lvl2pPr algn="l" fontAlgn="base" marL="457200" rtl="0">
                <a:spcBef>
                  <a:spcPct val="0"/>
                </a:spcBef>
                <a:spcAft>
                  <a:spcPct val="0"/>
                </a:spcAft>
                <a:defRPr kern="1200">
                  <a:solidFill>
                    <a:schemeClr val="tx1"/>
                  </a:solidFill>
                  <a:latin charset="0" panose="020f0502020204030204" pitchFamily="34" typeface="Calibri"/>
                  <a:ea charset="-122" pitchFamily="2" typeface="宋体"/>
                  <a:cs typeface="+mn-cs"/>
                </a:defRPr>
              </a:lvl2pPr>
              <a:lvl3pPr algn="l" fontAlgn="base" marL="914400" rtl="0">
                <a:spcBef>
                  <a:spcPct val="0"/>
                </a:spcBef>
                <a:spcAft>
                  <a:spcPct val="0"/>
                </a:spcAft>
                <a:defRPr kern="1200">
                  <a:solidFill>
                    <a:schemeClr val="tx1"/>
                  </a:solidFill>
                  <a:latin charset="0" panose="020f0502020204030204" pitchFamily="34" typeface="Calibri"/>
                  <a:ea charset="-122" pitchFamily="2" typeface="宋体"/>
                  <a:cs typeface="+mn-cs"/>
                </a:defRPr>
              </a:lvl3pPr>
              <a:lvl4pPr algn="l" fontAlgn="base" marL="1371600" rtl="0">
                <a:spcBef>
                  <a:spcPct val="0"/>
                </a:spcBef>
                <a:spcAft>
                  <a:spcPct val="0"/>
                </a:spcAft>
                <a:defRPr kern="1200">
                  <a:solidFill>
                    <a:schemeClr val="tx1"/>
                  </a:solidFill>
                  <a:latin charset="0" panose="020f0502020204030204" pitchFamily="34" typeface="Calibri"/>
                  <a:ea charset="-122" pitchFamily="2" typeface="宋体"/>
                  <a:cs typeface="+mn-cs"/>
                </a:defRPr>
              </a:lvl4pPr>
              <a:lvl5pPr algn="l" fontAlgn="base" marL="1828800" rtl="0">
                <a:spcBef>
                  <a:spcPct val="0"/>
                </a:spcBef>
                <a:spcAft>
                  <a:spcPct val="0"/>
                </a:spcAft>
                <a:defRPr kern="1200">
                  <a:solidFill>
                    <a:schemeClr val="tx1"/>
                  </a:solidFill>
                  <a:latin charset="0" panose="020f0502020204030204" pitchFamily="34" typeface="Calibri"/>
                  <a:ea charset="-122" pitchFamily="2" typeface="宋体"/>
                  <a:cs typeface="+mn-cs"/>
                </a:defRPr>
              </a:lvl5pPr>
              <a:lvl6pPr algn="l" defTabSz="914400" eaLnBrk="1" hangingPunct="1" latinLnBrk="0" marL="2286000" rtl="0">
                <a:defRPr kern="1200">
                  <a:solidFill>
                    <a:schemeClr val="tx1"/>
                  </a:solidFill>
                  <a:latin charset="0" panose="020f0502020204030204" pitchFamily="34" typeface="Calibri"/>
                  <a:ea charset="-122" pitchFamily="2" typeface="宋体"/>
                  <a:cs typeface="+mn-cs"/>
                </a:defRPr>
              </a:lvl6pPr>
              <a:lvl7pPr algn="l" defTabSz="914400" eaLnBrk="1" hangingPunct="1" latinLnBrk="0" marL="2743200" rtl="0">
                <a:defRPr kern="1200">
                  <a:solidFill>
                    <a:schemeClr val="tx1"/>
                  </a:solidFill>
                  <a:latin charset="0" panose="020f0502020204030204" pitchFamily="34" typeface="Calibri"/>
                  <a:ea charset="-122" pitchFamily="2" typeface="宋体"/>
                  <a:cs typeface="+mn-cs"/>
                </a:defRPr>
              </a:lvl7pPr>
              <a:lvl8pPr algn="l" defTabSz="914400" eaLnBrk="1" hangingPunct="1" latinLnBrk="0" marL="3200400" rtl="0">
                <a:defRPr kern="1200">
                  <a:solidFill>
                    <a:schemeClr val="tx1"/>
                  </a:solidFill>
                  <a:latin charset="0" panose="020f0502020204030204" pitchFamily="34" typeface="Calibri"/>
                  <a:ea charset="-122" pitchFamily="2" typeface="宋体"/>
                  <a:cs typeface="+mn-cs"/>
                </a:defRPr>
              </a:lvl8pPr>
              <a:lvl9pPr algn="l" defTabSz="914400" eaLnBrk="1" hangingPunct="1" latinLnBrk="0" marL="3657600" rtl="0">
                <a:defRPr kern="1200">
                  <a:solidFill>
                    <a:schemeClr val="tx1"/>
                  </a:solidFill>
                  <a:latin charset="0" panose="020f0502020204030204" pitchFamily="34" typeface="Calibri"/>
                  <a:ea charset="-122" pitchFamily="2" typeface="宋体"/>
                  <a:cs typeface="+mn-cs"/>
                </a:defRPr>
              </a:lvl9pPr>
            </a:lstStyle>
            <a:p>
              <a:pPr algn="ctr"/>
              <a:r>
                <a:rPr altLang="zh-CN" lang="en-US" sz="3600">
                  <a:solidFill>
                    <a:srgbClr val="00544A"/>
                  </a:solidFill>
                </a:rPr>
                <a:t>75%</a:t>
              </a:r>
            </a:p>
          </p:txBody>
        </p:sp>
      </p:grpSp>
      <p:grpSp>
        <p:nvGrpSpPr>
          <p:cNvPr id="7" name="组合 6"/>
          <p:cNvGrpSpPr/>
          <p:nvPr/>
        </p:nvGrpSpPr>
        <p:grpSpPr>
          <a:xfrm>
            <a:off x="4058949" y="1273324"/>
            <a:ext cx="2013177" cy="2013176"/>
            <a:chOff x="3577934" y="1275606"/>
            <a:chExt cx="2013177" cy="2013176"/>
          </a:xfrm>
        </p:grpSpPr>
        <p:grpSp>
          <p:nvGrpSpPr>
            <p:cNvPr id="8" name="组合 7"/>
            <p:cNvGrpSpPr/>
            <p:nvPr/>
          </p:nvGrpSpPr>
          <p:grpSpPr>
            <a:xfrm>
              <a:off x="3577934" y="1275606"/>
              <a:ext cx="2013177" cy="2013176"/>
              <a:chOff x="3306006" y="1308137"/>
              <a:chExt cx="2531988" cy="2531988"/>
            </a:xfrm>
          </p:grpSpPr>
          <p:sp>
            <p:nvSpPr>
              <p:cNvPr id="10" name="同心圆 9"/>
              <p:cNvSpPr/>
              <p:nvPr/>
            </p:nvSpPr>
            <p:spPr>
              <a:xfrm>
                <a:off x="3306006" y="1308137"/>
                <a:ext cx="2531988" cy="2531988"/>
              </a:xfrm>
              <a:prstGeom prst="donut">
                <a:avLst>
                  <a:gd fmla="val 19701" name="adj"/>
                </a:avLst>
              </a:prstGeom>
              <a:solidFill>
                <a:schemeClr val="tx1">
                  <a:lumMod val="20000"/>
                  <a:lumOff val="80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pPr fontAlgn="base">
                  <a:spcBef>
                    <a:spcPct val="0"/>
                  </a:spcBef>
                  <a:spcAft>
                    <a:spcPct val="0"/>
                  </a:spcAft>
                </a:pPr>
                <a:endParaRPr altLang="en-US" lang="zh-CN">
                  <a:solidFill>
                    <a:srgbClr val="00544A"/>
                  </a:solidFill>
                  <a:latin charset="0" panose="020f0502020204030204" pitchFamily="34" typeface="Calibri"/>
                  <a:ea charset="-122" pitchFamily="2" typeface="宋体"/>
                </a:endParaRPr>
              </a:p>
            </p:txBody>
          </p:sp>
          <p:sp>
            <p:nvSpPr>
              <p:cNvPr id="11" name="空心弧 10"/>
              <p:cNvSpPr/>
              <p:nvPr/>
            </p:nvSpPr>
            <p:spPr>
              <a:xfrm>
                <a:off x="3308350" y="1310481"/>
                <a:ext cx="2527301" cy="2527301"/>
              </a:xfrm>
              <a:prstGeom prst="blockArc">
                <a:avLst>
                  <a:gd fmla="val 7861615" name="adj1"/>
                  <a:gd fmla="val 21541801" name="adj2"/>
                  <a:gd fmla="val 19900" name="adj3"/>
                </a:avLst>
              </a:pr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pPr fontAlgn="base">
                  <a:spcBef>
                    <a:spcPct val="0"/>
                  </a:spcBef>
                  <a:spcAft>
                    <a:spcPct val="0"/>
                  </a:spcAft>
                </a:pPr>
                <a:endParaRPr altLang="en-US" lang="zh-CN">
                  <a:solidFill>
                    <a:srgbClr val="00544A"/>
                  </a:solidFill>
                  <a:latin charset="0" panose="020f0502020204030204" pitchFamily="34" typeface="Calibri"/>
                  <a:ea charset="-122" pitchFamily="2" typeface="宋体"/>
                </a:endParaRPr>
              </a:p>
            </p:txBody>
          </p:sp>
        </p:grpSp>
        <p:sp>
          <p:nvSpPr>
            <p:cNvPr id="9" name="TextBox 668"/>
            <p:cNvSpPr txBox="1"/>
            <p:nvPr/>
          </p:nvSpPr>
          <p:spPr>
            <a:xfrm>
              <a:off x="4126974" y="1975348"/>
              <a:ext cx="927839" cy="1188720"/>
            </a:xfrm>
            <a:prstGeom prst="rect">
              <a:avLst/>
            </a:prstGeom>
            <a:noFill/>
          </p:spPr>
          <p:txBody>
            <a:bodyPr rtlCol="0" wrap="square">
              <a:spAutoFit/>
            </a:bodyPr>
            <a:lstStyle>
              <a:defPPr>
                <a:defRPr lang="zh-CN"/>
              </a:defPPr>
              <a:lvl1pPr algn="l" fontAlgn="base" rtl="0">
                <a:spcBef>
                  <a:spcPct val="0"/>
                </a:spcBef>
                <a:spcAft>
                  <a:spcPct val="0"/>
                </a:spcAft>
                <a:defRPr kern="1200">
                  <a:solidFill>
                    <a:schemeClr val="tx1"/>
                  </a:solidFill>
                  <a:latin charset="0" panose="020f0502020204030204" pitchFamily="34" typeface="Calibri"/>
                  <a:ea charset="-122" pitchFamily="2" typeface="宋体"/>
                  <a:cs typeface="+mn-cs"/>
                </a:defRPr>
              </a:lvl1pPr>
              <a:lvl2pPr algn="l" fontAlgn="base" marL="457200" rtl="0">
                <a:spcBef>
                  <a:spcPct val="0"/>
                </a:spcBef>
                <a:spcAft>
                  <a:spcPct val="0"/>
                </a:spcAft>
                <a:defRPr kern="1200">
                  <a:solidFill>
                    <a:schemeClr val="tx1"/>
                  </a:solidFill>
                  <a:latin charset="0" panose="020f0502020204030204" pitchFamily="34" typeface="Calibri"/>
                  <a:ea charset="-122" pitchFamily="2" typeface="宋体"/>
                  <a:cs typeface="+mn-cs"/>
                </a:defRPr>
              </a:lvl2pPr>
              <a:lvl3pPr algn="l" fontAlgn="base" marL="914400" rtl="0">
                <a:spcBef>
                  <a:spcPct val="0"/>
                </a:spcBef>
                <a:spcAft>
                  <a:spcPct val="0"/>
                </a:spcAft>
                <a:defRPr kern="1200">
                  <a:solidFill>
                    <a:schemeClr val="tx1"/>
                  </a:solidFill>
                  <a:latin charset="0" panose="020f0502020204030204" pitchFamily="34" typeface="Calibri"/>
                  <a:ea charset="-122" pitchFamily="2" typeface="宋体"/>
                  <a:cs typeface="+mn-cs"/>
                </a:defRPr>
              </a:lvl3pPr>
              <a:lvl4pPr algn="l" fontAlgn="base" marL="1371600" rtl="0">
                <a:spcBef>
                  <a:spcPct val="0"/>
                </a:spcBef>
                <a:spcAft>
                  <a:spcPct val="0"/>
                </a:spcAft>
                <a:defRPr kern="1200">
                  <a:solidFill>
                    <a:schemeClr val="tx1"/>
                  </a:solidFill>
                  <a:latin charset="0" panose="020f0502020204030204" pitchFamily="34" typeface="Calibri"/>
                  <a:ea charset="-122" pitchFamily="2" typeface="宋体"/>
                  <a:cs typeface="+mn-cs"/>
                </a:defRPr>
              </a:lvl4pPr>
              <a:lvl5pPr algn="l" fontAlgn="base" marL="1828800" rtl="0">
                <a:spcBef>
                  <a:spcPct val="0"/>
                </a:spcBef>
                <a:spcAft>
                  <a:spcPct val="0"/>
                </a:spcAft>
                <a:defRPr kern="1200">
                  <a:solidFill>
                    <a:schemeClr val="tx1"/>
                  </a:solidFill>
                  <a:latin charset="0" panose="020f0502020204030204" pitchFamily="34" typeface="Calibri"/>
                  <a:ea charset="-122" pitchFamily="2" typeface="宋体"/>
                  <a:cs typeface="+mn-cs"/>
                </a:defRPr>
              </a:lvl5pPr>
              <a:lvl6pPr algn="l" defTabSz="914400" eaLnBrk="1" hangingPunct="1" latinLnBrk="0" marL="2286000" rtl="0">
                <a:defRPr kern="1200">
                  <a:solidFill>
                    <a:schemeClr val="tx1"/>
                  </a:solidFill>
                  <a:latin charset="0" panose="020f0502020204030204" pitchFamily="34" typeface="Calibri"/>
                  <a:ea charset="-122" pitchFamily="2" typeface="宋体"/>
                  <a:cs typeface="+mn-cs"/>
                </a:defRPr>
              </a:lvl6pPr>
              <a:lvl7pPr algn="l" defTabSz="914400" eaLnBrk="1" hangingPunct="1" latinLnBrk="0" marL="2743200" rtl="0">
                <a:defRPr kern="1200">
                  <a:solidFill>
                    <a:schemeClr val="tx1"/>
                  </a:solidFill>
                  <a:latin charset="0" panose="020f0502020204030204" pitchFamily="34" typeface="Calibri"/>
                  <a:ea charset="-122" pitchFamily="2" typeface="宋体"/>
                  <a:cs typeface="+mn-cs"/>
                </a:defRPr>
              </a:lvl7pPr>
              <a:lvl8pPr algn="l" defTabSz="914400" eaLnBrk="1" hangingPunct="1" latinLnBrk="0" marL="3200400" rtl="0">
                <a:defRPr kern="1200">
                  <a:solidFill>
                    <a:schemeClr val="tx1"/>
                  </a:solidFill>
                  <a:latin charset="0" panose="020f0502020204030204" pitchFamily="34" typeface="Calibri"/>
                  <a:ea charset="-122" pitchFamily="2" typeface="宋体"/>
                  <a:cs typeface="+mn-cs"/>
                </a:defRPr>
              </a:lvl8pPr>
              <a:lvl9pPr algn="l" defTabSz="914400" eaLnBrk="1" hangingPunct="1" latinLnBrk="0" marL="3657600" rtl="0">
                <a:defRPr kern="1200">
                  <a:solidFill>
                    <a:schemeClr val="tx1"/>
                  </a:solidFill>
                  <a:latin charset="0" panose="020f0502020204030204" pitchFamily="34" typeface="Calibri"/>
                  <a:ea charset="-122" pitchFamily="2" typeface="宋体"/>
                  <a:cs typeface="+mn-cs"/>
                </a:defRPr>
              </a:lvl9pPr>
            </a:lstStyle>
            <a:p>
              <a:pPr algn="ctr"/>
              <a:r>
                <a:rPr altLang="zh-CN" lang="en-US" sz="3600">
                  <a:solidFill>
                    <a:srgbClr val="00544A"/>
                  </a:solidFill>
                </a:rPr>
                <a:t>60%</a:t>
              </a:r>
            </a:p>
          </p:txBody>
        </p:sp>
      </p:grpSp>
      <p:grpSp>
        <p:nvGrpSpPr>
          <p:cNvPr id="12" name="组合 11"/>
          <p:cNvGrpSpPr/>
          <p:nvPr/>
        </p:nvGrpSpPr>
        <p:grpSpPr>
          <a:xfrm>
            <a:off x="6466442" y="1273324"/>
            <a:ext cx="2013177" cy="2013176"/>
            <a:chOff x="5915682" y="1275606"/>
            <a:chExt cx="2013177" cy="2013176"/>
          </a:xfrm>
        </p:grpSpPr>
        <p:grpSp>
          <p:nvGrpSpPr>
            <p:cNvPr id="13" name="组合 12"/>
            <p:cNvGrpSpPr/>
            <p:nvPr/>
          </p:nvGrpSpPr>
          <p:grpSpPr>
            <a:xfrm>
              <a:off x="5915682" y="1275606"/>
              <a:ext cx="2013177" cy="2013176"/>
              <a:chOff x="3306006" y="1308137"/>
              <a:chExt cx="2531988" cy="2531988"/>
            </a:xfrm>
          </p:grpSpPr>
          <p:sp>
            <p:nvSpPr>
              <p:cNvPr id="15" name="同心圆 14"/>
              <p:cNvSpPr/>
              <p:nvPr/>
            </p:nvSpPr>
            <p:spPr>
              <a:xfrm>
                <a:off x="3306006" y="1308137"/>
                <a:ext cx="2531988" cy="2531988"/>
              </a:xfrm>
              <a:prstGeom prst="donut">
                <a:avLst>
                  <a:gd fmla="val 19701" name="adj"/>
                </a:avLst>
              </a:prstGeom>
              <a:solidFill>
                <a:schemeClr val="tx1">
                  <a:lumMod val="20000"/>
                  <a:lumOff val="80000"/>
                </a:schemeClr>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pPr fontAlgn="base">
                  <a:spcBef>
                    <a:spcPct val="0"/>
                  </a:spcBef>
                  <a:spcAft>
                    <a:spcPct val="0"/>
                  </a:spcAft>
                </a:pPr>
                <a:endParaRPr altLang="en-US" lang="zh-CN">
                  <a:solidFill>
                    <a:srgbClr val="00544A"/>
                  </a:solidFill>
                  <a:latin charset="0" panose="020f0502020204030204" pitchFamily="34" typeface="Calibri"/>
                  <a:ea charset="-122" pitchFamily="2" typeface="宋体"/>
                </a:endParaRPr>
              </a:p>
            </p:txBody>
          </p:sp>
          <p:sp>
            <p:nvSpPr>
              <p:cNvPr id="16" name="空心弧 15"/>
              <p:cNvSpPr/>
              <p:nvPr/>
            </p:nvSpPr>
            <p:spPr>
              <a:xfrm>
                <a:off x="3308350" y="1310481"/>
                <a:ext cx="2527301" cy="2527301"/>
              </a:xfrm>
              <a:prstGeom prst="blockArc">
                <a:avLst>
                  <a:gd fmla="val 11689518" name="adj1"/>
                  <a:gd fmla="val 21541801" name="adj2"/>
                  <a:gd fmla="val 19900" name="adj3"/>
                </a:avLst>
              </a:pr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pPr fontAlgn="base">
                  <a:spcBef>
                    <a:spcPct val="0"/>
                  </a:spcBef>
                  <a:spcAft>
                    <a:spcPct val="0"/>
                  </a:spcAft>
                </a:pPr>
                <a:endParaRPr altLang="en-US" lang="zh-CN">
                  <a:solidFill>
                    <a:srgbClr val="00544A"/>
                  </a:solidFill>
                  <a:latin charset="0" panose="020f0502020204030204" pitchFamily="34" typeface="Calibri"/>
                  <a:ea charset="-122" pitchFamily="2" typeface="宋体"/>
                </a:endParaRPr>
              </a:p>
            </p:txBody>
          </p:sp>
        </p:grpSp>
        <p:sp>
          <p:nvSpPr>
            <p:cNvPr id="14" name="TextBox 672"/>
            <p:cNvSpPr txBox="1"/>
            <p:nvPr/>
          </p:nvSpPr>
          <p:spPr>
            <a:xfrm>
              <a:off x="6464722" y="1975348"/>
              <a:ext cx="927839" cy="1188720"/>
            </a:xfrm>
            <a:prstGeom prst="rect">
              <a:avLst/>
            </a:prstGeom>
            <a:noFill/>
          </p:spPr>
          <p:txBody>
            <a:bodyPr rtlCol="0" wrap="square">
              <a:spAutoFit/>
            </a:bodyPr>
            <a:lstStyle>
              <a:defPPr>
                <a:defRPr lang="zh-CN"/>
              </a:defPPr>
              <a:lvl1pPr algn="l" fontAlgn="base" rtl="0">
                <a:spcBef>
                  <a:spcPct val="0"/>
                </a:spcBef>
                <a:spcAft>
                  <a:spcPct val="0"/>
                </a:spcAft>
                <a:defRPr kern="1200">
                  <a:solidFill>
                    <a:schemeClr val="tx1"/>
                  </a:solidFill>
                  <a:latin charset="0" panose="020f0502020204030204" pitchFamily="34" typeface="Calibri"/>
                  <a:ea charset="-122" pitchFamily="2" typeface="宋体"/>
                  <a:cs typeface="+mn-cs"/>
                </a:defRPr>
              </a:lvl1pPr>
              <a:lvl2pPr algn="l" fontAlgn="base" marL="457200" rtl="0">
                <a:spcBef>
                  <a:spcPct val="0"/>
                </a:spcBef>
                <a:spcAft>
                  <a:spcPct val="0"/>
                </a:spcAft>
                <a:defRPr kern="1200">
                  <a:solidFill>
                    <a:schemeClr val="tx1"/>
                  </a:solidFill>
                  <a:latin charset="0" panose="020f0502020204030204" pitchFamily="34" typeface="Calibri"/>
                  <a:ea charset="-122" pitchFamily="2" typeface="宋体"/>
                  <a:cs typeface="+mn-cs"/>
                </a:defRPr>
              </a:lvl2pPr>
              <a:lvl3pPr algn="l" fontAlgn="base" marL="914400" rtl="0">
                <a:spcBef>
                  <a:spcPct val="0"/>
                </a:spcBef>
                <a:spcAft>
                  <a:spcPct val="0"/>
                </a:spcAft>
                <a:defRPr kern="1200">
                  <a:solidFill>
                    <a:schemeClr val="tx1"/>
                  </a:solidFill>
                  <a:latin charset="0" panose="020f0502020204030204" pitchFamily="34" typeface="Calibri"/>
                  <a:ea charset="-122" pitchFamily="2" typeface="宋体"/>
                  <a:cs typeface="+mn-cs"/>
                </a:defRPr>
              </a:lvl3pPr>
              <a:lvl4pPr algn="l" fontAlgn="base" marL="1371600" rtl="0">
                <a:spcBef>
                  <a:spcPct val="0"/>
                </a:spcBef>
                <a:spcAft>
                  <a:spcPct val="0"/>
                </a:spcAft>
                <a:defRPr kern="1200">
                  <a:solidFill>
                    <a:schemeClr val="tx1"/>
                  </a:solidFill>
                  <a:latin charset="0" panose="020f0502020204030204" pitchFamily="34" typeface="Calibri"/>
                  <a:ea charset="-122" pitchFamily="2" typeface="宋体"/>
                  <a:cs typeface="+mn-cs"/>
                </a:defRPr>
              </a:lvl4pPr>
              <a:lvl5pPr algn="l" fontAlgn="base" marL="1828800" rtl="0">
                <a:spcBef>
                  <a:spcPct val="0"/>
                </a:spcBef>
                <a:spcAft>
                  <a:spcPct val="0"/>
                </a:spcAft>
                <a:defRPr kern="1200">
                  <a:solidFill>
                    <a:schemeClr val="tx1"/>
                  </a:solidFill>
                  <a:latin charset="0" panose="020f0502020204030204" pitchFamily="34" typeface="Calibri"/>
                  <a:ea charset="-122" pitchFamily="2" typeface="宋体"/>
                  <a:cs typeface="+mn-cs"/>
                </a:defRPr>
              </a:lvl5pPr>
              <a:lvl6pPr algn="l" defTabSz="914400" eaLnBrk="1" hangingPunct="1" latinLnBrk="0" marL="2286000" rtl="0">
                <a:defRPr kern="1200">
                  <a:solidFill>
                    <a:schemeClr val="tx1"/>
                  </a:solidFill>
                  <a:latin charset="0" panose="020f0502020204030204" pitchFamily="34" typeface="Calibri"/>
                  <a:ea charset="-122" pitchFamily="2" typeface="宋体"/>
                  <a:cs typeface="+mn-cs"/>
                </a:defRPr>
              </a:lvl6pPr>
              <a:lvl7pPr algn="l" defTabSz="914400" eaLnBrk="1" hangingPunct="1" latinLnBrk="0" marL="2743200" rtl="0">
                <a:defRPr kern="1200">
                  <a:solidFill>
                    <a:schemeClr val="tx1"/>
                  </a:solidFill>
                  <a:latin charset="0" panose="020f0502020204030204" pitchFamily="34" typeface="Calibri"/>
                  <a:ea charset="-122" pitchFamily="2" typeface="宋体"/>
                  <a:cs typeface="+mn-cs"/>
                </a:defRPr>
              </a:lvl7pPr>
              <a:lvl8pPr algn="l" defTabSz="914400" eaLnBrk="1" hangingPunct="1" latinLnBrk="0" marL="3200400" rtl="0">
                <a:defRPr kern="1200">
                  <a:solidFill>
                    <a:schemeClr val="tx1"/>
                  </a:solidFill>
                  <a:latin charset="0" panose="020f0502020204030204" pitchFamily="34" typeface="Calibri"/>
                  <a:ea charset="-122" pitchFamily="2" typeface="宋体"/>
                  <a:cs typeface="+mn-cs"/>
                </a:defRPr>
              </a:lvl8pPr>
              <a:lvl9pPr algn="l" defTabSz="914400" eaLnBrk="1" hangingPunct="1" latinLnBrk="0" marL="3657600" rtl="0">
                <a:defRPr kern="1200">
                  <a:solidFill>
                    <a:schemeClr val="tx1"/>
                  </a:solidFill>
                  <a:latin charset="0" panose="020f0502020204030204" pitchFamily="34" typeface="Calibri"/>
                  <a:ea charset="-122" pitchFamily="2" typeface="宋体"/>
                  <a:cs typeface="+mn-cs"/>
                </a:defRPr>
              </a:lvl9pPr>
            </a:lstStyle>
            <a:p>
              <a:pPr algn="ctr"/>
              <a:r>
                <a:rPr altLang="zh-CN" lang="en-US" sz="3600">
                  <a:solidFill>
                    <a:srgbClr val="00544A"/>
                  </a:solidFill>
                </a:rPr>
                <a:t>45%</a:t>
              </a:r>
            </a:p>
          </p:txBody>
        </p:sp>
      </p:grpSp>
      <p:sp>
        <p:nvSpPr>
          <p:cNvPr id="17" name="TextBox 16"/>
          <p:cNvSpPr txBox="1"/>
          <p:nvPr/>
        </p:nvSpPr>
        <p:spPr>
          <a:xfrm>
            <a:off x="1811259" y="3347456"/>
            <a:ext cx="1812393" cy="1847088"/>
          </a:xfrm>
          <a:prstGeom prst="rect">
            <a:avLst/>
          </a:prstGeom>
          <a:noFill/>
        </p:spPr>
        <p:txBody>
          <a:bodyPr rtlCol="0" wrap="square">
            <a:spAutoFit/>
          </a:bodyPr>
          <a:lstStyle/>
          <a:p>
            <a:pPr>
              <a:lnSpc>
                <a:spcPct val="120000"/>
              </a:lnSpc>
            </a:pPr>
            <a:r>
              <a:rPr altLang="en-US" lang="zh-CN" sz="1600">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a:t>
            </a:r>
          </a:p>
        </p:txBody>
      </p:sp>
      <p:sp>
        <p:nvSpPr>
          <p:cNvPr id="18" name="TextBox 17"/>
          <p:cNvSpPr txBox="1"/>
          <p:nvPr/>
        </p:nvSpPr>
        <p:spPr>
          <a:xfrm>
            <a:off x="4159341" y="3347456"/>
            <a:ext cx="1812393" cy="1847088"/>
          </a:xfrm>
          <a:prstGeom prst="rect">
            <a:avLst/>
          </a:prstGeom>
          <a:noFill/>
        </p:spPr>
        <p:txBody>
          <a:bodyPr rtlCol="0" wrap="square">
            <a:spAutoFit/>
          </a:bodyPr>
          <a:lstStyle/>
          <a:p>
            <a:pPr>
              <a:lnSpc>
                <a:spcPct val="120000"/>
              </a:lnSpc>
            </a:pPr>
            <a:r>
              <a:rPr altLang="en-US" lang="zh-CN" sz="1600">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a:t>
            </a:r>
          </a:p>
        </p:txBody>
      </p:sp>
      <p:sp>
        <p:nvSpPr>
          <p:cNvPr id="19" name="TextBox 18"/>
          <p:cNvSpPr txBox="1"/>
          <p:nvPr/>
        </p:nvSpPr>
        <p:spPr>
          <a:xfrm>
            <a:off x="6566835" y="3347456"/>
            <a:ext cx="1812393" cy="1847088"/>
          </a:xfrm>
          <a:prstGeom prst="rect">
            <a:avLst/>
          </a:prstGeom>
          <a:noFill/>
        </p:spPr>
        <p:txBody>
          <a:bodyPr rtlCol="0" wrap="square">
            <a:spAutoFit/>
          </a:bodyPr>
          <a:lstStyle/>
          <a:p>
            <a:pPr>
              <a:lnSpc>
                <a:spcPct val="120000"/>
              </a:lnSpc>
            </a:pPr>
            <a:r>
              <a:rPr altLang="en-US" lang="zh-CN" sz="1600">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a:t>
            </a:r>
          </a:p>
        </p:txBody>
      </p:sp>
    </p:spTree>
    <p:extLst>
      <p:ext uri="{BB962C8B-B14F-4D97-AF65-F5344CB8AC3E}">
        <p14:creationId val="1375655092"/>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0" presetSubtype="0">
                                  <p:stCondLst>
                                    <p:cond delay="0"/>
                                  </p:stCondLst>
                                  <p:childTnLst>
                                    <p:set>
                                      <p:cBhvr>
                                        <p:cTn dur="1" fill="hold" id="6">
                                          <p:stCondLst>
                                            <p:cond delay="0"/>
                                          </p:stCondLst>
                                        </p:cTn>
                                        <p:tgtEl>
                                          <p:spTgt spid="2"/>
                                        </p:tgtEl>
                                        <p:attrNameLst>
                                          <p:attrName>style.visibility</p:attrName>
                                        </p:attrNameLst>
                                      </p:cBhvr>
                                      <p:to>
                                        <p:strVal val="visible"/>
                                      </p:to>
                                    </p:set>
                                    <p:animEffect filter="wedge" transition="in">
                                      <p:cBhvr>
                                        <p:cTn dur="1000" id="7"/>
                                        <p:tgtEl>
                                          <p:spTgt spid="2"/>
                                        </p:tgtEl>
                                      </p:cBhvr>
                                    </p:animEffect>
                                  </p:childTnLst>
                                </p:cTn>
                              </p:par>
                            </p:childTnLst>
                          </p:cTn>
                        </p:par>
                        <p:par>
                          <p:cTn fill="hold" id="8" nodeType="afterGroup">
                            <p:stCondLst>
                              <p:cond delay="1000"/>
                            </p:stCondLst>
                            <p:childTnLst>
                              <p:par>
                                <p:cTn fill="hold" grpId="0" id="9" nodeType="afterEffect" presetClass="entr" presetID="42" presetSubtype="0">
                                  <p:stCondLst>
                                    <p:cond delay="0"/>
                                  </p:stCondLst>
                                  <p:childTnLst>
                                    <p:set>
                                      <p:cBhvr>
                                        <p:cTn dur="1" fill="hold" id="10">
                                          <p:stCondLst>
                                            <p:cond delay="0"/>
                                          </p:stCondLst>
                                        </p:cTn>
                                        <p:tgtEl>
                                          <p:spTgt spid="17"/>
                                        </p:tgtEl>
                                        <p:attrNameLst>
                                          <p:attrName>style.visibility</p:attrName>
                                        </p:attrNameLst>
                                      </p:cBhvr>
                                      <p:to>
                                        <p:strVal val="visible"/>
                                      </p:to>
                                    </p:set>
                                    <p:animEffect filter="fade" transition="in">
                                      <p:cBhvr>
                                        <p:cTn dur="750" id="11"/>
                                        <p:tgtEl>
                                          <p:spTgt spid="17"/>
                                        </p:tgtEl>
                                      </p:cBhvr>
                                    </p:animEffect>
                                    <p:anim calcmode="lin" valueType="num">
                                      <p:cBhvr>
                                        <p:cTn dur="750" fill="hold" id="12"/>
                                        <p:tgtEl>
                                          <p:spTgt spid="17"/>
                                        </p:tgtEl>
                                        <p:attrNameLst>
                                          <p:attrName>ppt_x</p:attrName>
                                        </p:attrNameLst>
                                      </p:cBhvr>
                                      <p:tavLst>
                                        <p:tav tm="0">
                                          <p:val>
                                            <p:strVal val="#ppt_x"/>
                                          </p:val>
                                        </p:tav>
                                        <p:tav tm="100000">
                                          <p:val>
                                            <p:strVal val="#ppt_x"/>
                                          </p:val>
                                        </p:tav>
                                      </p:tavLst>
                                    </p:anim>
                                    <p:anim calcmode="lin" valueType="num">
                                      <p:cBhvr>
                                        <p:cTn dur="750" fill="hold" id="13"/>
                                        <p:tgtEl>
                                          <p:spTgt spid="17"/>
                                        </p:tgtEl>
                                        <p:attrNameLst>
                                          <p:attrName>ppt_y</p:attrName>
                                        </p:attrNameLst>
                                      </p:cBhvr>
                                      <p:tavLst>
                                        <p:tav tm="0">
                                          <p:val>
                                            <p:strVal val="#ppt_y+.1"/>
                                          </p:val>
                                        </p:tav>
                                        <p:tav tm="100000">
                                          <p:val>
                                            <p:strVal val="#ppt_y"/>
                                          </p:val>
                                        </p:tav>
                                      </p:tavLst>
                                    </p:anim>
                                  </p:childTnLst>
                                </p:cTn>
                              </p:par>
                            </p:childTnLst>
                          </p:cTn>
                        </p:par>
                        <p:par>
                          <p:cTn fill="hold" id="14" nodeType="afterGroup">
                            <p:stCondLst>
                              <p:cond delay="1750"/>
                            </p:stCondLst>
                            <p:childTnLst>
                              <p:par>
                                <p:cTn fill="hold" id="15" nodeType="afterEffect" presetClass="entr" presetID="20" presetSubtype="0">
                                  <p:stCondLst>
                                    <p:cond delay="0"/>
                                  </p:stCondLst>
                                  <p:childTnLst>
                                    <p:set>
                                      <p:cBhvr>
                                        <p:cTn dur="1" fill="hold" id="16">
                                          <p:stCondLst>
                                            <p:cond delay="0"/>
                                          </p:stCondLst>
                                        </p:cTn>
                                        <p:tgtEl>
                                          <p:spTgt spid="7"/>
                                        </p:tgtEl>
                                        <p:attrNameLst>
                                          <p:attrName>style.visibility</p:attrName>
                                        </p:attrNameLst>
                                      </p:cBhvr>
                                      <p:to>
                                        <p:strVal val="visible"/>
                                      </p:to>
                                    </p:set>
                                    <p:animEffect filter="wedge" transition="in">
                                      <p:cBhvr>
                                        <p:cTn dur="1000" id="17"/>
                                        <p:tgtEl>
                                          <p:spTgt spid="7"/>
                                        </p:tgtEl>
                                      </p:cBhvr>
                                    </p:animEffect>
                                  </p:childTnLst>
                                </p:cTn>
                              </p:par>
                            </p:childTnLst>
                          </p:cTn>
                        </p:par>
                        <p:par>
                          <p:cTn fill="hold" id="18" nodeType="afterGroup">
                            <p:stCondLst>
                              <p:cond delay="2750"/>
                            </p:stCondLst>
                            <p:childTnLst>
                              <p:par>
                                <p:cTn fill="hold" grpId="0" id="19" nodeType="afterEffect" presetClass="entr" presetID="42" presetSubtype="0">
                                  <p:stCondLst>
                                    <p:cond delay="0"/>
                                  </p:stCondLst>
                                  <p:childTnLst>
                                    <p:set>
                                      <p:cBhvr>
                                        <p:cTn dur="1" fill="hold" id="20">
                                          <p:stCondLst>
                                            <p:cond delay="0"/>
                                          </p:stCondLst>
                                        </p:cTn>
                                        <p:tgtEl>
                                          <p:spTgt spid="18"/>
                                        </p:tgtEl>
                                        <p:attrNameLst>
                                          <p:attrName>style.visibility</p:attrName>
                                        </p:attrNameLst>
                                      </p:cBhvr>
                                      <p:to>
                                        <p:strVal val="visible"/>
                                      </p:to>
                                    </p:set>
                                    <p:animEffect filter="fade" transition="in">
                                      <p:cBhvr>
                                        <p:cTn dur="750" id="21"/>
                                        <p:tgtEl>
                                          <p:spTgt spid="18"/>
                                        </p:tgtEl>
                                      </p:cBhvr>
                                    </p:animEffect>
                                    <p:anim calcmode="lin" valueType="num">
                                      <p:cBhvr>
                                        <p:cTn dur="750" fill="hold" id="22"/>
                                        <p:tgtEl>
                                          <p:spTgt spid="18"/>
                                        </p:tgtEl>
                                        <p:attrNameLst>
                                          <p:attrName>ppt_x</p:attrName>
                                        </p:attrNameLst>
                                      </p:cBhvr>
                                      <p:tavLst>
                                        <p:tav tm="0">
                                          <p:val>
                                            <p:strVal val="#ppt_x"/>
                                          </p:val>
                                        </p:tav>
                                        <p:tav tm="100000">
                                          <p:val>
                                            <p:strVal val="#ppt_x"/>
                                          </p:val>
                                        </p:tav>
                                      </p:tavLst>
                                    </p:anim>
                                    <p:anim calcmode="lin" valueType="num">
                                      <p:cBhvr>
                                        <p:cTn dur="750" fill="hold" id="23"/>
                                        <p:tgtEl>
                                          <p:spTgt spid="18"/>
                                        </p:tgtEl>
                                        <p:attrNameLst>
                                          <p:attrName>ppt_y</p:attrName>
                                        </p:attrNameLst>
                                      </p:cBhvr>
                                      <p:tavLst>
                                        <p:tav tm="0">
                                          <p:val>
                                            <p:strVal val="#ppt_y+.1"/>
                                          </p:val>
                                        </p:tav>
                                        <p:tav tm="100000">
                                          <p:val>
                                            <p:strVal val="#ppt_y"/>
                                          </p:val>
                                        </p:tav>
                                      </p:tavLst>
                                    </p:anim>
                                  </p:childTnLst>
                                </p:cTn>
                              </p:par>
                            </p:childTnLst>
                          </p:cTn>
                        </p:par>
                        <p:par>
                          <p:cTn fill="hold" id="24" nodeType="afterGroup">
                            <p:stCondLst>
                              <p:cond delay="3500"/>
                            </p:stCondLst>
                            <p:childTnLst>
                              <p:par>
                                <p:cTn fill="hold" id="25" nodeType="afterEffect" presetClass="entr" presetID="20" presetSubtype="0">
                                  <p:stCondLst>
                                    <p:cond delay="0"/>
                                  </p:stCondLst>
                                  <p:childTnLst>
                                    <p:set>
                                      <p:cBhvr>
                                        <p:cTn dur="1" fill="hold" id="26">
                                          <p:stCondLst>
                                            <p:cond delay="0"/>
                                          </p:stCondLst>
                                        </p:cTn>
                                        <p:tgtEl>
                                          <p:spTgt spid="12"/>
                                        </p:tgtEl>
                                        <p:attrNameLst>
                                          <p:attrName>style.visibility</p:attrName>
                                        </p:attrNameLst>
                                      </p:cBhvr>
                                      <p:to>
                                        <p:strVal val="visible"/>
                                      </p:to>
                                    </p:set>
                                    <p:animEffect filter="wedge" transition="in">
                                      <p:cBhvr>
                                        <p:cTn dur="1000" id="27"/>
                                        <p:tgtEl>
                                          <p:spTgt spid="12"/>
                                        </p:tgtEl>
                                      </p:cBhvr>
                                    </p:animEffect>
                                  </p:childTnLst>
                                </p:cTn>
                              </p:par>
                            </p:childTnLst>
                          </p:cTn>
                        </p:par>
                        <p:par>
                          <p:cTn fill="hold" id="28" nodeType="afterGroup">
                            <p:stCondLst>
                              <p:cond delay="4500"/>
                            </p:stCondLst>
                            <p:childTnLst>
                              <p:par>
                                <p:cTn fill="hold" grpId="0" id="29" nodeType="afterEffect" presetClass="entr" presetID="42" presetSubtype="0">
                                  <p:stCondLst>
                                    <p:cond delay="0"/>
                                  </p:stCondLst>
                                  <p:childTnLst>
                                    <p:set>
                                      <p:cBhvr>
                                        <p:cTn dur="1" fill="hold" id="30">
                                          <p:stCondLst>
                                            <p:cond delay="0"/>
                                          </p:stCondLst>
                                        </p:cTn>
                                        <p:tgtEl>
                                          <p:spTgt spid="19"/>
                                        </p:tgtEl>
                                        <p:attrNameLst>
                                          <p:attrName>style.visibility</p:attrName>
                                        </p:attrNameLst>
                                      </p:cBhvr>
                                      <p:to>
                                        <p:strVal val="visible"/>
                                      </p:to>
                                    </p:set>
                                    <p:animEffect filter="fade" transition="in">
                                      <p:cBhvr>
                                        <p:cTn dur="750" id="31"/>
                                        <p:tgtEl>
                                          <p:spTgt spid="19"/>
                                        </p:tgtEl>
                                      </p:cBhvr>
                                    </p:animEffect>
                                    <p:anim calcmode="lin" valueType="num">
                                      <p:cBhvr>
                                        <p:cTn dur="750" fill="hold" id="32"/>
                                        <p:tgtEl>
                                          <p:spTgt spid="19"/>
                                        </p:tgtEl>
                                        <p:attrNameLst>
                                          <p:attrName>ppt_x</p:attrName>
                                        </p:attrNameLst>
                                      </p:cBhvr>
                                      <p:tavLst>
                                        <p:tav tm="0">
                                          <p:val>
                                            <p:strVal val="#ppt_x"/>
                                          </p:val>
                                        </p:tav>
                                        <p:tav tm="100000">
                                          <p:val>
                                            <p:strVal val="#ppt_x"/>
                                          </p:val>
                                        </p:tav>
                                      </p:tavLst>
                                    </p:anim>
                                    <p:anim calcmode="lin" valueType="num">
                                      <p:cBhvr>
                                        <p:cTn dur="750" fill="hold" id="33"/>
                                        <p:tgtEl>
                                          <p:spTgt spid="19"/>
                                        </p:tgtEl>
                                        <p:attrNameLst>
                                          <p:attrName>ppt_y</p:attrName>
                                        </p:attrNameLst>
                                      </p:cBhvr>
                                      <p:tavLst>
                                        <p:tav tm="0">
                                          <p:val>
                                            <p:strVal val="#ppt_y+.1"/>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17"/>
      <p:bldP grpId="0" spid="18"/>
      <p:bldP grpId="0" spid="19"/>
    </p:bldLst>
  </p:timing>
</p:sld>
</file>

<file path=ppt/slides/slide28.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cxnSp>
        <p:nvCxnSpPr>
          <p:cNvPr id="2" name="直接连接符 1"/>
          <p:cNvCxnSpPr>
            <a:cxnSpLocks noChangeShapeType="1"/>
          </p:cNvCxnSpPr>
          <p:nvPr/>
        </p:nvCxnSpPr>
        <p:spPr bwMode="auto">
          <a:xfrm>
            <a:off x="2069655" y="3097436"/>
            <a:ext cx="6697662" cy="0"/>
          </a:xfrm>
          <a:prstGeom prst="line">
            <a:avLst/>
          </a:prstGeom>
          <a:noFill/>
          <a:ln cmpd="sng" w="19050">
            <a:solidFill>
              <a:schemeClr val="tx1">
                <a:lumMod val="75000"/>
                <a:lumOff val="25000"/>
              </a:schemeClr>
            </a:solidFill>
            <a:prstDash val="sysDash"/>
            <a:round/>
          </a:ln>
          <a:extLst>
            <a:ext uri="{909E8E84-426E-40DD-AFC4-6F175D3DCCD1}">
              <a14:hiddenFill>
                <a:noFill/>
              </a14:hiddenFill>
            </a:ext>
          </a:extLst>
        </p:spPr>
      </p:cxnSp>
      <p:sp>
        <p:nvSpPr>
          <p:cNvPr id="3" name="TextBox 64"/>
          <p:cNvSpPr txBox="1">
            <a:spLocks noChangeArrowheads="1"/>
          </p:cNvSpPr>
          <p:nvPr/>
        </p:nvSpPr>
        <p:spPr bwMode="auto">
          <a:xfrm>
            <a:off x="3512695" y="989239"/>
            <a:ext cx="5146675" cy="173736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nSpc>
                <a:spcPct val="150000"/>
              </a:lnSpc>
            </a:pPr>
            <a:r>
              <a:rPr altLang="en-US" lang="zh-CN">
                <a:latin charset="-122" panose="020b0503020204020204" pitchFamily="34" typeface="微软雅黑"/>
                <a:ea charset="-122" panose="020b0503020204020204" pitchFamily="34" typeface="微软雅黑"/>
              </a:rPr>
              <a:t>这里输入您的文字这里输入您的文字这里输入您的文字这里输入您的文字这里输入您这里输入您的文字这里输入您的文字这里输入您的文字这里输入您的文字这里输入您</a:t>
            </a:r>
          </a:p>
        </p:txBody>
      </p:sp>
      <p:sp>
        <p:nvSpPr>
          <p:cNvPr id="4" name="TextBox 66"/>
          <p:cNvSpPr txBox="1">
            <a:spLocks noChangeArrowheads="1"/>
          </p:cNvSpPr>
          <p:nvPr/>
        </p:nvSpPr>
        <p:spPr bwMode="auto">
          <a:xfrm>
            <a:off x="3580958" y="3335563"/>
            <a:ext cx="5146675" cy="173736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eaLnBrk="1" hangingPunct="1">
              <a:lnSpc>
                <a:spcPct val="150000"/>
              </a:lnSpc>
            </a:pPr>
            <a:r>
              <a:rPr altLang="en-US" lang="zh-CN">
                <a:latin charset="-122" panose="020b0503020204020204" pitchFamily="34" typeface="微软雅黑"/>
                <a:ea charset="-122" panose="020b0503020204020204" pitchFamily="34" typeface="微软雅黑"/>
              </a:rPr>
              <a:t>这里输入您的文字这里输入您的文字这里输入您的文字这里输入您的文字这里输入您这里输入您的文字这里输入您的文字这里输入您的文字这里输入您的文字这里输入您</a:t>
            </a:r>
          </a:p>
        </p:txBody>
      </p:sp>
      <p:grpSp>
        <p:nvGrpSpPr>
          <p:cNvPr id="5" name="组合 4"/>
          <p:cNvGrpSpPr/>
          <p:nvPr/>
        </p:nvGrpSpPr>
        <p:grpSpPr>
          <a:xfrm>
            <a:off x="1908776" y="1088517"/>
            <a:ext cx="1529354" cy="1279119"/>
            <a:chOff x="1400776" y="1548809"/>
            <a:chExt cx="1529354" cy="1279119"/>
          </a:xfrm>
        </p:grpSpPr>
        <p:sp>
          <p:nvSpPr>
            <p:cNvPr id="6" name="等腰三角形 2"/>
            <p:cNvSpPr/>
            <p:nvPr/>
          </p:nvSpPr>
          <p:spPr bwMode="auto">
            <a:xfrm rot="2747878">
              <a:off x="1525893" y="1423692"/>
              <a:ext cx="1279119" cy="1529354"/>
            </a:xfrm>
            <a:custGeom>
              <a:gdLst>
                <a:gd fmla="*/ 576064 w 1152128" name="T0"/>
                <a:gd fmla="*/ 0 h 1333073" name="T1"/>
                <a:gd fmla="*/ 687529 w 1152128" name="T2"/>
                <a:gd fmla="*/ 192182 h 1333073" name="T3"/>
                <a:gd fmla="*/ 1152128 w 1152128" name="T4"/>
                <a:gd fmla="*/ 757009 h 1333073" name="T5"/>
                <a:gd fmla="*/ 576064 w 1152128" name="T6"/>
                <a:gd fmla="*/ 1333073 h 1333073" name="T7"/>
                <a:gd fmla="*/ 0 w 1152128" name="T8"/>
                <a:gd fmla="*/ 757009 h 1333073" name="T9"/>
                <a:gd fmla="*/ 464599 w 1152128" name="T10"/>
                <a:gd fmla="*/ 192182 h 1333073" name="T11"/>
                <a:gd fmla="*/ 576064 w 1152128" name="T12"/>
                <a:gd fmla="*/ 0 h 1333073" name="T13"/>
              </a:gdLst>
              <a:cxnLst>
                <a:cxn ang="0">
                  <a:pos x="T0" y="T1"/>
                </a:cxn>
                <a:cxn ang="0">
                  <a:pos x="T2" y="T3"/>
                </a:cxn>
                <a:cxn ang="0">
                  <a:pos x="T4" y="T5"/>
                </a:cxn>
                <a:cxn ang="0">
                  <a:pos x="T6" y="T7"/>
                </a:cxn>
                <a:cxn ang="0">
                  <a:pos x="T8" y="T9"/>
                </a:cxn>
                <a:cxn ang="0">
                  <a:pos x="T10" y="T11"/>
                </a:cxn>
                <a:cxn ang="0">
                  <a:pos x="T12" y="T13"/>
                </a:cxn>
              </a:cxnLst>
              <a:rect b="b" l="0" r="r" t="0"/>
              <a:pathLst>
                <a:path h="1333073" w="1152128">
                  <a:moveTo>
                    <a:pt x="576064" y="0"/>
                  </a:moveTo>
                  <a:lnTo>
                    <a:pt x="687529" y="192182"/>
                  </a:lnTo>
                  <a:cubicBezTo>
                    <a:pt x="952381" y="243689"/>
                    <a:pt x="1152128" y="477023"/>
                    <a:pt x="1152128" y="757009"/>
                  </a:cubicBezTo>
                  <a:cubicBezTo>
                    <a:pt x="1152128" y="1075160"/>
                    <a:pt x="894215" y="1333073"/>
                    <a:pt x="576064" y="1333073"/>
                  </a:cubicBezTo>
                  <a:cubicBezTo>
                    <a:pt x="257913" y="1333073"/>
                    <a:pt x="0" y="1075160"/>
                    <a:pt x="0" y="757009"/>
                  </a:cubicBezTo>
                  <a:cubicBezTo>
                    <a:pt x="0" y="477023"/>
                    <a:pt x="199747" y="243689"/>
                    <a:pt x="464599" y="192182"/>
                  </a:cubicBezTo>
                  <a:lnTo>
                    <a:pt x="576064" y="0"/>
                  </a:lnTo>
                  <a:close/>
                </a:path>
              </a:pathLst>
            </a:custGeom>
            <a:solidFill>
              <a:srgbClr val="00544A"/>
            </a:solidFill>
            <a:ln>
              <a:noFill/>
            </a:ln>
            <a:extLst/>
          </p:spPr>
          <p:txBody>
            <a:bodyPr anchor="ctr" wrap="none"/>
            <a:lstStyle/>
            <a:p>
              <a:pPr fontAlgn="base">
                <a:spcBef>
                  <a:spcPct val="0"/>
                </a:spcBef>
                <a:spcAft>
                  <a:spcPct val="0"/>
                </a:spcAft>
              </a:pPr>
              <a:endParaRPr altLang="en-US" kern="0" lang="zh-CN">
                <a:solidFill>
                  <a:srgbClr val="000000"/>
                </a:solidFill>
                <a:latin charset="0" pitchFamily="34" typeface="Arial"/>
                <a:ea charset="-122" pitchFamily="2" typeface="华文细黑"/>
              </a:endParaRPr>
            </a:p>
          </p:txBody>
        </p:sp>
        <p:sp>
          <p:nvSpPr>
            <p:cNvPr id="7" name="TextBox 6"/>
            <p:cNvSpPr txBox="1"/>
            <p:nvPr/>
          </p:nvSpPr>
          <p:spPr>
            <a:xfrm>
              <a:off x="1660032" y="1904132"/>
              <a:ext cx="936104" cy="822960"/>
            </a:xfrm>
            <a:prstGeom prst="rect">
              <a:avLst/>
            </a:prstGeom>
            <a:noFill/>
          </p:spPr>
          <p:txBody>
            <a:bodyPr rtlCol="0" wrap="square">
              <a:spAutoFit/>
            </a:bodyPr>
            <a:lstStyle/>
            <a:p>
              <a:r>
                <a:rPr altLang="en-US" b="1" lang="zh-CN" sz="2400">
                  <a:solidFill>
                    <a:schemeClr val="bg1"/>
                  </a:solidFill>
                  <a:latin charset="-122" panose="020b0503020204020204" pitchFamily="34" typeface="微软雅黑"/>
                  <a:ea charset="-122" panose="020b0503020204020204" pitchFamily="34" typeface="微软雅黑"/>
                </a:rPr>
                <a:t>添加标题</a:t>
              </a:r>
            </a:p>
          </p:txBody>
        </p:sp>
      </p:grpSp>
      <p:grpSp>
        <p:nvGrpSpPr>
          <p:cNvPr id="8" name="组合 7"/>
          <p:cNvGrpSpPr/>
          <p:nvPr/>
        </p:nvGrpSpPr>
        <p:grpSpPr>
          <a:xfrm>
            <a:off x="1908776" y="3569779"/>
            <a:ext cx="1529354" cy="1279119"/>
            <a:chOff x="1400776" y="4030071"/>
            <a:chExt cx="1529354" cy="1279119"/>
          </a:xfrm>
        </p:grpSpPr>
        <p:sp>
          <p:nvSpPr>
            <p:cNvPr id="9" name="等腰三角形 2"/>
            <p:cNvSpPr/>
            <p:nvPr/>
          </p:nvSpPr>
          <p:spPr bwMode="auto">
            <a:xfrm rot="2747878">
              <a:off x="1525893" y="3904954"/>
              <a:ext cx="1279119" cy="1529354"/>
            </a:xfrm>
            <a:custGeom>
              <a:gdLst>
                <a:gd fmla="*/ 576064 w 1152128" name="T0"/>
                <a:gd fmla="*/ 0 h 1333073" name="T1"/>
                <a:gd fmla="*/ 687529 w 1152128" name="T2"/>
                <a:gd fmla="*/ 192182 h 1333073" name="T3"/>
                <a:gd fmla="*/ 1152128 w 1152128" name="T4"/>
                <a:gd fmla="*/ 757009 h 1333073" name="T5"/>
                <a:gd fmla="*/ 576064 w 1152128" name="T6"/>
                <a:gd fmla="*/ 1333073 h 1333073" name="T7"/>
                <a:gd fmla="*/ 0 w 1152128" name="T8"/>
                <a:gd fmla="*/ 757009 h 1333073" name="T9"/>
                <a:gd fmla="*/ 464599 w 1152128" name="T10"/>
                <a:gd fmla="*/ 192182 h 1333073" name="T11"/>
                <a:gd fmla="*/ 576064 w 1152128" name="T12"/>
                <a:gd fmla="*/ 0 h 1333073" name="T13"/>
              </a:gdLst>
              <a:cxnLst>
                <a:cxn ang="0">
                  <a:pos x="T0" y="T1"/>
                </a:cxn>
                <a:cxn ang="0">
                  <a:pos x="T2" y="T3"/>
                </a:cxn>
                <a:cxn ang="0">
                  <a:pos x="T4" y="T5"/>
                </a:cxn>
                <a:cxn ang="0">
                  <a:pos x="T6" y="T7"/>
                </a:cxn>
                <a:cxn ang="0">
                  <a:pos x="T8" y="T9"/>
                </a:cxn>
                <a:cxn ang="0">
                  <a:pos x="T10" y="T11"/>
                </a:cxn>
                <a:cxn ang="0">
                  <a:pos x="T12" y="T13"/>
                </a:cxn>
              </a:cxnLst>
              <a:rect b="b" l="0" r="r" t="0"/>
              <a:pathLst>
                <a:path h="1333073" w="1152128">
                  <a:moveTo>
                    <a:pt x="576064" y="0"/>
                  </a:moveTo>
                  <a:lnTo>
                    <a:pt x="687529" y="192182"/>
                  </a:lnTo>
                  <a:cubicBezTo>
                    <a:pt x="952381" y="243689"/>
                    <a:pt x="1152128" y="477023"/>
                    <a:pt x="1152128" y="757009"/>
                  </a:cubicBezTo>
                  <a:cubicBezTo>
                    <a:pt x="1152128" y="1075160"/>
                    <a:pt x="894215" y="1333073"/>
                    <a:pt x="576064" y="1333073"/>
                  </a:cubicBezTo>
                  <a:cubicBezTo>
                    <a:pt x="257913" y="1333073"/>
                    <a:pt x="0" y="1075160"/>
                    <a:pt x="0" y="757009"/>
                  </a:cubicBezTo>
                  <a:cubicBezTo>
                    <a:pt x="0" y="477023"/>
                    <a:pt x="199747" y="243689"/>
                    <a:pt x="464599" y="192182"/>
                  </a:cubicBezTo>
                  <a:lnTo>
                    <a:pt x="576064" y="0"/>
                  </a:lnTo>
                  <a:close/>
                </a:path>
              </a:pathLst>
            </a:custGeom>
            <a:solidFill>
              <a:srgbClr val="00544A"/>
            </a:solidFill>
            <a:ln>
              <a:noFill/>
            </a:ln>
            <a:extLst/>
          </p:spPr>
          <p:txBody>
            <a:bodyPr anchor="ctr" wrap="none"/>
            <a:lstStyle/>
            <a:p>
              <a:pPr fontAlgn="base">
                <a:spcBef>
                  <a:spcPct val="0"/>
                </a:spcBef>
                <a:spcAft>
                  <a:spcPct val="0"/>
                </a:spcAft>
              </a:pPr>
              <a:endParaRPr altLang="en-US" kern="0" lang="zh-CN">
                <a:solidFill>
                  <a:srgbClr val="000000"/>
                </a:solidFill>
                <a:latin charset="0" pitchFamily="34" typeface="Arial"/>
                <a:ea charset="-122" pitchFamily="2" typeface="华文细黑"/>
              </a:endParaRPr>
            </a:p>
          </p:txBody>
        </p:sp>
        <p:sp>
          <p:nvSpPr>
            <p:cNvPr id="10" name="TextBox 9"/>
            <p:cNvSpPr txBox="1"/>
            <p:nvPr/>
          </p:nvSpPr>
          <p:spPr>
            <a:xfrm>
              <a:off x="1660032" y="4352404"/>
              <a:ext cx="936104" cy="822960"/>
            </a:xfrm>
            <a:prstGeom prst="rect">
              <a:avLst/>
            </a:prstGeom>
            <a:noFill/>
          </p:spPr>
          <p:txBody>
            <a:bodyPr rtlCol="0" wrap="square">
              <a:spAutoFit/>
            </a:bodyPr>
            <a:lstStyle/>
            <a:p>
              <a:r>
                <a:rPr altLang="en-US" b="1" lang="zh-CN" sz="2400">
                  <a:solidFill>
                    <a:schemeClr val="bg1"/>
                  </a:solidFill>
                  <a:latin charset="-122" panose="020b0503020204020204" pitchFamily="34" typeface="微软雅黑"/>
                  <a:ea charset="-122" panose="020b0503020204020204" pitchFamily="34" typeface="微软雅黑"/>
                </a:rPr>
                <a:t>添加标题</a:t>
              </a:r>
            </a:p>
          </p:txBody>
        </p:sp>
      </p:grpSp>
    </p:spTree>
    <p:extLst>
      <p:ext uri="{BB962C8B-B14F-4D97-AF65-F5344CB8AC3E}">
        <p14:creationId val="1277471461"/>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53" presetSubtype="0">
                                  <p:stCondLst>
                                    <p:cond delay="0"/>
                                  </p:stCondLst>
                                  <p:childTnLst>
                                    <p:set>
                                      <p:cBhvr>
                                        <p:cTn dur="1" fill="hold" id="6">
                                          <p:stCondLst>
                                            <p:cond delay="0"/>
                                          </p:stCondLst>
                                        </p:cTn>
                                        <p:tgtEl>
                                          <p:spTgt spid="5"/>
                                        </p:tgtEl>
                                        <p:attrNameLst>
                                          <p:attrName>style.visibility</p:attrName>
                                        </p:attrNameLst>
                                      </p:cBhvr>
                                      <p:to>
                                        <p:strVal val="visible"/>
                                      </p:to>
                                    </p:set>
                                    <p:anim calcmode="lin" valueType="num">
                                      <p:cBhvr>
                                        <p:cTn dur="500" fill="hold" id="7"/>
                                        <p:tgtEl>
                                          <p:spTgt spid="5"/>
                                        </p:tgtEl>
                                        <p:attrNameLst>
                                          <p:attrName>ppt_w</p:attrName>
                                        </p:attrNameLst>
                                      </p:cBhvr>
                                      <p:tavLst>
                                        <p:tav tm="0">
                                          <p:val>
                                            <p:fltVal val="0"/>
                                          </p:val>
                                        </p:tav>
                                        <p:tav tm="100000">
                                          <p:val>
                                            <p:strVal val="#ppt_w"/>
                                          </p:val>
                                        </p:tav>
                                      </p:tavLst>
                                    </p:anim>
                                    <p:anim calcmode="lin" valueType="num">
                                      <p:cBhvr>
                                        <p:cTn dur="500" fill="hold" id="8"/>
                                        <p:tgtEl>
                                          <p:spTgt spid="5"/>
                                        </p:tgtEl>
                                        <p:attrNameLst>
                                          <p:attrName>ppt_h</p:attrName>
                                        </p:attrNameLst>
                                      </p:cBhvr>
                                      <p:tavLst>
                                        <p:tav tm="0">
                                          <p:val>
                                            <p:fltVal val="0"/>
                                          </p:val>
                                        </p:tav>
                                        <p:tav tm="100000">
                                          <p:val>
                                            <p:strVal val="#ppt_h"/>
                                          </p:val>
                                        </p:tav>
                                      </p:tavLst>
                                    </p:anim>
                                    <p:animEffect filter="fade" transition="in">
                                      <p:cBhvr>
                                        <p:cTn dur="500" id="9"/>
                                        <p:tgtEl>
                                          <p:spTgt spid="5"/>
                                        </p:tgtEl>
                                      </p:cBhvr>
                                    </p:animEffect>
                                  </p:childTnLst>
                                </p:cTn>
                              </p:par>
                            </p:childTnLst>
                          </p:cTn>
                        </p:par>
                        <p:par>
                          <p:cTn fill="hold" id="10" nodeType="afterGroup">
                            <p:stCondLst>
                              <p:cond delay="500"/>
                            </p:stCondLst>
                            <p:childTnLst>
                              <p:par>
                                <p:cTn fill="hold" grpId="0" id="11" nodeType="afterEffect" presetClass="entr" presetID="16" presetSubtype="21">
                                  <p:stCondLst>
                                    <p:cond delay="0"/>
                                  </p:stCondLst>
                                  <p:iterate type="lt">
                                    <p:tmPct val="10000"/>
                                  </p:iterate>
                                  <p:childTnLst>
                                    <p:set>
                                      <p:cBhvr>
                                        <p:cTn dur="1" fill="hold" id="12">
                                          <p:stCondLst>
                                            <p:cond delay="0"/>
                                          </p:stCondLst>
                                        </p:cTn>
                                        <p:tgtEl>
                                          <p:spTgt spid="3">
                                            <p:txEl>
                                              <p:pRg end="0" st="0"/>
                                            </p:txEl>
                                          </p:spTgt>
                                        </p:tgtEl>
                                        <p:attrNameLst>
                                          <p:attrName>style.visibility</p:attrName>
                                        </p:attrNameLst>
                                      </p:cBhvr>
                                      <p:to>
                                        <p:strVal val="visible"/>
                                      </p:to>
                                    </p:set>
                                    <p:animEffect filter="barn(inVertical)" transition="in">
                                      <p:cBhvr>
                                        <p:cTn dur="500" id="13"/>
                                        <p:tgtEl>
                                          <p:spTgt spid="3">
                                            <p:txEl>
                                              <p:pRg end="0" st="0"/>
                                            </p:txEl>
                                          </p:spTgt>
                                        </p:tgtEl>
                                      </p:cBhvr>
                                    </p:animEffect>
                                  </p:childTnLst>
                                </p:cTn>
                              </p:par>
                            </p:childTnLst>
                          </p:cTn>
                        </p:par>
                        <p:par>
                          <p:cTn fill="hold" id="14" nodeType="afterGroup">
                            <p:stCondLst>
                              <p:cond delay="1000"/>
                            </p:stCondLst>
                            <p:childTnLst>
                              <p:par>
                                <p:cTn fill="hold" id="15" nodeType="afterEffect" presetClass="entr" presetID="10" presetSubtype="0">
                                  <p:stCondLst>
                                    <p:cond delay="0"/>
                                  </p:stCondLst>
                                  <p:childTnLst>
                                    <p:set>
                                      <p:cBhvr>
                                        <p:cTn dur="1" fill="hold" id="16">
                                          <p:stCondLst>
                                            <p:cond delay="0"/>
                                          </p:stCondLst>
                                        </p:cTn>
                                        <p:tgtEl>
                                          <p:spTgt spid="2"/>
                                        </p:tgtEl>
                                        <p:attrNameLst>
                                          <p:attrName>style.visibility</p:attrName>
                                        </p:attrNameLst>
                                      </p:cBhvr>
                                      <p:to>
                                        <p:strVal val="visible"/>
                                      </p:to>
                                    </p:set>
                                    <p:animEffect filter="fade" transition="in">
                                      <p:cBhvr>
                                        <p:cTn dur="500" id="17"/>
                                        <p:tgtEl>
                                          <p:spTgt spid="2"/>
                                        </p:tgtEl>
                                      </p:cBhvr>
                                    </p:animEffect>
                                  </p:childTnLst>
                                </p:cTn>
                              </p:par>
                            </p:childTnLst>
                          </p:cTn>
                        </p:par>
                        <p:par>
                          <p:cTn fill="hold" id="18" nodeType="afterGroup">
                            <p:stCondLst>
                              <p:cond delay="1500"/>
                            </p:stCondLst>
                            <p:childTnLst>
                              <p:par>
                                <p:cTn fill="hold" id="19" nodeType="afterEffect" presetClass="entr" presetID="53" presetSubtype="0">
                                  <p:stCondLst>
                                    <p:cond delay="0"/>
                                  </p:stCondLst>
                                  <p:childTnLst>
                                    <p:set>
                                      <p:cBhvr>
                                        <p:cTn dur="1" fill="hold" id="20">
                                          <p:stCondLst>
                                            <p:cond delay="0"/>
                                          </p:stCondLst>
                                        </p:cTn>
                                        <p:tgtEl>
                                          <p:spTgt spid="8"/>
                                        </p:tgtEl>
                                        <p:attrNameLst>
                                          <p:attrName>style.visibility</p:attrName>
                                        </p:attrNameLst>
                                      </p:cBhvr>
                                      <p:to>
                                        <p:strVal val="visible"/>
                                      </p:to>
                                    </p:set>
                                    <p:anim calcmode="lin" valueType="num">
                                      <p:cBhvr>
                                        <p:cTn dur="500" fill="hold" id="21"/>
                                        <p:tgtEl>
                                          <p:spTgt spid="8"/>
                                        </p:tgtEl>
                                        <p:attrNameLst>
                                          <p:attrName>ppt_w</p:attrName>
                                        </p:attrNameLst>
                                      </p:cBhvr>
                                      <p:tavLst>
                                        <p:tav tm="0">
                                          <p:val>
                                            <p:fltVal val="0"/>
                                          </p:val>
                                        </p:tav>
                                        <p:tav tm="100000">
                                          <p:val>
                                            <p:strVal val="#ppt_w"/>
                                          </p:val>
                                        </p:tav>
                                      </p:tavLst>
                                    </p:anim>
                                    <p:anim calcmode="lin" valueType="num">
                                      <p:cBhvr>
                                        <p:cTn dur="500" fill="hold" id="22"/>
                                        <p:tgtEl>
                                          <p:spTgt spid="8"/>
                                        </p:tgtEl>
                                        <p:attrNameLst>
                                          <p:attrName>ppt_h</p:attrName>
                                        </p:attrNameLst>
                                      </p:cBhvr>
                                      <p:tavLst>
                                        <p:tav tm="0">
                                          <p:val>
                                            <p:fltVal val="0"/>
                                          </p:val>
                                        </p:tav>
                                        <p:tav tm="100000">
                                          <p:val>
                                            <p:strVal val="#ppt_h"/>
                                          </p:val>
                                        </p:tav>
                                      </p:tavLst>
                                    </p:anim>
                                    <p:animEffect filter="fade" transition="in">
                                      <p:cBhvr>
                                        <p:cTn dur="500" id="23"/>
                                        <p:tgtEl>
                                          <p:spTgt spid="8"/>
                                        </p:tgtEl>
                                      </p:cBhvr>
                                    </p:animEffect>
                                  </p:childTnLst>
                                </p:cTn>
                              </p:par>
                            </p:childTnLst>
                          </p:cTn>
                        </p:par>
                        <p:par>
                          <p:cTn fill="hold" id="24" nodeType="afterGroup">
                            <p:stCondLst>
                              <p:cond delay="2000"/>
                            </p:stCondLst>
                            <p:childTnLst>
                              <p:par>
                                <p:cTn fill="hold" grpId="0" id="25" nodeType="afterEffect" presetClass="entr" presetID="16" presetSubtype="21">
                                  <p:stCondLst>
                                    <p:cond delay="0"/>
                                  </p:stCondLst>
                                  <p:iterate type="lt">
                                    <p:tmPct val="10000"/>
                                  </p:iterate>
                                  <p:childTnLst>
                                    <p:set>
                                      <p:cBhvr>
                                        <p:cTn dur="1" fill="hold" id="26">
                                          <p:stCondLst>
                                            <p:cond delay="0"/>
                                          </p:stCondLst>
                                        </p:cTn>
                                        <p:tgtEl>
                                          <p:spTgt spid="4"/>
                                        </p:tgtEl>
                                        <p:attrNameLst>
                                          <p:attrName>style.visibility</p:attrName>
                                        </p:attrNameLst>
                                      </p:cBhvr>
                                      <p:to>
                                        <p:strVal val="visible"/>
                                      </p:to>
                                    </p:set>
                                    <p:animEffect filter="barn(inVertical)" transition="in">
                                      <p:cBhvr>
                                        <p:cTn dur="500" id="27"/>
                                        <p:tgtEl>
                                          <p:spTgt spid="4"/>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build="p" grpId="0" spid="3"/>
      <p:bldP grpId="0" spid="4"/>
    </p:bldLst>
  </p:timing>
</p:sld>
</file>

<file path=ppt/slides/slide29.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1" name="组合 20"/>
          <p:cNvGrpSpPr/>
          <p:nvPr/>
        </p:nvGrpSpPr>
        <p:grpSpPr>
          <a:xfrm>
            <a:off x="5368035" y="1273327"/>
            <a:ext cx="4283967" cy="3416209"/>
            <a:chOff x="4860032" y="1273324"/>
            <a:chExt cx="4283967" cy="3416209"/>
          </a:xfrm>
        </p:grpSpPr>
        <p:sp>
          <p:nvSpPr>
            <p:cNvPr id="10" name="矩形 9"/>
            <p:cNvSpPr/>
            <p:nvPr/>
          </p:nvSpPr>
          <p:spPr>
            <a:xfrm>
              <a:off x="4860032" y="1273324"/>
              <a:ext cx="4283967" cy="3416209"/>
            </a:xfrm>
            <a:prstGeom prst="rect">
              <a:avLst/>
            </a:prstGeom>
            <a:solidFill>
              <a:schemeClr val="tx1">
                <a:lumMod val="65000"/>
                <a:lumOff val="3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p>
          </p:txBody>
        </p:sp>
        <p:sp>
          <p:nvSpPr>
            <p:cNvPr id="11" name="文本框 32"/>
            <p:cNvSpPr txBox="1"/>
            <p:nvPr/>
          </p:nvSpPr>
          <p:spPr>
            <a:xfrm>
              <a:off x="5045299" y="1482464"/>
              <a:ext cx="3630389" cy="3054097"/>
            </a:xfrm>
            <a:prstGeom prst="rect">
              <a:avLst/>
            </a:prstGeom>
            <a:noFill/>
          </p:spPr>
          <p:txBody>
            <a:bodyPr rtlCol="0" wrap="square">
              <a:spAutoFit/>
            </a:bodyPr>
            <a:lstStyle/>
            <a:p>
              <a:pPr>
                <a:lnSpc>
                  <a:spcPct val="120000"/>
                </a:lnSpc>
              </a:pPr>
              <a:r>
                <a:rPr altLang="en-US" lang="zh-CN">
                  <a:solidFill>
                    <a:schemeClr val="bg1"/>
                  </a:solidFill>
                  <a:latin charset="-122" panose="020b0503020204020204" pitchFamily="34" typeface="微软雅黑"/>
                  <a:ea charset="-122" panose="020b0503020204020204" pitchFamily="34" typeface="微软雅黑"/>
                </a:rPr>
                <a:t>接下来，我们就要用数据说话，与同行业的一些数据对比，在这里写下你得出的结论，某某竞争对手的占有率是多少多少，我们的占有率是n%，这种额度的占有率，我们能做什么呢？于是我们在在这里做各种的数据对比数据对比数据对比数据对比数据对比数据对比对比。。。</a:t>
              </a:r>
            </a:p>
          </p:txBody>
        </p:sp>
      </p:grpSp>
      <p:sp>
        <p:nvSpPr>
          <p:cNvPr id="2" name="任意多边形 1"/>
          <p:cNvSpPr/>
          <p:nvPr/>
        </p:nvSpPr>
        <p:spPr>
          <a:xfrm>
            <a:off x="1131901" y="1276488"/>
            <a:ext cx="3228021" cy="360241"/>
          </a:xfrm>
          <a:custGeom>
            <a:gdLst>
              <a:gd fmla="*/ 16062 w 4098963" name="connsiteX0"/>
              <a:gd fmla="*/ 0 h 340242" name="connsiteY0"/>
              <a:gd fmla="*/ 3928842 w 4098963" name="connsiteX1"/>
              <a:gd fmla="*/ 0 h 340242" name="connsiteY1"/>
              <a:gd fmla="*/ 4098963 w 4098963" name="connsiteX2"/>
              <a:gd fmla="*/ 170121 h 340242" name="connsiteY2"/>
              <a:gd fmla="*/ 3928842 w 4098963" name="connsiteX3"/>
              <a:gd fmla="*/ 340242 h 340242" name="connsiteY3"/>
              <a:gd fmla="*/ 16062 w 4098963" name="connsiteX4"/>
              <a:gd fmla="*/ 340242 h 340242" name="connsiteY4"/>
              <a:gd fmla="*/ 0 w 4098963" name="connsiteX5"/>
              <a:gd fmla="*/ 336999 h 340242" name="connsiteY5"/>
              <a:gd fmla="*/ 0 w 4098963" name="connsiteX6"/>
              <a:gd fmla="*/ 3243 h 340242" name="connsiteY6"/>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b="b" l="l" r="r" t="t"/>
            <a:pathLst>
              <a:path h="340242" w="4098963">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r>
              <a:rPr altLang="en-US" lang="zh-CN">
                <a:latin charset="-122" panose="020b0503020204020204" pitchFamily="34" typeface="微软雅黑"/>
                <a:ea charset="-122" panose="020b0503020204020204" pitchFamily="34" typeface="微软雅黑"/>
              </a:rPr>
              <a:t>中国农业银行</a:t>
            </a:r>
          </a:p>
        </p:txBody>
      </p:sp>
      <p:sp>
        <p:nvSpPr>
          <p:cNvPr id="3" name="任意多边形 2"/>
          <p:cNvSpPr/>
          <p:nvPr/>
        </p:nvSpPr>
        <p:spPr>
          <a:xfrm>
            <a:off x="1131901" y="1883035"/>
            <a:ext cx="2402559" cy="360241"/>
          </a:xfrm>
          <a:custGeom>
            <a:gdLst>
              <a:gd fmla="*/ 16062 w 4098963" name="connsiteX0"/>
              <a:gd fmla="*/ 0 h 340242" name="connsiteY0"/>
              <a:gd fmla="*/ 3928842 w 4098963" name="connsiteX1"/>
              <a:gd fmla="*/ 0 h 340242" name="connsiteY1"/>
              <a:gd fmla="*/ 4098963 w 4098963" name="connsiteX2"/>
              <a:gd fmla="*/ 170121 h 340242" name="connsiteY2"/>
              <a:gd fmla="*/ 3928842 w 4098963" name="connsiteX3"/>
              <a:gd fmla="*/ 340242 h 340242" name="connsiteY3"/>
              <a:gd fmla="*/ 16062 w 4098963" name="connsiteX4"/>
              <a:gd fmla="*/ 340242 h 340242" name="connsiteY4"/>
              <a:gd fmla="*/ 0 w 4098963" name="connsiteX5"/>
              <a:gd fmla="*/ 336999 h 340242" name="connsiteY5"/>
              <a:gd fmla="*/ 0 w 4098963" name="connsiteX6"/>
              <a:gd fmla="*/ 3243 h 340242" name="connsiteY6"/>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b="b" l="l" r="r" t="t"/>
            <a:pathLst>
              <a:path h="340242" w="4098963">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r>
              <a:rPr altLang="en-US" lang="zh-CN">
                <a:latin charset="-122" panose="020b0503020204020204" pitchFamily="34" typeface="微软雅黑"/>
                <a:ea charset="-122" panose="020b0503020204020204" pitchFamily="34" typeface="微软雅黑"/>
              </a:rPr>
              <a:t>中国农业银行</a:t>
            </a:r>
          </a:p>
        </p:txBody>
      </p:sp>
      <p:sp>
        <p:nvSpPr>
          <p:cNvPr id="4" name="任意多边形 3"/>
          <p:cNvSpPr/>
          <p:nvPr/>
        </p:nvSpPr>
        <p:spPr>
          <a:xfrm>
            <a:off x="1131901" y="2489582"/>
            <a:ext cx="2833785" cy="360241"/>
          </a:xfrm>
          <a:custGeom>
            <a:gdLst>
              <a:gd fmla="*/ 16062 w 4098963" name="connsiteX0"/>
              <a:gd fmla="*/ 0 h 340242" name="connsiteY0"/>
              <a:gd fmla="*/ 3928842 w 4098963" name="connsiteX1"/>
              <a:gd fmla="*/ 0 h 340242" name="connsiteY1"/>
              <a:gd fmla="*/ 4098963 w 4098963" name="connsiteX2"/>
              <a:gd fmla="*/ 170121 h 340242" name="connsiteY2"/>
              <a:gd fmla="*/ 3928842 w 4098963" name="connsiteX3"/>
              <a:gd fmla="*/ 340242 h 340242" name="connsiteY3"/>
              <a:gd fmla="*/ 16062 w 4098963" name="connsiteX4"/>
              <a:gd fmla="*/ 340242 h 340242" name="connsiteY4"/>
              <a:gd fmla="*/ 0 w 4098963" name="connsiteX5"/>
              <a:gd fmla="*/ 336999 h 340242" name="connsiteY5"/>
              <a:gd fmla="*/ 0 w 4098963" name="connsiteX6"/>
              <a:gd fmla="*/ 3243 h 340242" name="connsiteY6"/>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b="b" l="l" r="r" t="t"/>
            <a:pathLst>
              <a:path h="340242" w="4098963">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r>
              <a:rPr altLang="en-US" lang="zh-CN">
                <a:latin charset="-122" panose="020b0503020204020204" pitchFamily="34" typeface="微软雅黑"/>
                <a:ea charset="-122" panose="020b0503020204020204" pitchFamily="34" typeface="微软雅黑"/>
              </a:rPr>
              <a:t>中国农业银行</a:t>
            </a:r>
          </a:p>
        </p:txBody>
      </p:sp>
      <p:sp>
        <p:nvSpPr>
          <p:cNvPr id="5" name="任意多边形 4"/>
          <p:cNvSpPr/>
          <p:nvPr/>
        </p:nvSpPr>
        <p:spPr>
          <a:xfrm>
            <a:off x="1131898" y="3096129"/>
            <a:ext cx="1866664" cy="360241"/>
          </a:xfrm>
          <a:custGeom>
            <a:gdLst>
              <a:gd fmla="*/ 16062 w 4098963" name="connsiteX0"/>
              <a:gd fmla="*/ 0 h 340242" name="connsiteY0"/>
              <a:gd fmla="*/ 3928842 w 4098963" name="connsiteX1"/>
              <a:gd fmla="*/ 0 h 340242" name="connsiteY1"/>
              <a:gd fmla="*/ 4098963 w 4098963" name="connsiteX2"/>
              <a:gd fmla="*/ 170121 h 340242" name="connsiteY2"/>
              <a:gd fmla="*/ 3928842 w 4098963" name="connsiteX3"/>
              <a:gd fmla="*/ 340242 h 340242" name="connsiteY3"/>
              <a:gd fmla="*/ 16062 w 4098963" name="connsiteX4"/>
              <a:gd fmla="*/ 340242 h 340242" name="connsiteY4"/>
              <a:gd fmla="*/ 0 w 4098963" name="connsiteX5"/>
              <a:gd fmla="*/ 336999 h 340242" name="connsiteY5"/>
              <a:gd fmla="*/ 0 w 4098963" name="connsiteX6"/>
              <a:gd fmla="*/ 3243 h 340242" name="connsiteY6"/>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b="b" l="l" r="r" t="t"/>
            <a:pathLst>
              <a:path h="340242" w="4098963">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r>
              <a:rPr altLang="en-US" lang="zh-CN">
                <a:latin charset="-122" panose="020b0503020204020204" pitchFamily="34" typeface="微软雅黑"/>
                <a:ea charset="-122" panose="020b0503020204020204" pitchFamily="34" typeface="微软雅黑"/>
              </a:rPr>
              <a:t>中国农业银行</a:t>
            </a:r>
          </a:p>
        </p:txBody>
      </p:sp>
      <p:sp>
        <p:nvSpPr>
          <p:cNvPr id="6" name="任意多边形 5"/>
          <p:cNvSpPr/>
          <p:nvPr/>
        </p:nvSpPr>
        <p:spPr>
          <a:xfrm>
            <a:off x="1131901" y="3702676"/>
            <a:ext cx="2486295" cy="360241"/>
          </a:xfrm>
          <a:custGeom>
            <a:gdLst>
              <a:gd fmla="*/ 16062 w 4098963" name="connsiteX0"/>
              <a:gd fmla="*/ 0 h 340242" name="connsiteY0"/>
              <a:gd fmla="*/ 3928842 w 4098963" name="connsiteX1"/>
              <a:gd fmla="*/ 0 h 340242" name="connsiteY1"/>
              <a:gd fmla="*/ 4098963 w 4098963" name="connsiteX2"/>
              <a:gd fmla="*/ 170121 h 340242" name="connsiteY2"/>
              <a:gd fmla="*/ 3928842 w 4098963" name="connsiteX3"/>
              <a:gd fmla="*/ 340242 h 340242" name="connsiteY3"/>
              <a:gd fmla="*/ 16062 w 4098963" name="connsiteX4"/>
              <a:gd fmla="*/ 340242 h 340242" name="connsiteY4"/>
              <a:gd fmla="*/ 0 w 4098963" name="connsiteX5"/>
              <a:gd fmla="*/ 336999 h 340242" name="connsiteY5"/>
              <a:gd fmla="*/ 0 w 4098963" name="connsiteX6"/>
              <a:gd fmla="*/ 3243 h 340242" name="connsiteY6"/>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b="b" l="l" r="r" t="t"/>
            <a:pathLst>
              <a:path h="340242" w="4098963">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r>
              <a:rPr altLang="en-US" lang="zh-CN">
                <a:latin charset="-122" panose="020b0503020204020204" pitchFamily="34" typeface="微软雅黑"/>
                <a:ea charset="-122" panose="020b0503020204020204" pitchFamily="34" typeface="微软雅黑"/>
              </a:rPr>
              <a:t>中国农业银行</a:t>
            </a:r>
          </a:p>
        </p:txBody>
      </p:sp>
      <p:sp>
        <p:nvSpPr>
          <p:cNvPr id="7" name="任意多边形 6"/>
          <p:cNvSpPr/>
          <p:nvPr/>
        </p:nvSpPr>
        <p:spPr>
          <a:xfrm>
            <a:off x="1131901" y="4309225"/>
            <a:ext cx="3052003" cy="360241"/>
          </a:xfrm>
          <a:custGeom>
            <a:gdLst>
              <a:gd fmla="*/ 16062 w 4098963" name="connsiteX0"/>
              <a:gd fmla="*/ 0 h 340242" name="connsiteY0"/>
              <a:gd fmla="*/ 3928842 w 4098963" name="connsiteX1"/>
              <a:gd fmla="*/ 0 h 340242" name="connsiteY1"/>
              <a:gd fmla="*/ 4098963 w 4098963" name="connsiteX2"/>
              <a:gd fmla="*/ 170121 h 340242" name="connsiteY2"/>
              <a:gd fmla="*/ 3928842 w 4098963" name="connsiteX3"/>
              <a:gd fmla="*/ 340242 h 340242" name="connsiteY3"/>
              <a:gd fmla="*/ 16062 w 4098963" name="connsiteX4"/>
              <a:gd fmla="*/ 340242 h 340242" name="connsiteY4"/>
              <a:gd fmla="*/ 0 w 4098963" name="connsiteX5"/>
              <a:gd fmla="*/ 336999 h 340242" name="connsiteY5"/>
              <a:gd fmla="*/ 0 w 4098963" name="connsiteX6"/>
              <a:gd fmla="*/ 3243 h 340242" name="connsiteY6"/>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b="b" l="l" r="r" t="t"/>
            <a:pathLst>
              <a:path h="340242" w="4098963">
                <a:moveTo>
                  <a:pt x="16062" y="0"/>
                </a:moveTo>
                <a:lnTo>
                  <a:pt x="3928842" y="0"/>
                </a:lnTo>
                <a:cubicBezTo>
                  <a:pt x="4022797" y="0"/>
                  <a:pt x="4098963" y="76166"/>
                  <a:pt x="4098963" y="170121"/>
                </a:cubicBezTo>
                <a:cubicBezTo>
                  <a:pt x="4098963" y="264076"/>
                  <a:pt x="4022797" y="340242"/>
                  <a:pt x="3928842" y="340242"/>
                </a:cubicBezTo>
                <a:lnTo>
                  <a:pt x="16062" y="340242"/>
                </a:lnTo>
                <a:lnTo>
                  <a:pt x="0" y="336999"/>
                </a:lnTo>
                <a:lnTo>
                  <a:pt x="0" y="3243"/>
                </a:lnTo>
                <a:close/>
              </a:path>
            </a:pathLst>
          </a:cu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r>
              <a:rPr altLang="en-US" lang="zh-CN">
                <a:latin charset="-122" panose="020b0503020204020204" pitchFamily="34" typeface="微软雅黑"/>
                <a:ea charset="-122" panose="020b0503020204020204" pitchFamily="34" typeface="微软雅黑"/>
              </a:rPr>
              <a:t>中国农业银行</a:t>
            </a:r>
          </a:p>
        </p:txBody>
      </p:sp>
      <p:cxnSp>
        <p:nvCxnSpPr>
          <p:cNvPr id="8" name="直接连接符 7"/>
          <p:cNvCxnSpPr/>
          <p:nvPr/>
        </p:nvCxnSpPr>
        <p:spPr>
          <a:xfrm flipH="1">
            <a:off x="5224016" y="1273327"/>
            <a:ext cx="0" cy="3416209"/>
          </a:xfrm>
          <a:prstGeom prst="line">
            <a:avLst/>
          </a:prstGeom>
          <a:ln w="31750">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sp>
        <p:nvSpPr>
          <p:cNvPr id="12" name="文本框 40"/>
          <p:cNvSpPr txBox="1"/>
          <p:nvPr/>
        </p:nvSpPr>
        <p:spPr>
          <a:xfrm>
            <a:off x="4307782" y="1273323"/>
            <a:ext cx="916237" cy="518160"/>
          </a:xfrm>
          <a:prstGeom prst="rect">
            <a:avLst/>
          </a:prstGeom>
          <a:noFill/>
        </p:spPr>
        <p:txBody>
          <a:bodyPr rtlCol="0" wrap="square">
            <a:spAutoFit/>
          </a:bodyPr>
          <a:lstStyle/>
          <a:p>
            <a:r>
              <a:rPr altLang="zh-CN" lang="en-US" sz="2800">
                <a:latin charset="-122" panose="020b0503020204020204" pitchFamily="34" typeface="微软雅黑"/>
                <a:ea charset="-122" panose="020b0503020204020204" pitchFamily="34" typeface="微软雅黑"/>
              </a:rPr>
              <a:t>90%</a:t>
            </a:r>
          </a:p>
        </p:txBody>
      </p:sp>
      <p:sp>
        <p:nvSpPr>
          <p:cNvPr id="13" name="文本框 41"/>
          <p:cNvSpPr txBox="1"/>
          <p:nvPr/>
        </p:nvSpPr>
        <p:spPr>
          <a:xfrm>
            <a:off x="3587702" y="1879870"/>
            <a:ext cx="916237" cy="518160"/>
          </a:xfrm>
          <a:prstGeom prst="rect">
            <a:avLst/>
          </a:prstGeom>
          <a:noFill/>
        </p:spPr>
        <p:txBody>
          <a:bodyPr rtlCol="0" wrap="square">
            <a:spAutoFit/>
          </a:bodyPr>
          <a:lstStyle/>
          <a:p>
            <a:r>
              <a:rPr altLang="zh-CN" lang="en-US" sz="2800">
                <a:latin charset="-122" panose="020b0503020204020204" pitchFamily="34" typeface="微软雅黑"/>
                <a:ea charset="-122" panose="020b0503020204020204" pitchFamily="34" typeface="微软雅黑"/>
              </a:rPr>
              <a:t>71%</a:t>
            </a:r>
          </a:p>
        </p:txBody>
      </p:sp>
      <p:sp>
        <p:nvSpPr>
          <p:cNvPr id="14" name="文本框 42"/>
          <p:cNvSpPr txBox="1"/>
          <p:nvPr/>
        </p:nvSpPr>
        <p:spPr>
          <a:xfrm>
            <a:off x="4019750" y="2486417"/>
            <a:ext cx="916237" cy="518160"/>
          </a:xfrm>
          <a:prstGeom prst="rect">
            <a:avLst/>
          </a:prstGeom>
          <a:noFill/>
        </p:spPr>
        <p:txBody>
          <a:bodyPr rtlCol="0" wrap="square">
            <a:spAutoFit/>
          </a:bodyPr>
          <a:lstStyle/>
          <a:p>
            <a:r>
              <a:rPr altLang="zh-CN" lang="en-US" sz="2800">
                <a:latin charset="-122" panose="020b0503020204020204" pitchFamily="34" typeface="微软雅黑"/>
                <a:ea charset="-122" panose="020b0503020204020204" pitchFamily="34" typeface="微软雅黑"/>
              </a:rPr>
              <a:t>80%</a:t>
            </a:r>
          </a:p>
        </p:txBody>
      </p:sp>
      <p:sp>
        <p:nvSpPr>
          <p:cNvPr id="15" name="文本框 43"/>
          <p:cNvSpPr txBox="1"/>
          <p:nvPr/>
        </p:nvSpPr>
        <p:spPr>
          <a:xfrm>
            <a:off x="3083646" y="3092964"/>
            <a:ext cx="916237" cy="518160"/>
          </a:xfrm>
          <a:prstGeom prst="rect">
            <a:avLst/>
          </a:prstGeom>
          <a:noFill/>
        </p:spPr>
        <p:txBody>
          <a:bodyPr rtlCol="0" wrap="square">
            <a:spAutoFit/>
          </a:bodyPr>
          <a:lstStyle/>
          <a:p>
            <a:r>
              <a:rPr altLang="zh-CN" lang="en-US" sz="2800">
                <a:latin charset="-122" panose="020b0503020204020204" pitchFamily="34" typeface="微软雅黑"/>
                <a:ea charset="-122" panose="020b0503020204020204" pitchFamily="34" typeface="微软雅黑"/>
              </a:rPr>
              <a:t>49%</a:t>
            </a:r>
          </a:p>
        </p:txBody>
      </p:sp>
      <p:sp>
        <p:nvSpPr>
          <p:cNvPr id="16" name="文本框 44"/>
          <p:cNvSpPr txBox="1"/>
          <p:nvPr/>
        </p:nvSpPr>
        <p:spPr>
          <a:xfrm>
            <a:off x="3659710" y="3699511"/>
            <a:ext cx="916237" cy="518160"/>
          </a:xfrm>
          <a:prstGeom prst="rect">
            <a:avLst/>
          </a:prstGeom>
          <a:noFill/>
        </p:spPr>
        <p:txBody>
          <a:bodyPr rtlCol="0" wrap="square">
            <a:spAutoFit/>
          </a:bodyPr>
          <a:lstStyle/>
          <a:p>
            <a:r>
              <a:rPr altLang="zh-CN" lang="en-US" sz="2800">
                <a:latin charset="-122" panose="020b0503020204020204" pitchFamily="34" typeface="微软雅黑"/>
                <a:ea charset="-122" panose="020b0503020204020204" pitchFamily="34" typeface="微软雅黑"/>
              </a:rPr>
              <a:t>63%</a:t>
            </a:r>
          </a:p>
        </p:txBody>
      </p:sp>
      <p:sp>
        <p:nvSpPr>
          <p:cNvPr id="17" name="文本框 45"/>
          <p:cNvSpPr txBox="1"/>
          <p:nvPr/>
        </p:nvSpPr>
        <p:spPr>
          <a:xfrm>
            <a:off x="4091758" y="4306060"/>
            <a:ext cx="916237" cy="518160"/>
          </a:xfrm>
          <a:prstGeom prst="rect">
            <a:avLst/>
          </a:prstGeom>
          <a:noFill/>
        </p:spPr>
        <p:txBody>
          <a:bodyPr rtlCol="0" wrap="square">
            <a:spAutoFit/>
          </a:bodyPr>
          <a:lstStyle/>
          <a:p>
            <a:r>
              <a:rPr altLang="zh-CN" lang="en-US" sz="2800">
                <a:latin charset="-122" panose="020b0503020204020204" pitchFamily="34" typeface="微软雅黑"/>
                <a:ea charset="-122" panose="020b0503020204020204" pitchFamily="34" typeface="微软雅黑"/>
              </a:rPr>
              <a:t>82%</a:t>
            </a:r>
          </a:p>
        </p:txBody>
      </p:sp>
      <p:pic>
        <p:nvPicPr>
          <p:cNvPr id="18" name="Picture 2"/>
          <p:cNvPicPr>
            <a:picLocks noChangeArrowheads="1" noChangeAspect="1"/>
          </p:cNvPicPr>
          <p:nvPr/>
        </p:nvPicPr>
        <p:blipFill>
          <a:blip r:embed="rId3">
            <a:extLst>
              <a:ext uri="{28A0092B-C50C-407E-A947-70E740481C1C}">
                <a14:useLocalDpi val="0"/>
              </a:ext>
            </a:extLst>
          </a:blip>
          <a:stretch>
            <a:fillRect/>
          </a:stretch>
        </p:blipFill>
        <p:spPr bwMode="auto">
          <a:xfrm>
            <a:off x="911012" y="191028"/>
            <a:ext cx="1936740" cy="642404"/>
          </a:xfrm>
          <a:prstGeom prst="rect">
            <a:avLst/>
          </a:prstGeom>
          <a:noFill/>
          <a:extLst>
            <a:ext uri="{909E8E84-426E-40DD-AFC4-6F175D3DCCD1}">
              <a14:hiddenFill>
                <a:solidFill>
                  <a:srgbClr val="FFFFFF"/>
                </a:solidFill>
              </a14:hiddenFill>
            </a:ext>
          </a:extLst>
        </p:spPr>
      </p:pic>
      <p:cxnSp>
        <p:nvCxnSpPr>
          <p:cNvPr id="19" name="直接连接符 18"/>
          <p:cNvCxnSpPr/>
          <p:nvPr/>
        </p:nvCxnSpPr>
        <p:spPr>
          <a:xfrm>
            <a:off x="2991768" y="625252"/>
            <a:ext cx="6660232" cy="0"/>
          </a:xfrm>
          <a:prstGeom prst="line">
            <a:avLst/>
          </a:prstGeom>
          <a:ln w="38100">
            <a:solidFill>
              <a:srgbClr val="00544A"/>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val="975589567"/>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grpId="0" id="5" nodeType="afterEffect" presetClass="entr" presetID="22" presetSubtype="8">
                                  <p:stCondLst>
                                    <p:cond delay="0"/>
                                  </p:stCondLst>
                                  <p:childTnLst>
                                    <p:set>
                                      <p:cBhvr>
                                        <p:cTn dur="1" fill="hold" id="6">
                                          <p:stCondLst>
                                            <p:cond delay="0"/>
                                          </p:stCondLst>
                                        </p:cTn>
                                        <p:tgtEl>
                                          <p:spTgt spid="2"/>
                                        </p:tgtEl>
                                        <p:attrNameLst>
                                          <p:attrName>style.visibility</p:attrName>
                                        </p:attrNameLst>
                                      </p:cBhvr>
                                      <p:to>
                                        <p:strVal val="visible"/>
                                      </p:to>
                                    </p:set>
                                    <p:animEffect filter="wipe(left)" transition="in">
                                      <p:cBhvr>
                                        <p:cTn dur="500" id="7"/>
                                        <p:tgtEl>
                                          <p:spTgt spid="2"/>
                                        </p:tgtEl>
                                      </p:cBhvr>
                                    </p:animEffect>
                                  </p:childTnLst>
                                </p:cTn>
                              </p:par>
                            </p:childTnLst>
                          </p:cTn>
                        </p:par>
                        <p:par>
                          <p:cTn fill="hold" id="8" nodeType="afterGroup">
                            <p:stCondLst>
                              <p:cond delay="500"/>
                            </p:stCondLst>
                            <p:childTnLst>
                              <p:par>
                                <p:cTn fill="hold" grpId="0" id="9" nodeType="afterEffect" presetClass="entr" presetID="1" presetSubtype="0">
                                  <p:stCondLst>
                                    <p:cond delay="0"/>
                                  </p:stCondLst>
                                  <p:childTnLst>
                                    <p:set>
                                      <p:cBhvr>
                                        <p:cTn dur="1" fill="hold" id="10">
                                          <p:stCondLst>
                                            <p:cond delay="0"/>
                                          </p:stCondLst>
                                        </p:cTn>
                                        <p:tgtEl>
                                          <p:spTgt spid="12"/>
                                        </p:tgtEl>
                                        <p:attrNameLst>
                                          <p:attrName>style.visibility</p:attrName>
                                        </p:attrNameLst>
                                      </p:cBhvr>
                                      <p:to>
                                        <p:strVal val="visible"/>
                                      </p:to>
                                    </p:set>
                                  </p:childTnLst>
                                </p:cTn>
                              </p:par>
                            </p:childTnLst>
                          </p:cTn>
                        </p:par>
                        <p:par>
                          <p:cTn fill="hold" id="11" nodeType="afterGroup">
                            <p:stCondLst>
                              <p:cond delay="501"/>
                            </p:stCondLst>
                            <p:childTnLst>
                              <p:par>
                                <p:cTn fill="hold" grpId="0" id="12" nodeType="afterEffect" presetClass="entr" presetID="22" presetSubtype="8">
                                  <p:stCondLst>
                                    <p:cond delay="0"/>
                                  </p:stCondLst>
                                  <p:childTnLst>
                                    <p:set>
                                      <p:cBhvr>
                                        <p:cTn dur="1" fill="hold" id="13">
                                          <p:stCondLst>
                                            <p:cond delay="0"/>
                                          </p:stCondLst>
                                        </p:cTn>
                                        <p:tgtEl>
                                          <p:spTgt spid="3"/>
                                        </p:tgtEl>
                                        <p:attrNameLst>
                                          <p:attrName>style.visibility</p:attrName>
                                        </p:attrNameLst>
                                      </p:cBhvr>
                                      <p:to>
                                        <p:strVal val="visible"/>
                                      </p:to>
                                    </p:set>
                                    <p:animEffect filter="wipe(left)" transition="in">
                                      <p:cBhvr>
                                        <p:cTn dur="500" id="14"/>
                                        <p:tgtEl>
                                          <p:spTgt spid="3"/>
                                        </p:tgtEl>
                                      </p:cBhvr>
                                    </p:animEffect>
                                  </p:childTnLst>
                                </p:cTn>
                              </p:par>
                            </p:childTnLst>
                          </p:cTn>
                        </p:par>
                        <p:par>
                          <p:cTn fill="hold" id="15" nodeType="afterGroup">
                            <p:stCondLst>
                              <p:cond delay="1001"/>
                            </p:stCondLst>
                            <p:childTnLst>
                              <p:par>
                                <p:cTn fill="hold" grpId="0" id="16" nodeType="afterEffect" presetClass="entr" presetID="1" presetSubtype="0">
                                  <p:stCondLst>
                                    <p:cond delay="0"/>
                                  </p:stCondLst>
                                  <p:childTnLst>
                                    <p:set>
                                      <p:cBhvr>
                                        <p:cTn dur="1" fill="hold" id="17">
                                          <p:stCondLst>
                                            <p:cond delay="0"/>
                                          </p:stCondLst>
                                        </p:cTn>
                                        <p:tgtEl>
                                          <p:spTgt spid="13"/>
                                        </p:tgtEl>
                                        <p:attrNameLst>
                                          <p:attrName>style.visibility</p:attrName>
                                        </p:attrNameLst>
                                      </p:cBhvr>
                                      <p:to>
                                        <p:strVal val="visible"/>
                                      </p:to>
                                    </p:set>
                                  </p:childTnLst>
                                </p:cTn>
                              </p:par>
                            </p:childTnLst>
                          </p:cTn>
                        </p:par>
                        <p:par>
                          <p:cTn fill="hold" id="18" nodeType="afterGroup">
                            <p:stCondLst>
                              <p:cond delay="1002"/>
                            </p:stCondLst>
                            <p:childTnLst>
                              <p:par>
                                <p:cTn fill="hold" grpId="0" id="19" nodeType="afterEffect" presetClass="entr" presetID="22" presetSubtype="8">
                                  <p:stCondLst>
                                    <p:cond delay="0"/>
                                  </p:stCondLst>
                                  <p:childTnLst>
                                    <p:set>
                                      <p:cBhvr>
                                        <p:cTn dur="1" fill="hold" id="20">
                                          <p:stCondLst>
                                            <p:cond delay="0"/>
                                          </p:stCondLst>
                                        </p:cTn>
                                        <p:tgtEl>
                                          <p:spTgt spid="4"/>
                                        </p:tgtEl>
                                        <p:attrNameLst>
                                          <p:attrName>style.visibility</p:attrName>
                                        </p:attrNameLst>
                                      </p:cBhvr>
                                      <p:to>
                                        <p:strVal val="visible"/>
                                      </p:to>
                                    </p:set>
                                    <p:animEffect filter="wipe(left)" transition="in">
                                      <p:cBhvr>
                                        <p:cTn dur="500" id="21"/>
                                        <p:tgtEl>
                                          <p:spTgt spid="4"/>
                                        </p:tgtEl>
                                      </p:cBhvr>
                                    </p:animEffect>
                                  </p:childTnLst>
                                </p:cTn>
                              </p:par>
                            </p:childTnLst>
                          </p:cTn>
                        </p:par>
                        <p:par>
                          <p:cTn fill="hold" id="22" nodeType="afterGroup">
                            <p:stCondLst>
                              <p:cond delay="1502"/>
                            </p:stCondLst>
                            <p:childTnLst>
                              <p:par>
                                <p:cTn fill="hold" grpId="0" id="23" nodeType="afterEffect" presetClass="entr" presetID="1" presetSubtype="0">
                                  <p:stCondLst>
                                    <p:cond delay="0"/>
                                  </p:stCondLst>
                                  <p:childTnLst>
                                    <p:set>
                                      <p:cBhvr>
                                        <p:cTn dur="1" fill="hold" id="24">
                                          <p:stCondLst>
                                            <p:cond delay="0"/>
                                          </p:stCondLst>
                                        </p:cTn>
                                        <p:tgtEl>
                                          <p:spTgt spid="14"/>
                                        </p:tgtEl>
                                        <p:attrNameLst>
                                          <p:attrName>style.visibility</p:attrName>
                                        </p:attrNameLst>
                                      </p:cBhvr>
                                      <p:to>
                                        <p:strVal val="visible"/>
                                      </p:to>
                                    </p:set>
                                  </p:childTnLst>
                                </p:cTn>
                              </p:par>
                            </p:childTnLst>
                          </p:cTn>
                        </p:par>
                        <p:par>
                          <p:cTn fill="hold" id="25" nodeType="afterGroup">
                            <p:stCondLst>
                              <p:cond delay="1503"/>
                            </p:stCondLst>
                            <p:childTnLst>
                              <p:par>
                                <p:cTn fill="hold" grpId="0" id="26" nodeType="afterEffect" presetClass="entr" presetID="22" presetSubtype="8">
                                  <p:stCondLst>
                                    <p:cond delay="0"/>
                                  </p:stCondLst>
                                  <p:childTnLst>
                                    <p:set>
                                      <p:cBhvr>
                                        <p:cTn dur="1" fill="hold" id="27">
                                          <p:stCondLst>
                                            <p:cond delay="0"/>
                                          </p:stCondLst>
                                        </p:cTn>
                                        <p:tgtEl>
                                          <p:spTgt spid="5"/>
                                        </p:tgtEl>
                                        <p:attrNameLst>
                                          <p:attrName>style.visibility</p:attrName>
                                        </p:attrNameLst>
                                      </p:cBhvr>
                                      <p:to>
                                        <p:strVal val="visible"/>
                                      </p:to>
                                    </p:set>
                                    <p:animEffect filter="wipe(left)" transition="in">
                                      <p:cBhvr>
                                        <p:cTn dur="500" id="28"/>
                                        <p:tgtEl>
                                          <p:spTgt spid="5"/>
                                        </p:tgtEl>
                                      </p:cBhvr>
                                    </p:animEffect>
                                  </p:childTnLst>
                                </p:cTn>
                              </p:par>
                            </p:childTnLst>
                          </p:cTn>
                        </p:par>
                        <p:par>
                          <p:cTn fill="hold" id="29" nodeType="afterGroup">
                            <p:stCondLst>
                              <p:cond delay="2003"/>
                            </p:stCondLst>
                            <p:childTnLst>
                              <p:par>
                                <p:cTn fill="hold" grpId="0" id="30" nodeType="afterEffect" presetClass="entr" presetID="1" presetSubtype="0">
                                  <p:stCondLst>
                                    <p:cond delay="0"/>
                                  </p:stCondLst>
                                  <p:childTnLst>
                                    <p:set>
                                      <p:cBhvr>
                                        <p:cTn dur="1" fill="hold" id="31">
                                          <p:stCondLst>
                                            <p:cond delay="0"/>
                                          </p:stCondLst>
                                        </p:cTn>
                                        <p:tgtEl>
                                          <p:spTgt spid="15"/>
                                        </p:tgtEl>
                                        <p:attrNameLst>
                                          <p:attrName>style.visibility</p:attrName>
                                        </p:attrNameLst>
                                      </p:cBhvr>
                                      <p:to>
                                        <p:strVal val="visible"/>
                                      </p:to>
                                    </p:set>
                                  </p:childTnLst>
                                </p:cTn>
                              </p:par>
                            </p:childTnLst>
                          </p:cTn>
                        </p:par>
                        <p:par>
                          <p:cTn fill="hold" id="32" nodeType="afterGroup">
                            <p:stCondLst>
                              <p:cond delay="2004"/>
                            </p:stCondLst>
                            <p:childTnLst>
                              <p:par>
                                <p:cTn fill="hold" grpId="0" id="33" nodeType="afterEffect" presetClass="entr" presetID="22" presetSubtype="8">
                                  <p:stCondLst>
                                    <p:cond delay="0"/>
                                  </p:stCondLst>
                                  <p:childTnLst>
                                    <p:set>
                                      <p:cBhvr>
                                        <p:cTn dur="1" fill="hold" id="34">
                                          <p:stCondLst>
                                            <p:cond delay="0"/>
                                          </p:stCondLst>
                                        </p:cTn>
                                        <p:tgtEl>
                                          <p:spTgt spid="6"/>
                                        </p:tgtEl>
                                        <p:attrNameLst>
                                          <p:attrName>style.visibility</p:attrName>
                                        </p:attrNameLst>
                                      </p:cBhvr>
                                      <p:to>
                                        <p:strVal val="visible"/>
                                      </p:to>
                                    </p:set>
                                    <p:animEffect filter="wipe(left)" transition="in">
                                      <p:cBhvr>
                                        <p:cTn dur="500" id="35"/>
                                        <p:tgtEl>
                                          <p:spTgt spid="6"/>
                                        </p:tgtEl>
                                      </p:cBhvr>
                                    </p:animEffect>
                                  </p:childTnLst>
                                </p:cTn>
                              </p:par>
                            </p:childTnLst>
                          </p:cTn>
                        </p:par>
                        <p:par>
                          <p:cTn fill="hold" id="36" nodeType="afterGroup">
                            <p:stCondLst>
                              <p:cond delay="2504"/>
                            </p:stCondLst>
                            <p:childTnLst>
                              <p:par>
                                <p:cTn fill="hold" grpId="0" id="37" nodeType="afterEffect" presetClass="entr" presetID="1" presetSubtype="0">
                                  <p:stCondLst>
                                    <p:cond delay="0"/>
                                  </p:stCondLst>
                                  <p:childTnLst>
                                    <p:set>
                                      <p:cBhvr>
                                        <p:cTn dur="1" fill="hold" id="38">
                                          <p:stCondLst>
                                            <p:cond delay="0"/>
                                          </p:stCondLst>
                                        </p:cTn>
                                        <p:tgtEl>
                                          <p:spTgt spid="16"/>
                                        </p:tgtEl>
                                        <p:attrNameLst>
                                          <p:attrName>style.visibility</p:attrName>
                                        </p:attrNameLst>
                                      </p:cBhvr>
                                      <p:to>
                                        <p:strVal val="visible"/>
                                      </p:to>
                                    </p:set>
                                  </p:childTnLst>
                                </p:cTn>
                              </p:par>
                            </p:childTnLst>
                          </p:cTn>
                        </p:par>
                        <p:par>
                          <p:cTn fill="hold" id="39" nodeType="afterGroup">
                            <p:stCondLst>
                              <p:cond delay="2505"/>
                            </p:stCondLst>
                            <p:childTnLst>
                              <p:par>
                                <p:cTn fill="hold" grpId="0" id="40" nodeType="afterEffect" presetClass="entr" presetID="22" presetSubtype="8">
                                  <p:stCondLst>
                                    <p:cond delay="0"/>
                                  </p:stCondLst>
                                  <p:childTnLst>
                                    <p:set>
                                      <p:cBhvr>
                                        <p:cTn dur="1" fill="hold" id="41">
                                          <p:stCondLst>
                                            <p:cond delay="0"/>
                                          </p:stCondLst>
                                        </p:cTn>
                                        <p:tgtEl>
                                          <p:spTgt spid="7"/>
                                        </p:tgtEl>
                                        <p:attrNameLst>
                                          <p:attrName>style.visibility</p:attrName>
                                        </p:attrNameLst>
                                      </p:cBhvr>
                                      <p:to>
                                        <p:strVal val="visible"/>
                                      </p:to>
                                    </p:set>
                                    <p:animEffect filter="wipe(left)" transition="in">
                                      <p:cBhvr>
                                        <p:cTn dur="500" id="42"/>
                                        <p:tgtEl>
                                          <p:spTgt spid="7"/>
                                        </p:tgtEl>
                                      </p:cBhvr>
                                    </p:animEffect>
                                  </p:childTnLst>
                                </p:cTn>
                              </p:par>
                            </p:childTnLst>
                          </p:cTn>
                        </p:par>
                        <p:par>
                          <p:cTn fill="hold" id="43" nodeType="afterGroup">
                            <p:stCondLst>
                              <p:cond delay="3005"/>
                            </p:stCondLst>
                            <p:childTnLst>
                              <p:par>
                                <p:cTn fill="hold" grpId="0" id="44" nodeType="afterEffect" presetClass="entr" presetID="1" presetSubtype="0">
                                  <p:stCondLst>
                                    <p:cond delay="0"/>
                                  </p:stCondLst>
                                  <p:childTnLst>
                                    <p:set>
                                      <p:cBhvr>
                                        <p:cTn dur="1" fill="hold" id="45">
                                          <p:stCondLst>
                                            <p:cond delay="0"/>
                                          </p:stCondLst>
                                        </p:cTn>
                                        <p:tgtEl>
                                          <p:spTgt spid="17"/>
                                        </p:tgtEl>
                                        <p:attrNameLst>
                                          <p:attrName>style.visibility</p:attrName>
                                        </p:attrNameLst>
                                      </p:cBhvr>
                                      <p:to>
                                        <p:strVal val="visible"/>
                                      </p:to>
                                    </p:set>
                                  </p:childTnLst>
                                </p:cTn>
                              </p:par>
                            </p:childTnLst>
                          </p:cTn>
                        </p:par>
                        <p:par>
                          <p:cTn fill="hold" id="46" nodeType="afterGroup">
                            <p:stCondLst>
                              <p:cond delay="3006"/>
                            </p:stCondLst>
                            <p:childTnLst>
                              <p:par>
                                <p:cTn fill="hold" id="47" nodeType="afterEffect" presetClass="entr" presetID="22" presetSubtype="1">
                                  <p:stCondLst>
                                    <p:cond delay="0"/>
                                  </p:stCondLst>
                                  <p:childTnLst>
                                    <p:set>
                                      <p:cBhvr>
                                        <p:cTn dur="1" fill="hold" id="48">
                                          <p:stCondLst>
                                            <p:cond delay="0"/>
                                          </p:stCondLst>
                                        </p:cTn>
                                        <p:tgtEl>
                                          <p:spTgt spid="8"/>
                                        </p:tgtEl>
                                        <p:attrNameLst>
                                          <p:attrName>style.visibility</p:attrName>
                                        </p:attrNameLst>
                                      </p:cBhvr>
                                      <p:to>
                                        <p:strVal val="visible"/>
                                      </p:to>
                                    </p:set>
                                    <p:animEffect filter="wipe(up)" transition="in">
                                      <p:cBhvr>
                                        <p:cTn dur="500" id="49"/>
                                        <p:tgtEl>
                                          <p:spTgt spid="8"/>
                                        </p:tgtEl>
                                      </p:cBhvr>
                                    </p:animEffect>
                                  </p:childTnLst>
                                </p:cTn>
                              </p:par>
                            </p:childTnLst>
                          </p:cTn>
                        </p:par>
                        <p:par>
                          <p:cTn fill="hold" id="50" nodeType="afterGroup">
                            <p:stCondLst>
                              <p:cond delay="3506"/>
                            </p:stCondLst>
                            <p:childTnLst>
                              <p:par>
                                <p:cTn fill="hold" id="51" nodeType="afterEffect" presetClass="entr" presetID="42" presetSubtype="0">
                                  <p:stCondLst>
                                    <p:cond delay="0"/>
                                  </p:stCondLst>
                                  <p:childTnLst>
                                    <p:set>
                                      <p:cBhvr>
                                        <p:cTn dur="1" fill="hold" id="52">
                                          <p:stCondLst>
                                            <p:cond delay="0"/>
                                          </p:stCondLst>
                                        </p:cTn>
                                        <p:tgtEl>
                                          <p:spTgt spid="21"/>
                                        </p:tgtEl>
                                        <p:attrNameLst>
                                          <p:attrName>style.visibility</p:attrName>
                                        </p:attrNameLst>
                                      </p:cBhvr>
                                      <p:to>
                                        <p:strVal val="visible"/>
                                      </p:to>
                                    </p:set>
                                    <p:animEffect filter="fade" transition="in">
                                      <p:cBhvr>
                                        <p:cTn dur="1000" id="53"/>
                                        <p:tgtEl>
                                          <p:spTgt spid="21"/>
                                        </p:tgtEl>
                                      </p:cBhvr>
                                    </p:animEffect>
                                    <p:anim calcmode="lin" valueType="num">
                                      <p:cBhvr>
                                        <p:cTn dur="1000" fill="hold" id="54"/>
                                        <p:tgtEl>
                                          <p:spTgt spid="21"/>
                                        </p:tgtEl>
                                        <p:attrNameLst>
                                          <p:attrName>ppt_x</p:attrName>
                                        </p:attrNameLst>
                                      </p:cBhvr>
                                      <p:tavLst>
                                        <p:tav tm="0">
                                          <p:val>
                                            <p:strVal val="#ppt_x"/>
                                          </p:val>
                                        </p:tav>
                                        <p:tav tm="100000">
                                          <p:val>
                                            <p:strVal val="#ppt_x"/>
                                          </p:val>
                                        </p:tav>
                                      </p:tavLst>
                                    </p:anim>
                                    <p:anim calcmode="lin" valueType="num">
                                      <p:cBhvr>
                                        <p:cTn dur="1000" fill="hold" id="55"/>
                                        <p:tgtEl>
                                          <p:spTgt spid="21"/>
                                        </p:tgtEl>
                                        <p:attrNameLst>
                                          <p:attrName>ppt_y</p:attrName>
                                        </p:attrNameLst>
                                      </p:cBhvr>
                                      <p:tavLst>
                                        <p:tav tm="0">
                                          <p:val>
                                            <p:strVal val="#ppt_y+.1"/>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
      <p:bldP grpId="0" spid="3"/>
      <p:bldP grpId="0" spid="4"/>
      <p:bldP grpId="0" spid="5"/>
      <p:bldP grpId="0" spid="6"/>
      <p:bldP grpId="0" spid="7"/>
      <p:bldP grpId="0" spid="12"/>
      <p:bldP grpId="0" spid="13"/>
      <p:bldP grpId="0" spid="14"/>
      <p:bldP grpId="0" spid="15"/>
      <p:bldP grpId="0" spid="16"/>
      <p:bldP grpId="0" spid="17"/>
    </p:bldLst>
  </p:timing>
</p:sld>
</file>

<file path=ppt/slides/slide3.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sp>
        <p:nvSpPr>
          <p:cNvPr id="35" name="任意多边形 34"/>
          <p:cNvSpPr/>
          <p:nvPr/>
        </p:nvSpPr>
        <p:spPr>
          <a:xfrm>
            <a:off x="2016029" y="1970237"/>
            <a:ext cx="6216476" cy="1667317"/>
          </a:xfrm>
          <a:custGeom>
            <a:gdLst>
              <a:gd fmla="*/ 0 w 5288145" name="connsiteX0"/>
              <a:gd fmla="*/ 1214857 h 1214857" name="connsiteY0"/>
              <a:gd fmla="*/ 1440045 w 5288145" name="connsiteX1"/>
              <a:gd fmla="*/ 0 h 1214857" name="connsiteY1"/>
              <a:gd fmla="*/ 2513279 w 5288145" name="connsiteX2"/>
              <a:gd fmla="*/ 1131765 h 1214857" name="connsiteY2"/>
              <a:gd fmla="*/ 3878445 w 5288145" name="connsiteX3"/>
              <a:gd fmla="*/ 114300 h 1214857" name="connsiteY3"/>
              <a:gd fmla="*/ 5288145 w 5288145" name="connsiteX4"/>
              <a:gd fmla="*/ 1143000 h 1214857" name="connsiteY4"/>
            </a:gdLst>
            <a:cxnLst>
              <a:cxn ang="0">
                <a:pos x="connsiteX0" y="connsiteY0"/>
              </a:cxn>
              <a:cxn ang="0">
                <a:pos x="connsiteX1" y="connsiteY1"/>
              </a:cxn>
              <a:cxn ang="0">
                <a:pos x="connsiteX2" y="connsiteY2"/>
              </a:cxn>
              <a:cxn ang="0">
                <a:pos x="connsiteX3" y="connsiteY3"/>
              </a:cxn>
              <a:cxn ang="0">
                <a:pos x="connsiteX4" y="connsiteY4"/>
              </a:cxn>
            </a:cxnLst>
            <a:rect b="b" l="l" r="r" t="t"/>
            <a:pathLst>
              <a:path h="1214857" w="5288145">
                <a:moveTo>
                  <a:pt x="0" y="1214857"/>
                </a:moveTo>
                <a:lnTo>
                  <a:pt x="1440045" y="0"/>
                </a:lnTo>
                <a:lnTo>
                  <a:pt x="2513279" y="1131765"/>
                </a:lnTo>
                <a:lnTo>
                  <a:pt x="3878445" y="114300"/>
                </a:lnTo>
                <a:lnTo>
                  <a:pt x="5288145" y="1143000"/>
                </a:lnTo>
              </a:path>
            </a:pathLst>
          </a:custGeom>
          <a:ln w="38100">
            <a:solidFill>
              <a:srgbClr val="00544A"/>
            </a:solidFill>
          </a:ln>
        </p:spPr>
        <p:style>
          <a:lnRef idx="1">
            <a:schemeClr val="accent1"/>
          </a:lnRef>
          <a:fillRef idx="0">
            <a:schemeClr val="accent1"/>
          </a:fillRef>
          <a:effectRef idx="0">
            <a:schemeClr val="accent1"/>
          </a:effectRef>
          <a:fontRef idx="minor">
            <a:schemeClr val="tx1"/>
          </a:fontRef>
        </p:style>
        <p:txBody>
          <a:bodyPr anchor="ctr" rtlCol="0"/>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endParaRPr altLang="en-US" lang="zh-CN"/>
          </a:p>
        </p:txBody>
      </p:sp>
      <p:sp>
        <p:nvSpPr>
          <p:cNvPr id="39" name="椭圆 38"/>
          <p:cNvSpPr/>
          <p:nvPr/>
        </p:nvSpPr>
        <p:spPr>
          <a:xfrm>
            <a:off x="7806807" y="3113234"/>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en-US" lang="zh-CN"/>
              <a:t>￥$</a:t>
            </a:r>
          </a:p>
        </p:txBody>
      </p:sp>
      <p:sp>
        <p:nvSpPr>
          <p:cNvPr id="43" name="TextBox 9"/>
          <p:cNvSpPr txBox="1"/>
          <p:nvPr/>
        </p:nvSpPr>
        <p:spPr>
          <a:xfrm>
            <a:off x="1373497" y="4122070"/>
            <a:ext cx="1097280" cy="365760"/>
          </a:xfrm>
          <a:prstGeom prst="rect">
            <a:avLst/>
          </a:prstGeom>
          <a:noFill/>
        </p:spPr>
        <p:txBody>
          <a:bodyPr rtlCol="0" wrap="non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r>
              <a:rPr altLang="en-US" lang="zh-CN">
                <a:latin charset="-122" panose="020b0503020204020204" pitchFamily="34" typeface="微软雅黑"/>
                <a:ea charset="-122" panose="020b0503020204020204" pitchFamily="34" typeface="微软雅黑"/>
              </a:rPr>
              <a:t>获得任务</a:t>
            </a:r>
          </a:p>
        </p:txBody>
      </p:sp>
      <p:sp>
        <p:nvSpPr>
          <p:cNvPr id="44" name="TextBox 10"/>
          <p:cNvSpPr txBox="1"/>
          <p:nvPr/>
        </p:nvSpPr>
        <p:spPr>
          <a:xfrm>
            <a:off x="4468669" y="4122070"/>
            <a:ext cx="1097280" cy="365760"/>
          </a:xfrm>
          <a:prstGeom prst="rect">
            <a:avLst/>
          </a:prstGeom>
          <a:noFill/>
        </p:spPr>
        <p:txBody>
          <a:bodyPr rtlCol="0" wrap="non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r>
              <a:rPr altLang="en-US" lang="zh-CN">
                <a:latin charset="-122" panose="020b0503020204020204" pitchFamily="34" typeface="微软雅黑"/>
                <a:ea charset="-122" panose="020b0503020204020204" pitchFamily="34" typeface="微软雅黑"/>
              </a:rPr>
              <a:t>重新改造</a:t>
            </a:r>
          </a:p>
        </p:txBody>
      </p:sp>
      <p:sp>
        <p:nvSpPr>
          <p:cNvPr id="45" name="TextBox 11"/>
          <p:cNvSpPr txBox="1"/>
          <p:nvPr/>
        </p:nvSpPr>
        <p:spPr>
          <a:xfrm>
            <a:off x="7678508" y="4122070"/>
            <a:ext cx="1097280" cy="365760"/>
          </a:xfrm>
          <a:prstGeom prst="rect">
            <a:avLst/>
          </a:prstGeom>
          <a:noFill/>
        </p:spPr>
        <p:txBody>
          <a:bodyPr rtlCol="0" wrap="non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r>
              <a:rPr altLang="en-US" lang="zh-CN">
                <a:latin charset="-122" panose="020b0503020204020204" pitchFamily="34" typeface="微软雅黑"/>
                <a:ea charset="-122" panose="020b0503020204020204" pitchFamily="34" typeface="微软雅黑"/>
              </a:rPr>
              <a:t>利润获得</a:t>
            </a:r>
          </a:p>
        </p:txBody>
      </p:sp>
      <p:sp>
        <p:nvSpPr>
          <p:cNvPr id="46" name="TextBox 12"/>
          <p:cNvSpPr txBox="1"/>
          <p:nvPr/>
        </p:nvSpPr>
        <p:spPr>
          <a:xfrm>
            <a:off x="5938417" y="2619226"/>
            <a:ext cx="1097280" cy="365760"/>
          </a:xfrm>
          <a:prstGeom prst="rect">
            <a:avLst/>
          </a:prstGeom>
          <a:noFill/>
        </p:spPr>
        <p:txBody>
          <a:bodyPr rtlCol="0" wrap="non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r>
              <a:rPr altLang="en-US" lang="zh-CN">
                <a:latin charset="-122" panose="020b0503020204020204" pitchFamily="34" typeface="微软雅黑"/>
                <a:ea charset="-122" panose="020b0503020204020204" pitchFamily="34" typeface="微软雅黑"/>
              </a:rPr>
              <a:t>进行优化</a:t>
            </a:r>
          </a:p>
        </p:txBody>
      </p:sp>
      <p:sp>
        <p:nvSpPr>
          <p:cNvPr id="47" name="TextBox 13"/>
          <p:cNvSpPr txBox="1"/>
          <p:nvPr/>
        </p:nvSpPr>
        <p:spPr>
          <a:xfrm>
            <a:off x="3135653" y="2619226"/>
            <a:ext cx="1097280" cy="365760"/>
          </a:xfrm>
          <a:prstGeom prst="rect">
            <a:avLst/>
          </a:prstGeom>
          <a:noFill/>
        </p:spPr>
        <p:txBody>
          <a:bodyPr rtlCol="0" wrap="non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r>
              <a:rPr altLang="en-US" lang="zh-CN">
                <a:latin charset="-122" panose="020b0503020204020204" pitchFamily="34" typeface="微软雅黑"/>
                <a:ea charset="-122" panose="020b0503020204020204" pitchFamily="34" typeface="微软雅黑"/>
              </a:rPr>
              <a:t>分析任务</a:t>
            </a:r>
          </a:p>
        </p:txBody>
      </p:sp>
      <p:grpSp>
        <p:nvGrpSpPr>
          <p:cNvPr id="4" name="组合 3"/>
          <p:cNvGrpSpPr/>
          <p:nvPr/>
        </p:nvGrpSpPr>
        <p:grpSpPr>
          <a:xfrm>
            <a:off x="1523863" y="3113234"/>
            <a:ext cx="851396" cy="851396"/>
            <a:chOff x="1009513" y="3113234"/>
            <a:chExt cx="851396" cy="851396"/>
          </a:xfrm>
        </p:grpSpPr>
        <p:sp>
          <p:nvSpPr>
            <p:cNvPr id="36" name="椭圆 35"/>
            <p:cNvSpPr/>
            <p:nvPr/>
          </p:nvSpPr>
          <p:spPr>
            <a:xfrm>
              <a:off x="1009513" y="3113234"/>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defPPr>
                <a:defRPr lang="zh-CN"/>
              </a:defPPr>
              <a:lvl1pPr algn="l" defTabSz="914400" eaLnBrk="1" hangingPunct="1" latinLnBrk="0" marL="0" rtl="0">
                <a:defRPr kern="1200" sz="1800">
                  <a:solidFill>
                    <a:schemeClr val="lt1"/>
                  </a:solidFill>
                  <a:latin typeface="+mn-lt"/>
                  <a:ea typeface="+mn-ea"/>
                  <a:cs typeface="+mn-cs"/>
                </a:defRPr>
              </a:lvl1pPr>
              <a:lvl2pPr algn="l" defTabSz="914400" eaLnBrk="1" hangingPunct="1" latinLnBrk="0" marL="457200" rtl="0">
                <a:defRPr kern="1200" sz="1800">
                  <a:solidFill>
                    <a:schemeClr val="lt1"/>
                  </a:solidFill>
                  <a:latin typeface="+mn-lt"/>
                  <a:ea typeface="+mn-ea"/>
                  <a:cs typeface="+mn-cs"/>
                </a:defRPr>
              </a:lvl2pPr>
              <a:lvl3pPr algn="l" defTabSz="914400" eaLnBrk="1" hangingPunct="1" latinLnBrk="0" marL="914400" rtl="0">
                <a:defRPr kern="1200" sz="1800">
                  <a:solidFill>
                    <a:schemeClr val="lt1"/>
                  </a:solidFill>
                  <a:latin typeface="+mn-lt"/>
                  <a:ea typeface="+mn-ea"/>
                  <a:cs typeface="+mn-cs"/>
                </a:defRPr>
              </a:lvl3pPr>
              <a:lvl4pPr algn="l" defTabSz="914400" eaLnBrk="1" hangingPunct="1" latinLnBrk="0" marL="1371600" rtl="0">
                <a:defRPr kern="1200" sz="1800">
                  <a:solidFill>
                    <a:schemeClr val="lt1"/>
                  </a:solidFill>
                  <a:latin typeface="+mn-lt"/>
                  <a:ea typeface="+mn-ea"/>
                  <a:cs typeface="+mn-cs"/>
                </a:defRPr>
              </a:lvl4pPr>
              <a:lvl5pPr algn="l" defTabSz="914400" eaLnBrk="1" hangingPunct="1" latinLnBrk="0" marL="1828800" rtl="0">
                <a:defRPr kern="1200" sz="1800">
                  <a:solidFill>
                    <a:schemeClr val="lt1"/>
                  </a:solidFill>
                  <a:latin typeface="+mn-lt"/>
                  <a:ea typeface="+mn-ea"/>
                  <a:cs typeface="+mn-cs"/>
                </a:defRPr>
              </a:lvl5pPr>
              <a:lvl6pPr algn="l" defTabSz="914400" eaLnBrk="1" hangingPunct="1" latinLnBrk="0" marL="2286000" rtl="0">
                <a:defRPr kern="1200" sz="1800">
                  <a:solidFill>
                    <a:schemeClr val="lt1"/>
                  </a:solidFill>
                  <a:latin typeface="+mn-lt"/>
                  <a:ea typeface="+mn-ea"/>
                  <a:cs typeface="+mn-cs"/>
                </a:defRPr>
              </a:lvl6pPr>
              <a:lvl7pPr algn="l" defTabSz="914400" eaLnBrk="1" hangingPunct="1" latinLnBrk="0" marL="2743200" rtl="0">
                <a:defRPr kern="1200" sz="1800">
                  <a:solidFill>
                    <a:schemeClr val="lt1"/>
                  </a:solidFill>
                  <a:latin typeface="+mn-lt"/>
                  <a:ea typeface="+mn-ea"/>
                  <a:cs typeface="+mn-cs"/>
                </a:defRPr>
              </a:lvl7pPr>
              <a:lvl8pPr algn="l" defTabSz="914400" eaLnBrk="1" hangingPunct="1" latinLnBrk="0" marL="3200400" rtl="0">
                <a:defRPr kern="1200" sz="1800">
                  <a:solidFill>
                    <a:schemeClr val="lt1"/>
                  </a:solidFill>
                  <a:latin typeface="+mn-lt"/>
                  <a:ea typeface="+mn-ea"/>
                  <a:cs typeface="+mn-cs"/>
                </a:defRPr>
              </a:lvl8pPr>
              <a:lvl9pPr algn="l" defTabSz="914400" eaLnBrk="1" hangingPunct="1" latinLnBrk="0" marL="3657600" rtl="0">
                <a:defRPr kern="1200" sz="1800">
                  <a:solidFill>
                    <a:schemeClr val="lt1"/>
                  </a:solidFill>
                  <a:latin typeface="+mn-lt"/>
                  <a:ea typeface="+mn-ea"/>
                  <a:cs typeface="+mn-cs"/>
                </a:defRPr>
              </a:lvl9pPr>
            </a:lstStyle>
            <a:p>
              <a:pPr algn="ctr"/>
              <a:endParaRPr altLang="en-US" lang="zh-CN"/>
            </a:p>
          </p:txBody>
        </p:sp>
        <p:sp>
          <p:nvSpPr>
            <p:cNvPr id="48" name="任意多边形 47"/>
            <p:cNvSpPr/>
            <p:nvPr/>
          </p:nvSpPr>
          <p:spPr>
            <a:xfrm rot="900000">
              <a:off x="1166322" y="3389280"/>
              <a:ext cx="447472" cy="311286"/>
            </a:xfrm>
            <a:custGeom>
              <a:gdLst>
                <a:gd fmla="*/ 0 w 447472" name="connsiteX0"/>
                <a:gd fmla="*/ 0 h 311286" name="connsiteY0"/>
                <a:gd fmla="*/ 77821 w 447472" name="connsiteX1"/>
                <a:gd fmla="*/ 0 h 311286" name="connsiteY1"/>
                <a:gd fmla="*/ 175097 w 447472" name="connsiteX2"/>
                <a:gd fmla="*/ 311286 h 311286" name="connsiteY2"/>
                <a:gd fmla="*/ 447472 w 447472" name="connsiteX3"/>
                <a:gd fmla="*/ 175098 h 311286" name="connsiteY3"/>
                <a:gd fmla="*/ 447472 w 447472" name="connsiteX4"/>
                <a:gd fmla="*/ 175098 h 311286" name="connsiteY4"/>
                <a:gd fmla="*/ 389106 w 447472" name="connsiteX5"/>
                <a:gd fmla="*/ 19456 h 311286" name="connsiteY5"/>
                <a:gd fmla="*/ 77821 w 447472" name="connsiteX6"/>
                <a:gd fmla="*/ 19456 h 311286" name="connsiteY6"/>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b="b" l="l" r="r" t="t"/>
              <a:pathLst>
                <a:path h="311286" w="447472">
                  <a:moveTo>
                    <a:pt x="0" y="0"/>
                  </a:moveTo>
                  <a:lnTo>
                    <a:pt x="77821" y="0"/>
                  </a:lnTo>
                  <a:lnTo>
                    <a:pt x="175097" y="311286"/>
                  </a:lnTo>
                  <a:lnTo>
                    <a:pt x="447472" y="175098"/>
                  </a:lnTo>
                  <a:lnTo>
                    <a:pt x="447472" y="175098"/>
                  </a:lnTo>
                  <a:lnTo>
                    <a:pt x="389106" y="19456"/>
                  </a:lnTo>
                  <a:lnTo>
                    <a:pt x="77821" y="19456"/>
                  </a:lnTo>
                </a:path>
              </a:pathLst>
            </a:custGeom>
            <a:ln w="57150">
              <a:solidFill>
                <a:schemeClr val="bg1"/>
              </a:solidFill>
            </a:ln>
          </p:spPr>
          <p:style>
            <a:lnRef idx="1">
              <a:schemeClr val="accent1"/>
            </a:lnRef>
            <a:fillRef idx="0">
              <a:schemeClr val="accent1"/>
            </a:fillRef>
            <a:effectRef idx="0">
              <a:schemeClr val="accent1"/>
            </a:effectRef>
            <a:fontRef idx="minor">
              <a:schemeClr val="tx1"/>
            </a:fontRef>
          </p:style>
          <p:txBody>
            <a:bodyPr anchor="ctr" rtlCol="0"/>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endParaRPr altLang="en-US" lang="zh-CN"/>
            </a:p>
          </p:txBody>
        </p:sp>
        <p:sp>
          <p:nvSpPr>
            <p:cNvPr id="49" name="椭圆 48"/>
            <p:cNvSpPr/>
            <p:nvPr/>
          </p:nvSpPr>
          <p:spPr>
            <a:xfrm>
              <a:off x="1297545" y="3753170"/>
              <a:ext cx="144016" cy="14401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defPPr>
                <a:defRPr lang="zh-CN"/>
              </a:defPPr>
              <a:lvl1pPr algn="l" defTabSz="914400" eaLnBrk="1" hangingPunct="1" latinLnBrk="0" marL="0" rtl="0">
                <a:defRPr kern="1200" sz="1800">
                  <a:solidFill>
                    <a:schemeClr val="lt1"/>
                  </a:solidFill>
                  <a:latin typeface="+mn-lt"/>
                  <a:ea typeface="+mn-ea"/>
                  <a:cs typeface="+mn-cs"/>
                </a:defRPr>
              </a:lvl1pPr>
              <a:lvl2pPr algn="l" defTabSz="914400" eaLnBrk="1" hangingPunct="1" latinLnBrk="0" marL="457200" rtl="0">
                <a:defRPr kern="1200" sz="1800">
                  <a:solidFill>
                    <a:schemeClr val="lt1"/>
                  </a:solidFill>
                  <a:latin typeface="+mn-lt"/>
                  <a:ea typeface="+mn-ea"/>
                  <a:cs typeface="+mn-cs"/>
                </a:defRPr>
              </a:lvl2pPr>
              <a:lvl3pPr algn="l" defTabSz="914400" eaLnBrk="1" hangingPunct="1" latinLnBrk="0" marL="914400" rtl="0">
                <a:defRPr kern="1200" sz="1800">
                  <a:solidFill>
                    <a:schemeClr val="lt1"/>
                  </a:solidFill>
                  <a:latin typeface="+mn-lt"/>
                  <a:ea typeface="+mn-ea"/>
                  <a:cs typeface="+mn-cs"/>
                </a:defRPr>
              </a:lvl3pPr>
              <a:lvl4pPr algn="l" defTabSz="914400" eaLnBrk="1" hangingPunct="1" latinLnBrk="0" marL="1371600" rtl="0">
                <a:defRPr kern="1200" sz="1800">
                  <a:solidFill>
                    <a:schemeClr val="lt1"/>
                  </a:solidFill>
                  <a:latin typeface="+mn-lt"/>
                  <a:ea typeface="+mn-ea"/>
                  <a:cs typeface="+mn-cs"/>
                </a:defRPr>
              </a:lvl4pPr>
              <a:lvl5pPr algn="l" defTabSz="914400" eaLnBrk="1" hangingPunct="1" latinLnBrk="0" marL="1828800" rtl="0">
                <a:defRPr kern="1200" sz="1800">
                  <a:solidFill>
                    <a:schemeClr val="lt1"/>
                  </a:solidFill>
                  <a:latin typeface="+mn-lt"/>
                  <a:ea typeface="+mn-ea"/>
                  <a:cs typeface="+mn-cs"/>
                </a:defRPr>
              </a:lvl5pPr>
              <a:lvl6pPr algn="l" defTabSz="914400" eaLnBrk="1" hangingPunct="1" latinLnBrk="0" marL="2286000" rtl="0">
                <a:defRPr kern="1200" sz="1800">
                  <a:solidFill>
                    <a:schemeClr val="lt1"/>
                  </a:solidFill>
                  <a:latin typeface="+mn-lt"/>
                  <a:ea typeface="+mn-ea"/>
                  <a:cs typeface="+mn-cs"/>
                </a:defRPr>
              </a:lvl6pPr>
              <a:lvl7pPr algn="l" defTabSz="914400" eaLnBrk="1" hangingPunct="1" latinLnBrk="0" marL="2743200" rtl="0">
                <a:defRPr kern="1200" sz="1800">
                  <a:solidFill>
                    <a:schemeClr val="lt1"/>
                  </a:solidFill>
                  <a:latin typeface="+mn-lt"/>
                  <a:ea typeface="+mn-ea"/>
                  <a:cs typeface="+mn-cs"/>
                </a:defRPr>
              </a:lvl7pPr>
              <a:lvl8pPr algn="l" defTabSz="914400" eaLnBrk="1" hangingPunct="1" latinLnBrk="0" marL="3200400" rtl="0">
                <a:defRPr kern="1200" sz="1800">
                  <a:solidFill>
                    <a:schemeClr val="lt1"/>
                  </a:solidFill>
                  <a:latin typeface="+mn-lt"/>
                  <a:ea typeface="+mn-ea"/>
                  <a:cs typeface="+mn-cs"/>
                </a:defRPr>
              </a:lvl8pPr>
              <a:lvl9pPr algn="l" defTabSz="914400" eaLnBrk="1" hangingPunct="1" latinLnBrk="0" marL="3657600" rtl="0">
                <a:defRPr kern="1200" sz="1800">
                  <a:solidFill>
                    <a:schemeClr val="lt1"/>
                  </a:solidFill>
                  <a:latin typeface="+mn-lt"/>
                  <a:ea typeface="+mn-ea"/>
                  <a:cs typeface="+mn-cs"/>
                </a:defRPr>
              </a:lvl9pPr>
            </a:lstStyle>
            <a:p>
              <a:pPr algn="ctr"/>
              <a:endParaRPr altLang="en-US" lang="zh-CN"/>
            </a:p>
          </p:txBody>
        </p:sp>
        <p:sp>
          <p:nvSpPr>
            <p:cNvPr id="50" name="椭圆 49"/>
            <p:cNvSpPr/>
            <p:nvPr/>
          </p:nvSpPr>
          <p:spPr>
            <a:xfrm>
              <a:off x="1575019" y="3724534"/>
              <a:ext cx="144016" cy="14401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defPPr>
                <a:defRPr lang="zh-CN"/>
              </a:defPPr>
              <a:lvl1pPr algn="l" defTabSz="914400" eaLnBrk="1" hangingPunct="1" latinLnBrk="0" marL="0" rtl="0">
                <a:defRPr kern="1200" sz="1800">
                  <a:solidFill>
                    <a:schemeClr val="lt1"/>
                  </a:solidFill>
                  <a:latin typeface="+mn-lt"/>
                  <a:ea typeface="+mn-ea"/>
                  <a:cs typeface="+mn-cs"/>
                </a:defRPr>
              </a:lvl1pPr>
              <a:lvl2pPr algn="l" defTabSz="914400" eaLnBrk="1" hangingPunct="1" latinLnBrk="0" marL="457200" rtl="0">
                <a:defRPr kern="1200" sz="1800">
                  <a:solidFill>
                    <a:schemeClr val="lt1"/>
                  </a:solidFill>
                  <a:latin typeface="+mn-lt"/>
                  <a:ea typeface="+mn-ea"/>
                  <a:cs typeface="+mn-cs"/>
                </a:defRPr>
              </a:lvl2pPr>
              <a:lvl3pPr algn="l" defTabSz="914400" eaLnBrk="1" hangingPunct="1" latinLnBrk="0" marL="914400" rtl="0">
                <a:defRPr kern="1200" sz="1800">
                  <a:solidFill>
                    <a:schemeClr val="lt1"/>
                  </a:solidFill>
                  <a:latin typeface="+mn-lt"/>
                  <a:ea typeface="+mn-ea"/>
                  <a:cs typeface="+mn-cs"/>
                </a:defRPr>
              </a:lvl3pPr>
              <a:lvl4pPr algn="l" defTabSz="914400" eaLnBrk="1" hangingPunct="1" latinLnBrk="0" marL="1371600" rtl="0">
                <a:defRPr kern="1200" sz="1800">
                  <a:solidFill>
                    <a:schemeClr val="lt1"/>
                  </a:solidFill>
                  <a:latin typeface="+mn-lt"/>
                  <a:ea typeface="+mn-ea"/>
                  <a:cs typeface="+mn-cs"/>
                </a:defRPr>
              </a:lvl4pPr>
              <a:lvl5pPr algn="l" defTabSz="914400" eaLnBrk="1" hangingPunct="1" latinLnBrk="0" marL="1828800" rtl="0">
                <a:defRPr kern="1200" sz="1800">
                  <a:solidFill>
                    <a:schemeClr val="lt1"/>
                  </a:solidFill>
                  <a:latin typeface="+mn-lt"/>
                  <a:ea typeface="+mn-ea"/>
                  <a:cs typeface="+mn-cs"/>
                </a:defRPr>
              </a:lvl5pPr>
              <a:lvl6pPr algn="l" defTabSz="914400" eaLnBrk="1" hangingPunct="1" latinLnBrk="0" marL="2286000" rtl="0">
                <a:defRPr kern="1200" sz="1800">
                  <a:solidFill>
                    <a:schemeClr val="lt1"/>
                  </a:solidFill>
                  <a:latin typeface="+mn-lt"/>
                  <a:ea typeface="+mn-ea"/>
                  <a:cs typeface="+mn-cs"/>
                </a:defRPr>
              </a:lvl6pPr>
              <a:lvl7pPr algn="l" defTabSz="914400" eaLnBrk="1" hangingPunct="1" latinLnBrk="0" marL="2743200" rtl="0">
                <a:defRPr kern="1200" sz="1800">
                  <a:solidFill>
                    <a:schemeClr val="lt1"/>
                  </a:solidFill>
                  <a:latin typeface="+mn-lt"/>
                  <a:ea typeface="+mn-ea"/>
                  <a:cs typeface="+mn-cs"/>
                </a:defRPr>
              </a:lvl7pPr>
              <a:lvl8pPr algn="l" defTabSz="914400" eaLnBrk="1" hangingPunct="1" latinLnBrk="0" marL="3200400" rtl="0">
                <a:defRPr kern="1200" sz="1800">
                  <a:solidFill>
                    <a:schemeClr val="lt1"/>
                  </a:solidFill>
                  <a:latin typeface="+mn-lt"/>
                  <a:ea typeface="+mn-ea"/>
                  <a:cs typeface="+mn-cs"/>
                </a:defRPr>
              </a:lvl8pPr>
              <a:lvl9pPr algn="l" defTabSz="914400" eaLnBrk="1" hangingPunct="1" latinLnBrk="0" marL="3657600" rtl="0">
                <a:defRPr kern="1200" sz="1800">
                  <a:solidFill>
                    <a:schemeClr val="lt1"/>
                  </a:solidFill>
                  <a:latin typeface="+mn-lt"/>
                  <a:ea typeface="+mn-ea"/>
                  <a:cs typeface="+mn-cs"/>
                </a:defRPr>
              </a:lvl9pPr>
            </a:lstStyle>
            <a:p>
              <a:pPr algn="ctr"/>
              <a:endParaRPr altLang="en-US" lang="zh-CN"/>
            </a:p>
          </p:txBody>
        </p:sp>
      </p:grpSp>
      <p:grpSp>
        <p:nvGrpSpPr>
          <p:cNvPr id="18" name="组合 17"/>
          <p:cNvGrpSpPr/>
          <p:nvPr/>
        </p:nvGrpSpPr>
        <p:grpSpPr>
          <a:xfrm>
            <a:off x="3270303" y="1592930"/>
            <a:ext cx="851396" cy="851396"/>
            <a:chOff x="2755953" y="1592930"/>
            <a:chExt cx="851396" cy="851396"/>
          </a:xfrm>
        </p:grpSpPr>
        <p:sp>
          <p:nvSpPr>
            <p:cNvPr id="38" name="椭圆 37"/>
            <p:cNvSpPr/>
            <p:nvPr/>
          </p:nvSpPr>
          <p:spPr>
            <a:xfrm>
              <a:off x="2755953" y="1592930"/>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51" name="椭圆 18"/>
            <p:cNvSpPr/>
            <p:nvPr/>
          </p:nvSpPr>
          <p:spPr>
            <a:xfrm flipH="1" flipV="1">
              <a:off x="2953729" y="1736946"/>
              <a:ext cx="332914" cy="332914"/>
            </a:xfrm>
            <a:custGeom>
              <a:rect b="b" l="l" r="r" t="t"/>
              <a:pathLst>
                <a:path h="1533488" w="1533488">
                  <a:moveTo>
                    <a:pt x="776313" y="403573"/>
                  </a:moveTo>
                  <a:cubicBezTo>
                    <a:pt x="575739" y="403573"/>
                    <a:pt x="413142" y="566170"/>
                    <a:pt x="413142" y="766744"/>
                  </a:cubicBezTo>
                  <a:cubicBezTo>
                    <a:pt x="413142" y="967318"/>
                    <a:pt x="575739" y="1129915"/>
                    <a:pt x="776313" y="1129915"/>
                  </a:cubicBezTo>
                  <a:cubicBezTo>
                    <a:pt x="976887" y="1129915"/>
                    <a:pt x="1139484" y="967318"/>
                    <a:pt x="1139484" y="766744"/>
                  </a:cubicBezTo>
                  <a:cubicBezTo>
                    <a:pt x="1139484" y="566170"/>
                    <a:pt x="976887" y="403573"/>
                    <a:pt x="776313" y="403573"/>
                  </a:cubicBezTo>
                  <a:close/>
                  <a:moveTo>
                    <a:pt x="766744" y="0"/>
                  </a:moveTo>
                  <a:cubicBezTo>
                    <a:pt x="1190205" y="0"/>
                    <a:pt x="1533488" y="343283"/>
                    <a:pt x="1533488" y="766744"/>
                  </a:cubicBezTo>
                  <a:cubicBezTo>
                    <a:pt x="1533488" y="1190205"/>
                    <a:pt x="1190205" y="1533488"/>
                    <a:pt x="766744" y="1533488"/>
                  </a:cubicBezTo>
                  <a:cubicBezTo>
                    <a:pt x="343283" y="1533488"/>
                    <a:pt x="0" y="1190205"/>
                    <a:pt x="0" y="766744"/>
                  </a:cubicBezTo>
                  <a:cubicBezTo>
                    <a:pt x="0" y="343283"/>
                    <a:pt x="343283" y="0"/>
                    <a:pt x="766744" y="0"/>
                  </a:cubicBezTo>
                  <a:close/>
                </a:path>
              </a:pathLst>
            </a:cu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defPPr>
                <a:defRPr lang="zh-CN"/>
              </a:defPPr>
              <a:lvl1pPr algn="l" defTabSz="914400" eaLnBrk="1" hangingPunct="1" latinLnBrk="0" marL="0" rtl="0">
                <a:defRPr kern="1200" sz="1800">
                  <a:solidFill>
                    <a:schemeClr val="lt1"/>
                  </a:solidFill>
                  <a:latin typeface="+mn-lt"/>
                  <a:ea typeface="+mn-ea"/>
                  <a:cs typeface="+mn-cs"/>
                </a:defRPr>
              </a:lvl1pPr>
              <a:lvl2pPr algn="l" defTabSz="914400" eaLnBrk="1" hangingPunct="1" latinLnBrk="0" marL="457200" rtl="0">
                <a:defRPr kern="1200" sz="1800">
                  <a:solidFill>
                    <a:schemeClr val="lt1"/>
                  </a:solidFill>
                  <a:latin typeface="+mn-lt"/>
                  <a:ea typeface="+mn-ea"/>
                  <a:cs typeface="+mn-cs"/>
                </a:defRPr>
              </a:lvl2pPr>
              <a:lvl3pPr algn="l" defTabSz="914400" eaLnBrk="1" hangingPunct="1" latinLnBrk="0" marL="914400" rtl="0">
                <a:defRPr kern="1200" sz="1800">
                  <a:solidFill>
                    <a:schemeClr val="lt1"/>
                  </a:solidFill>
                  <a:latin typeface="+mn-lt"/>
                  <a:ea typeface="+mn-ea"/>
                  <a:cs typeface="+mn-cs"/>
                </a:defRPr>
              </a:lvl3pPr>
              <a:lvl4pPr algn="l" defTabSz="914400" eaLnBrk="1" hangingPunct="1" latinLnBrk="0" marL="1371600" rtl="0">
                <a:defRPr kern="1200" sz="1800">
                  <a:solidFill>
                    <a:schemeClr val="lt1"/>
                  </a:solidFill>
                  <a:latin typeface="+mn-lt"/>
                  <a:ea typeface="+mn-ea"/>
                  <a:cs typeface="+mn-cs"/>
                </a:defRPr>
              </a:lvl4pPr>
              <a:lvl5pPr algn="l" defTabSz="914400" eaLnBrk="1" hangingPunct="1" latinLnBrk="0" marL="1828800" rtl="0">
                <a:defRPr kern="1200" sz="1800">
                  <a:solidFill>
                    <a:schemeClr val="lt1"/>
                  </a:solidFill>
                  <a:latin typeface="+mn-lt"/>
                  <a:ea typeface="+mn-ea"/>
                  <a:cs typeface="+mn-cs"/>
                </a:defRPr>
              </a:lvl5pPr>
              <a:lvl6pPr algn="l" defTabSz="914400" eaLnBrk="1" hangingPunct="1" latinLnBrk="0" marL="2286000" rtl="0">
                <a:defRPr kern="1200" sz="1800">
                  <a:solidFill>
                    <a:schemeClr val="lt1"/>
                  </a:solidFill>
                  <a:latin typeface="+mn-lt"/>
                  <a:ea typeface="+mn-ea"/>
                  <a:cs typeface="+mn-cs"/>
                </a:defRPr>
              </a:lvl6pPr>
              <a:lvl7pPr algn="l" defTabSz="914400" eaLnBrk="1" hangingPunct="1" latinLnBrk="0" marL="2743200" rtl="0">
                <a:defRPr kern="1200" sz="1800">
                  <a:solidFill>
                    <a:schemeClr val="lt1"/>
                  </a:solidFill>
                  <a:latin typeface="+mn-lt"/>
                  <a:ea typeface="+mn-ea"/>
                  <a:cs typeface="+mn-cs"/>
                </a:defRPr>
              </a:lvl7pPr>
              <a:lvl8pPr algn="l" defTabSz="914400" eaLnBrk="1" hangingPunct="1" latinLnBrk="0" marL="3200400" rtl="0">
                <a:defRPr kern="1200" sz="1800">
                  <a:solidFill>
                    <a:schemeClr val="lt1"/>
                  </a:solidFill>
                  <a:latin typeface="+mn-lt"/>
                  <a:ea typeface="+mn-ea"/>
                  <a:cs typeface="+mn-cs"/>
                </a:defRPr>
              </a:lvl8pPr>
              <a:lvl9pPr algn="l" defTabSz="914400" eaLnBrk="1" hangingPunct="1" latinLnBrk="0" marL="3657600" rtl="0">
                <a:defRPr kern="1200" sz="1800">
                  <a:solidFill>
                    <a:schemeClr val="lt1"/>
                  </a:solidFill>
                  <a:latin typeface="+mn-lt"/>
                  <a:ea typeface="+mn-ea"/>
                  <a:cs typeface="+mn-cs"/>
                </a:defRPr>
              </a:lvl9pPr>
            </a:lstStyle>
            <a:p>
              <a:pPr algn="ctr"/>
              <a:endParaRPr altLang="en-US" lang="zh-CN"/>
            </a:p>
          </p:txBody>
        </p:sp>
        <p:cxnSp>
          <p:nvCxnSpPr>
            <p:cNvPr id="52" name="直接连接符 51"/>
            <p:cNvCxnSpPr/>
            <p:nvPr/>
          </p:nvCxnSpPr>
          <p:spPr>
            <a:xfrm>
              <a:off x="3203506" y="2038134"/>
              <a:ext cx="144602" cy="187233"/>
            </a:xfrm>
            <a:prstGeom prst="line">
              <a:avLst/>
            </a:prstGeom>
            <a:ln w="38100">
              <a:solidFill>
                <a:schemeClr val="bg1"/>
              </a:solidFill>
            </a:ln>
          </p:spPr>
          <p:style>
            <a:lnRef idx="1">
              <a:schemeClr val="accent1"/>
            </a:lnRef>
            <a:fillRef idx="0">
              <a:schemeClr val="accent1"/>
            </a:fillRef>
            <a:effectRef idx="0">
              <a:schemeClr val="accent1"/>
            </a:effectRef>
            <a:fontRef idx="minor">
              <a:schemeClr val="tx1"/>
            </a:fontRef>
          </p:style>
        </p:cxnSp>
      </p:grpSp>
      <p:grpSp>
        <p:nvGrpSpPr>
          <p:cNvPr id="19" name="组合 18"/>
          <p:cNvGrpSpPr/>
          <p:nvPr/>
        </p:nvGrpSpPr>
        <p:grpSpPr>
          <a:xfrm>
            <a:off x="4603319" y="3113234"/>
            <a:ext cx="851396" cy="851396"/>
            <a:chOff x="4088969" y="3113234"/>
            <a:chExt cx="851396" cy="851396"/>
          </a:xfrm>
        </p:grpSpPr>
        <p:sp>
          <p:nvSpPr>
            <p:cNvPr id="42" name="椭圆 41"/>
            <p:cNvSpPr/>
            <p:nvPr/>
          </p:nvSpPr>
          <p:spPr>
            <a:xfrm>
              <a:off x="4088969" y="3113234"/>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53" name="弧形 52"/>
            <p:cNvSpPr/>
            <p:nvPr/>
          </p:nvSpPr>
          <p:spPr>
            <a:xfrm rot="17531888">
              <a:off x="4213622" y="3269372"/>
              <a:ext cx="526300" cy="516082"/>
            </a:xfrm>
            <a:prstGeom prst="arc">
              <a:avLst>
                <a:gd fmla="val 15544066" name="adj1"/>
                <a:gd fmla="val 4643084" name="adj2"/>
              </a:avLst>
            </a:prstGeom>
            <a:ln w="38100">
              <a:solidFill>
                <a:schemeClr val="bg1"/>
              </a:solidFill>
              <a:headEnd len="med" type="none" w="med"/>
              <a:tailEnd len="med" type="arrow" w="med"/>
            </a:ln>
          </p:spPr>
          <p:style>
            <a:lnRef idx="1">
              <a:schemeClr val="accent1"/>
            </a:lnRef>
            <a:fillRef idx="0">
              <a:schemeClr val="accent1"/>
            </a:fillRef>
            <a:effectRef idx="0">
              <a:schemeClr val="accent1"/>
            </a:effectRef>
            <a:fontRef idx="minor">
              <a:schemeClr val="tx1"/>
            </a:fontRef>
          </p:style>
          <p:txBody>
            <a:bodyPr anchor="ctr" rtlCol="0"/>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endParaRPr altLang="en-US" lang="zh-CN"/>
            </a:p>
          </p:txBody>
        </p:sp>
        <p:sp>
          <p:nvSpPr>
            <p:cNvPr id="54" name="弧形 53"/>
            <p:cNvSpPr/>
            <p:nvPr/>
          </p:nvSpPr>
          <p:spPr>
            <a:xfrm flipH="1" flipV="1" rot="17531888">
              <a:off x="4224450" y="3260202"/>
              <a:ext cx="526300" cy="516082"/>
            </a:xfrm>
            <a:prstGeom prst="arc">
              <a:avLst>
                <a:gd fmla="val 15544066" name="adj1"/>
                <a:gd fmla="val 4643084" name="adj2"/>
              </a:avLst>
            </a:prstGeom>
            <a:ln w="38100">
              <a:solidFill>
                <a:schemeClr val="bg1"/>
              </a:solidFill>
              <a:headEnd len="med" type="none" w="med"/>
              <a:tailEnd len="med" type="arrow" w="med"/>
            </a:ln>
          </p:spPr>
          <p:style>
            <a:lnRef idx="1">
              <a:schemeClr val="accent1"/>
            </a:lnRef>
            <a:fillRef idx="0">
              <a:schemeClr val="accent1"/>
            </a:fillRef>
            <a:effectRef idx="0">
              <a:schemeClr val="accent1"/>
            </a:effectRef>
            <a:fontRef idx="minor">
              <a:schemeClr val="tx1"/>
            </a:fontRef>
          </p:style>
          <p:txBody>
            <a:bodyPr anchor="ctr" rtlCol="0"/>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endParaRPr altLang="en-US" lang="zh-CN"/>
            </a:p>
          </p:txBody>
        </p:sp>
      </p:grpSp>
      <p:sp>
        <p:nvSpPr>
          <p:cNvPr id="55" name="TextBox 26"/>
          <p:cNvSpPr txBox="1"/>
          <p:nvPr/>
        </p:nvSpPr>
        <p:spPr>
          <a:xfrm>
            <a:off x="3157511" y="1201316"/>
            <a:ext cx="957841" cy="365760"/>
          </a:xfrm>
          <a:prstGeom prst="rect">
            <a:avLst/>
          </a:prstGeom>
          <a:solidFill>
            <a:srgbClr val="00544A"/>
          </a:solidFill>
        </p:spPr>
        <p:txBody>
          <a:bodyPr rtlCol="0" wrap="squar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r>
              <a:rPr altLang="en-US" lang="zh-CN">
                <a:solidFill>
                  <a:schemeClr val="bg1"/>
                </a:solidFill>
                <a:latin charset="-122" panose="020b0503020204020204" pitchFamily="34" typeface="微软雅黑"/>
                <a:ea charset="-122" panose="020b0503020204020204" pitchFamily="34" typeface="微软雅黑"/>
              </a:rPr>
              <a:t>重要</a:t>
            </a:r>
          </a:p>
        </p:txBody>
      </p:sp>
      <p:sp>
        <p:nvSpPr>
          <p:cNvPr id="56" name="TextBox 27"/>
          <p:cNvSpPr txBox="1"/>
          <p:nvPr/>
        </p:nvSpPr>
        <p:spPr>
          <a:xfrm>
            <a:off x="4544603" y="2551038"/>
            <a:ext cx="957841" cy="365760"/>
          </a:xfrm>
          <a:prstGeom prst="rect">
            <a:avLst/>
          </a:prstGeom>
          <a:solidFill>
            <a:srgbClr val="00544A"/>
          </a:solidFill>
        </p:spPr>
        <p:txBody>
          <a:bodyPr rtlCol="0" wrap="square">
            <a:spAutoFit/>
          </a:bodyPr>
          <a:lstStyle>
            <a:defPPr>
              <a:defRPr lang="zh-CN"/>
            </a:defPPr>
            <a:lvl1pPr algn="ctr">
              <a:defRPr>
                <a:solidFill>
                  <a:schemeClr val="bg1"/>
                </a:solidFill>
                <a:latin charset="-122" panose="020b0503020204020204" pitchFamily="34" typeface="微软雅黑"/>
                <a:ea charset="-122" panose="020b0503020204020204" pitchFamily="34" typeface="微软雅黑"/>
              </a:defRPr>
            </a:lvl1pPr>
          </a:lstStyle>
          <a:p>
            <a:r>
              <a:rPr altLang="en-US" lang="zh-CN"/>
              <a:t>最耗时</a:t>
            </a:r>
          </a:p>
        </p:txBody>
      </p:sp>
      <p:grpSp>
        <p:nvGrpSpPr>
          <p:cNvPr id="24" name="组合 23"/>
          <p:cNvGrpSpPr/>
          <p:nvPr/>
        </p:nvGrpSpPr>
        <p:grpSpPr>
          <a:xfrm>
            <a:off x="6073067" y="1592930"/>
            <a:ext cx="851396" cy="851396"/>
            <a:chOff x="5558717" y="1592930"/>
            <a:chExt cx="851396" cy="851396"/>
          </a:xfrm>
        </p:grpSpPr>
        <p:sp>
          <p:nvSpPr>
            <p:cNvPr id="40" name="椭圆 39"/>
            <p:cNvSpPr/>
            <p:nvPr/>
          </p:nvSpPr>
          <p:spPr>
            <a:xfrm>
              <a:off x="5558717" y="1592930"/>
              <a:ext cx="851396" cy="851396"/>
            </a:xfrm>
            <a:prstGeom prst="ellipse">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57" name="圆角矩形 56"/>
            <p:cNvSpPr/>
            <p:nvPr/>
          </p:nvSpPr>
          <p:spPr>
            <a:xfrm>
              <a:off x="5824264" y="1802009"/>
              <a:ext cx="432336" cy="310473"/>
            </a:xfrm>
            <a:prstGeom prst="roundRect">
              <a:avLst/>
            </a:prstGeom>
            <a:no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defPPr>
                <a:defRPr lang="zh-CN"/>
              </a:defPPr>
              <a:lvl1pPr algn="l" defTabSz="914400" eaLnBrk="1" hangingPunct="1" latinLnBrk="0" marL="0" rtl="0">
                <a:defRPr kern="1200" sz="1800">
                  <a:solidFill>
                    <a:schemeClr val="lt1"/>
                  </a:solidFill>
                  <a:latin typeface="+mn-lt"/>
                  <a:ea typeface="+mn-ea"/>
                  <a:cs typeface="+mn-cs"/>
                </a:defRPr>
              </a:lvl1pPr>
              <a:lvl2pPr algn="l" defTabSz="914400" eaLnBrk="1" hangingPunct="1" latinLnBrk="0" marL="457200" rtl="0">
                <a:defRPr kern="1200" sz="1800">
                  <a:solidFill>
                    <a:schemeClr val="lt1"/>
                  </a:solidFill>
                  <a:latin typeface="+mn-lt"/>
                  <a:ea typeface="+mn-ea"/>
                  <a:cs typeface="+mn-cs"/>
                </a:defRPr>
              </a:lvl2pPr>
              <a:lvl3pPr algn="l" defTabSz="914400" eaLnBrk="1" hangingPunct="1" latinLnBrk="0" marL="914400" rtl="0">
                <a:defRPr kern="1200" sz="1800">
                  <a:solidFill>
                    <a:schemeClr val="lt1"/>
                  </a:solidFill>
                  <a:latin typeface="+mn-lt"/>
                  <a:ea typeface="+mn-ea"/>
                  <a:cs typeface="+mn-cs"/>
                </a:defRPr>
              </a:lvl3pPr>
              <a:lvl4pPr algn="l" defTabSz="914400" eaLnBrk="1" hangingPunct="1" latinLnBrk="0" marL="1371600" rtl="0">
                <a:defRPr kern="1200" sz="1800">
                  <a:solidFill>
                    <a:schemeClr val="lt1"/>
                  </a:solidFill>
                  <a:latin typeface="+mn-lt"/>
                  <a:ea typeface="+mn-ea"/>
                  <a:cs typeface="+mn-cs"/>
                </a:defRPr>
              </a:lvl4pPr>
              <a:lvl5pPr algn="l" defTabSz="914400" eaLnBrk="1" hangingPunct="1" latinLnBrk="0" marL="1828800" rtl="0">
                <a:defRPr kern="1200" sz="1800">
                  <a:solidFill>
                    <a:schemeClr val="lt1"/>
                  </a:solidFill>
                  <a:latin typeface="+mn-lt"/>
                  <a:ea typeface="+mn-ea"/>
                  <a:cs typeface="+mn-cs"/>
                </a:defRPr>
              </a:lvl5pPr>
              <a:lvl6pPr algn="l" defTabSz="914400" eaLnBrk="1" hangingPunct="1" latinLnBrk="0" marL="2286000" rtl="0">
                <a:defRPr kern="1200" sz="1800">
                  <a:solidFill>
                    <a:schemeClr val="lt1"/>
                  </a:solidFill>
                  <a:latin typeface="+mn-lt"/>
                  <a:ea typeface="+mn-ea"/>
                  <a:cs typeface="+mn-cs"/>
                </a:defRPr>
              </a:lvl6pPr>
              <a:lvl7pPr algn="l" defTabSz="914400" eaLnBrk="1" hangingPunct="1" latinLnBrk="0" marL="2743200" rtl="0">
                <a:defRPr kern="1200" sz="1800">
                  <a:solidFill>
                    <a:schemeClr val="lt1"/>
                  </a:solidFill>
                  <a:latin typeface="+mn-lt"/>
                  <a:ea typeface="+mn-ea"/>
                  <a:cs typeface="+mn-cs"/>
                </a:defRPr>
              </a:lvl7pPr>
              <a:lvl8pPr algn="l" defTabSz="914400" eaLnBrk="1" hangingPunct="1" latinLnBrk="0" marL="3200400" rtl="0">
                <a:defRPr kern="1200" sz="1800">
                  <a:solidFill>
                    <a:schemeClr val="lt1"/>
                  </a:solidFill>
                  <a:latin typeface="+mn-lt"/>
                  <a:ea typeface="+mn-ea"/>
                  <a:cs typeface="+mn-cs"/>
                </a:defRPr>
              </a:lvl8pPr>
              <a:lvl9pPr algn="l" defTabSz="914400" eaLnBrk="1" hangingPunct="1" latinLnBrk="0" marL="3657600" rtl="0">
                <a:defRPr kern="1200" sz="1800">
                  <a:solidFill>
                    <a:schemeClr val="lt1"/>
                  </a:solidFill>
                  <a:latin typeface="+mn-lt"/>
                  <a:ea typeface="+mn-ea"/>
                  <a:cs typeface="+mn-cs"/>
                </a:defRPr>
              </a:lvl9pPr>
            </a:lstStyle>
            <a:p>
              <a:pPr algn="ctr"/>
              <a:endParaRPr altLang="en-US" lang="zh-CN"/>
            </a:p>
          </p:txBody>
        </p:sp>
        <p:sp>
          <p:nvSpPr>
            <p:cNvPr id="58" name="圆角矩形标注 57"/>
            <p:cNvSpPr/>
            <p:nvPr/>
          </p:nvSpPr>
          <p:spPr>
            <a:xfrm>
              <a:off x="5784238" y="1856562"/>
              <a:ext cx="400354" cy="281682"/>
            </a:xfrm>
            <a:prstGeom prst="wedgeRoundRectCallout">
              <a:avLst>
                <a:gd fmla="val -30984" name="adj1"/>
                <a:gd fmla="val 84141" name="adj2"/>
                <a:gd fmla="val 16667" name="adj3"/>
              </a:avLst>
            </a:prstGeom>
            <a:solidFill>
              <a:srgbClr val="00544A"/>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defPPr>
                <a:defRPr lang="zh-CN"/>
              </a:defPPr>
              <a:lvl1pPr algn="l" defTabSz="914400" eaLnBrk="1" hangingPunct="1" latinLnBrk="0" marL="0" rtl="0">
                <a:defRPr kern="1200" sz="1800">
                  <a:solidFill>
                    <a:schemeClr val="lt1"/>
                  </a:solidFill>
                  <a:latin typeface="+mn-lt"/>
                  <a:ea typeface="+mn-ea"/>
                  <a:cs typeface="+mn-cs"/>
                </a:defRPr>
              </a:lvl1pPr>
              <a:lvl2pPr algn="l" defTabSz="914400" eaLnBrk="1" hangingPunct="1" latinLnBrk="0" marL="457200" rtl="0">
                <a:defRPr kern="1200" sz="1800">
                  <a:solidFill>
                    <a:schemeClr val="lt1"/>
                  </a:solidFill>
                  <a:latin typeface="+mn-lt"/>
                  <a:ea typeface="+mn-ea"/>
                  <a:cs typeface="+mn-cs"/>
                </a:defRPr>
              </a:lvl2pPr>
              <a:lvl3pPr algn="l" defTabSz="914400" eaLnBrk="1" hangingPunct="1" latinLnBrk="0" marL="914400" rtl="0">
                <a:defRPr kern="1200" sz="1800">
                  <a:solidFill>
                    <a:schemeClr val="lt1"/>
                  </a:solidFill>
                  <a:latin typeface="+mn-lt"/>
                  <a:ea typeface="+mn-ea"/>
                  <a:cs typeface="+mn-cs"/>
                </a:defRPr>
              </a:lvl3pPr>
              <a:lvl4pPr algn="l" defTabSz="914400" eaLnBrk="1" hangingPunct="1" latinLnBrk="0" marL="1371600" rtl="0">
                <a:defRPr kern="1200" sz="1800">
                  <a:solidFill>
                    <a:schemeClr val="lt1"/>
                  </a:solidFill>
                  <a:latin typeface="+mn-lt"/>
                  <a:ea typeface="+mn-ea"/>
                  <a:cs typeface="+mn-cs"/>
                </a:defRPr>
              </a:lvl4pPr>
              <a:lvl5pPr algn="l" defTabSz="914400" eaLnBrk="1" hangingPunct="1" latinLnBrk="0" marL="1828800" rtl="0">
                <a:defRPr kern="1200" sz="1800">
                  <a:solidFill>
                    <a:schemeClr val="lt1"/>
                  </a:solidFill>
                  <a:latin typeface="+mn-lt"/>
                  <a:ea typeface="+mn-ea"/>
                  <a:cs typeface="+mn-cs"/>
                </a:defRPr>
              </a:lvl5pPr>
              <a:lvl6pPr algn="l" defTabSz="914400" eaLnBrk="1" hangingPunct="1" latinLnBrk="0" marL="2286000" rtl="0">
                <a:defRPr kern="1200" sz="1800">
                  <a:solidFill>
                    <a:schemeClr val="lt1"/>
                  </a:solidFill>
                  <a:latin typeface="+mn-lt"/>
                  <a:ea typeface="+mn-ea"/>
                  <a:cs typeface="+mn-cs"/>
                </a:defRPr>
              </a:lvl6pPr>
              <a:lvl7pPr algn="l" defTabSz="914400" eaLnBrk="1" hangingPunct="1" latinLnBrk="0" marL="2743200" rtl="0">
                <a:defRPr kern="1200" sz="1800">
                  <a:solidFill>
                    <a:schemeClr val="lt1"/>
                  </a:solidFill>
                  <a:latin typeface="+mn-lt"/>
                  <a:ea typeface="+mn-ea"/>
                  <a:cs typeface="+mn-cs"/>
                </a:defRPr>
              </a:lvl7pPr>
              <a:lvl8pPr algn="l" defTabSz="914400" eaLnBrk="1" hangingPunct="1" latinLnBrk="0" marL="3200400" rtl="0">
                <a:defRPr kern="1200" sz="1800">
                  <a:solidFill>
                    <a:schemeClr val="lt1"/>
                  </a:solidFill>
                  <a:latin typeface="+mn-lt"/>
                  <a:ea typeface="+mn-ea"/>
                  <a:cs typeface="+mn-cs"/>
                </a:defRPr>
              </a:lvl8pPr>
              <a:lvl9pPr algn="l" defTabSz="914400" eaLnBrk="1" hangingPunct="1" latinLnBrk="0" marL="3657600" rtl="0">
                <a:defRPr kern="1200" sz="1800">
                  <a:solidFill>
                    <a:schemeClr val="lt1"/>
                  </a:solidFill>
                  <a:latin typeface="+mn-lt"/>
                  <a:ea typeface="+mn-ea"/>
                  <a:cs typeface="+mn-cs"/>
                </a:defRPr>
              </a:lvl9pPr>
            </a:lstStyle>
            <a:p>
              <a:pPr algn="ctr"/>
              <a:endParaRPr altLang="en-US" lang="zh-CN"/>
            </a:p>
          </p:txBody>
        </p:sp>
        <p:cxnSp>
          <p:nvCxnSpPr>
            <p:cNvPr id="59" name="直接连接符 58"/>
            <p:cNvCxnSpPr/>
            <p:nvPr/>
          </p:nvCxnSpPr>
          <p:spPr>
            <a:xfrm>
              <a:off x="5852554" y="1970401"/>
              <a:ext cx="303748"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cxnSp>
          <p:nvCxnSpPr>
            <p:cNvPr id="60" name="直接连接符 59"/>
            <p:cNvCxnSpPr/>
            <p:nvPr/>
          </p:nvCxnSpPr>
          <p:spPr>
            <a:xfrm>
              <a:off x="5852554" y="2038134"/>
              <a:ext cx="187878" cy="0"/>
            </a:xfrm>
            <a:prstGeom prst="line">
              <a:avLst/>
            </a:prstGeom>
            <a:ln w="19050">
              <a:solidFill>
                <a:schemeClr val="bg1"/>
              </a:solidFill>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val="4149913110"/>
      </p:ext>
    </p:extLst>
  </p:cSld>
  <p:clrMapOvr>
    <a:masterClrMapping/>
  </p:clrMapOvr>
  <p:transition advClick="0" advTm="4000" spd="slow">
    <p:push/>
  </p:transition>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53" presetSubtype="0">
                                  <p:stCondLst>
                                    <p:cond delay="0"/>
                                  </p:stCondLst>
                                  <p:childTnLst>
                                    <p:set>
                                      <p:cBhvr>
                                        <p:cTn dur="1" fill="hold" id="6">
                                          <p:stCondLst>
                                            <p:cond delay="0"/>
                                          </p:stCondLst>
                                        </p:cTn>
                                        <p:tgtEl>
                                          <p:spTgt spid="4"/>
                                        </p:tgtEl>
                                        <p:attrNameLst>
                                          <p:attrName>style.visibility</p:attrName>
                                        </p:attrNameLst>
                                      </p:cBhvr>
                                      <p:to>
                                        <p:strVal val="visible"/>
                                      </p:to>
                                    </p:set>
                                    <p:anim calcmode="lin" valueType="num">
                                      <p:cBhvr>
                                        <p:cTn dur="500" fill="hold" id="7"/>
                                        <p:tgtEl>
                                          <p:spTgt spid="4"/>
                                        </p:tgtEl>
                                        <p:attrNameLst>
                                          <p:attrName>ppt_w</p:attrName>
                                        </p:attrNameLst>
                                      </p:cBhvr>
                                      <p:tavLst>
                                        <p:tav tm="0">
                                          <p:val>
                                            <p:fltVal val="0"/>
                                          </p:val>
                                        </p:tav>
                                        <p:tav tm="100000">
                                          <p:val>
                                            <p:strVal val="#ppt_w"/>
                                          </p:val>
                                        </p:tav>
                                      </p:tavLst>
                                    </p:anim>
                                    <p:anim calcmode="lin" valueType="num">
                                      <p:cBhvr>
                                        <p:cTn dur="500" fill="hold" id="8"/>
                                        <p:tgtEl>
                                          <p:spTgt spid="4"/>
                                        </p:tgtEl>
                                        <p:attrNameLst>
                                          <p:attrName>ppt_h</p:attrName>
                                        </p:attrNameLst>
                                      </p:cBhvr>
                                      <p:tavLst>
                                        <p:tav tm="0">
                                          <p:val>
                                            <p:fltVal val="0"/>
                                          </p:val>
                                        </p:tav>
                                        <p:tav tm="100000">
                                          <p:val>
                                            <p:strVal val="#ppt_h"/>
                                          </p:val>
                                        </p:tav>
                                      </p:tavLst>
                                    </p:anim>
                                    <p:animEffect filter="fade" transition="in">
                                      <p:cBhvr>
                                        <p:cTn dur="500" id="9"/>
                                        <p:tgtEl>
                                          <p:spTgt spid="4"/>
                                        </p:tgtEl>
                                      </p:cBhvr>
                                    </p:animEffect>
                                  </p:childTnLst>
                                </p:cTn>
                              </p:par>
                            </p:childTnLst>
                          </p:cTn>
                        </p:par>
                        <p:par>
                          <p:cTn fill="hold" id="10" nodeType="afterGroup">
                            <p:stCondLst>
                              <p:cond delay="500"/>
                            </p:stCondLst>
                            <p:childTnLst>
                              <p:par>
                                <p:cTn fill="hold" grpId="0" id="11" nodeType="afterEffect" presetClass="entr" presetID="16" presetSubtype="21">
                                  <p:stCondLst>
                                    <p:cond delay="0"/>
                                  </p:stCondLst>
                                  <p:childTnLst>
                                    <p:set>
                                      <p:cBhvr>
                                        <p:cTn dur="1" fill="hold" id="12">
                                          <p:stCondLst>
                                            <p:cond delay="0"/>
                                          </p:stCondLst>
                                        </p:cTn>
                                        <p:tgtEl>
                                          <p:spTgt spid="35"/>
                                        </p:tgtEl>
                                        <p:attrNameLst>
                                          <p:attrName>style.visibility</p:attrName>
                                        </p:attrNameLst>
                                      </p:cBhvr>
                                      <p:to>
                                        <p:strVal val="visible"/>
                                      </p:to>
                                    </p:set>
                                    <p:animEffect filter="barn(inVertical)" transition="in">
                                      <p:cBhvr>
                                        <p:cTn dur="500" id="13"/>
                                        <p:tgtEl>
                                          <p:spTgt spid="35"/>
                                        </p:tgtEl>
                                      </p:cBhvr>
                                    </p:animEffect>
                                  </p:childTnLst>
                                </p:cTn>
                              </p:par>
                            </p:childTnLst>
                          </p:cTn>
                        </p:par>
                        <p:par>
                          <p:cTn fill="hold" id="14" nodeType="afterGroup">
                            <p:stCondLst>
                              <p:cond delay="1000"/>
                            </p:stCondLst>
                            <p:childTnLst>
                              <p:par>
                                <p:cTn fill="hold" grpId="0" id="15" nodeType="afterEffect" presetClass="entr" presetID="10" presetSubtype="0">
                                  <p:stCondLst>
                                    <p:cond delay="0"/>
                                  </p:stCondLst>
                                  <p:childTnLst>
                                    <p:set>
                                      <p:cBhvr>
                                        <p:cTn dur="1" fill="hold" id="16">
                                          <p:stCondLst>
                                            <p:cond delay="0"/>
                                          </p:stCondLst>
                                        </p:cTn>
                                        <p:tgtEl>
                                          <p:spTgt spid="43"/>
                                        </p:tgtEl>
                                        <p:attrNameLst>
                                          <p:attrName>style.visibility</p:attrName>
                                        </p:attrNameLst>
                                      </p:cBhvr>
                                      <p:to>
                                        <p:strVal val="visible"/>
                                      </p:to>
                                    </p:set>
                                    <p:animEffect filter="fade" transition="in">
                                      <p:cBhvr>
                                        <p:cTn dur="500" id="17"/>
                                        <p:tgtEl>
                                          <p:spTgt spid="43"/>
                                        </p:tgtEl>
                                      </p:cBhvr>
                                    </p:animEffect>
                                  </p:childTnLst>
                                </p:cTn>
                              </p:par>
                            </p:childTnLst>
                          </p:cTn>
                        </p:par>
                        <p:par>
                          <p:cTn fill="hold" id="18" nodeType="afterGroup">
                            <p:stCondLst>
                              <p:cond delay="1500"/>
                            </p:stCondLst>
                            <p:childTnLst>
                              <p:par>
                                <p:cTn fill="hold" id="19" nodeType="afterEffect" presetClass="entr" presetID="53" presetSubtype="0">
                                  <p:stCondLst>
                                    <p:cond delay="0"/>
                                  </p:stCondLst>
                                  <p:childTnLst>
                                    <p:set>
                                      <p:cBhvr>
                                        <p:cTn dur="1" fill="hold" id="20">
                                          <p:stCondLst>
                                            <p:cond delay="0"/>
                                          </p:stCondLst>
                                        </p:cTn>
                                        <p:tgtEl>
                                          <p:spTgt spid="18"/>
                                        </p:tgtEl>
                                        <p:attrNameLst>
                                          <p:attrName>style.visibility</p:attrName>
                                        </p:attrNameLst>
                                      </p:cBhvr>
                                      <p:to>
                                        <p:strVal val="visible"/>
                                      </p:to>
                                    </p:set>
                                    <p:anim calcmode="lin" valueType="num">
                                      <p:cBhvr>
                                        <p:cTn dur="500" fill="hold" id="21"/>
                                        <p:tgtEl>
                                          <p:spTgt spid="18"/>
                                        </p:tgtEl>
                                        <p:attrNameLst>
                                          <p:attrName>ppt_w</p:attrName>
                                        </p:attrNameLst>
                                      </p:cBhvr>
                                      <p:tavLst>
                                        <p:tav tm="0">
                                          <p:val>
                                            <p:fltVal val="0"/>
                                          </p:val>
                                        </p:tav>
                                        <p:tav tm="100000">
                                          <p:val>
                                            <p:strVal val="#ppt_w"/>
                                          </p:val>
                                        </p:tav>
                                      </p:tavLst>
                                    </p:anim>
                                    <p:anim calcmode="lin" valueType="num">
                                      <p:cBhvr>
                                        <p:cTn dur="500" fill="hold" id="22"/>
                                        <p:tgtEl>
                                          <p:spTgt spid="18"/>
                                        </p:tgtEl>
                                        <p:attrNameLst>
                                          <p:attrName>ppt_h</p:attrName>
                                        </p:attrNameLst>
                                      </p:cBhvr>
                                      <p:tavLst>
                                        <p:tav tm="0">
                                          <p:val>
                                            <p:fltVal val="0"/>
                                          </p:val>
                                        </p:tav>
                                        <p:tav tm="100000">
                                          <p:val>
                                            <p:strVal val="#ppt_h"/>
                                          </p:val>
                                        </p:tav>
                                      </p:tavLst>
                                    </p:anim>
                                    <p:animEffect filter="fade" transition="in">
                                      <p:cBhvr>
                                        <p:cTn dur="500" id="23"/>
                                        <p:tgtEl>
                                          <p:spTgt spid="18"/>
                                        </p:tgtEl>
                                      </p:cBhvr>
                                    </p:animEffect>
                                  </p:childTnLst>
                                </p:cTn>
                              </p:par>
                            </p:childTnLst>
                          </p:cTn>
                        </p:par>
                        <p:par>
                          <p:cTn fill="hold" id="24" nodeType="afterGroup">
                            <p:stCondLst>
                              <p:cond delay="2000"/>
                            </p:stCondLst>
                            <p:childTnLst>
                              <p:par>
                                <p:cTn fill="hold" grpId="0" id="25" nodeType="afterEffect" presetClass="entr" presetID="10" presetSubtype="0">
                                  <p:stCondLst>
                                    <p:cond delay="0"/>
                                  </p:stCondLst>
                                  <p:childTnLst>
                                    <p:set>
                                      <p:cBhvr>
                                        <p:cTn dur="1" fill="hold" id="26">
                                          <p:stCondLst>
                                            <p:cond delay="0"/>
                                          </p:stCondLst>
                                        </p:cTn>
                                        <p:tgtEl>
                                          <p:spTgt spid="47"/>
                                        </p:tgtEl>
                                        <p:attrNameLst>
                                          <p:attrName>style.visibility</p:attrName>
                                        </p:attrNameLst>
                                      </p:cBhvr>
                                      <p:to>
                                        <p:strVal val="visible"/>
                                      </p:to>
                                    </p:set>
                                    <p:animEffect filter="fade" transition="in">
                                      <p:cBhvr>
                                        <p:cTn dur="500" id="27"/>
                                        <p:tgtEl>
                                          <p:spTgt spid="47"/>
                                        </p:tgtEl>
                                      </p:cBhvr>
                                    </p:animEffect>
                                  </p:childTnLst>
                                </p:cTn>
                              </p:par>
                            </p:childTnLst>
                          </p:cTn>
                        </p:par>
                        <p:par>
                          <p:cTn fill="hold" id="28" nodeType="afterGroup">
                            <p:stCondLst>
                              <p:cond delay="2500"/>
                            </p:stCondLst>
                            <p:childTnLst>
                              <p:par>
                                <p:cTn fill="hold" id="29" nodeType="afterEffect" presetClass="entr" presetID="53" presetSubtype="0">
                                  <p:stCondLst>
                                    <p:cond delay="0"/>
                                  </p:stCondLst>
                                  <p:childTnLst>
                                    <p:set>
                                      <p:cBhvr>
                                        <p:cTn dur="1" fill="hold" id="30">
                                          <p:stCondLst>
                                            <p:cond delay="0"/>
                                          </p:stCondLst>
                                        </p:cTn>
                                        <p:tgtEl>
                                          <p:spTgt spid="19"/>
                                        </p:tgtEl>
                                        <p:attrNameLst>
                                          <p:attrName>style.visibility</p:attrName>
                                        </p:attrNameLst>
                                      </p:cBhvr>
                                      <p:to>
                                        <p:strVal val="visible"/>
                                      </p:to>
                                    </p:set>
                                    <p:anim calcmode="lin" valueType="num">
                                      <p:cBhvr>
                                        <p:cTn dur="500" fill="hold" id="31"/>
                                        <p:tgtEl>
                                          <p:spTgt spid="19"/>
                                        </p:tgtEl>
                                        <p:attrNameLst>
                                          <p:attrName>ppt_w</p:attrName>
                                        </p:attrNameLst>
                                      </p:cBhvr>
                                      <p:tavLst>
                                        <p:tav tm="0">
                                          <p:val>
                                            <p:fltVal val="0"/>
                                          </p:val>
                                        </p:tav>
                                        <p:tav tm="100000">
                                          <p:val>
                                            <p:strVal val="#ppt_w"/>
                                          </p:val>
                                        </p:tav>
                                      </p:tavLst>
                                    </p:anim>
                                    <p:anim calcmode="lin" valueType="num">
                                      <p:cBhvr>
                                        <p:cTn dur="500" fill="hold" id="32"/>
                                        <p:tgtEl>
                                          <p:spTgt spid="19"/>
                                        </p:tgtEl>
                                        <p:attrNameLst>
                                          <p:attrName>ppt_h</p:attrName>
                                        </p:attrNameLst>
                                      </p:cBhvr>
                                      <p:tavLst>
                                        <p:tav tm="0">
                                          <p:val>
                                            <p:fltVal val="0"/>
                                          </p:val>
                                        </p:tav>
                                        <p:tav tm="100000">
                                          <p:val>
                                            <p:strVal val="#ppt_h"/>
                                          </p:val>
                                        </p:tav>
                                      </p:tavLst>
                                    </p:anim>
                                    <p:animEffect filter="fade" transition="in">
                                      <p:cBhvr>
                                        <p:cTn dur="500" id="33"/>
                                        <p:tgtEl>
                                          <p:spTgt spid="19"/>
                                        </p:tgtEl>
                                      </p:cBhvr>
                                    </p:animEffect>
                                  </p:childTnLst>
                                </p:cTn>
                              </p:par>
                            </p:childTnLst>
                          </p:cTn>
                        </p:par>
                        <p:par>
                          <p:cTn fill="hold" id="34" nodeType="afterGroup">
                            <p:stCondLst>
                              <p:cond delay="3000"/>
                            </p:stCondLst>
                            <p:childTnLst>
                              <p:par>
                                <p:cTn fill="hold" grpId="0" id="35" nodeType="afterEffect" presetClass="entr" presetID="10" presetSubtype="0">
                                  <p:stCondLst>
                                    <p:cond delay="0"/>
                                  </p:stCondLst>
                                  <p:childTnLst>
                                    <p:set>
                                      <p:cBhvr>
                                        <p:cTn dur="1" fill="hold" id="36">
                                          <p:stCondLst>
                                            <p:cond delay="0"/>
                                          </p:stCondLst>
                                        </p:cTn>
                                        <p:tgtEl>
                                          <p:spTgt spid="44"/>
                                        </p:tgtEl>
                                        <p:attrNameLst>
                                          <p:attrName>style.visibility</p:attrName>
                                        </p:attrNameLst>
                                      </p:cBhvr>
                                      <p:to>
                                        <p:strVal val="visible"/>
                                      </p:to>
                                    </p:set>
                                    <p:animEffect filter="fade" transition="in">
                                      <p:cBhvr>
                                        <p:cTn dur="500" id="37"/>
                                        <p:tgtEl>
                                          <p:spTgt spid="44"/>
                                        </p:tgtEl>
                                      </p:cBhvr>
                                    </p:animEffect>
                                  </p:childTnLst>
                                </p:cTn>
                              </p:par>
                            </p:childTnLst>
                          </p:cTn>
                        </p:par>
                        <p:par>
                          <p:cTn fill="hold" id="38" nodeType="afterGroup">
                            <p:stCondLst>
                              <p:cond delay="3500"/>
                            </p:stCondLst>
                            <p:childTnLst>
                              <p:par>
                                <p:cTn fill="hold" id="39" nodeType="afterEffect" presetClass="entr" presetID="53" presetSubtype="0">
                                  <p:stCondLst>
                                    <p:cond delay="0"/>
                                  </p:stCondLst>
                                  <p:childTnLst>
                                    <p:set>
                                      <p:cBhvr>
                                        <p:cTn dur="1" fill="hold" id="40">
                                          <p:stCondLst>
                                            <p:cond delay="0"/>
                                          </p:stCondLst>
                                        </p:cTn>
                                        <p:tgtEl>
                                          <p:spTgt spid="24"/>
                                        </p:tgtEl>
                                        <p:attrNameLst>
                                          <p:attrName>style.visibility</p:attrName>
                                        </p:attrNameLst>
                                      </p:cBhvr>
                                      <p:to>
                                        <p:strVal val="visible"/>
                                      </p:to>
                                    </p:set>
                                    <p:anim calcmode="lin" valueType="num">
                                      <p:cBhvr>
                                        <p:cTn dur="500" fill="hold" id="41"/>
                                        <p:tgtEl>
                                          <p:spTgt spid="24"/>
                                        </p:tgtEl>
                                        <p:attrNameLst>
                                          <p:attrName>ppt_w</p:attrName>
                                        </p:attrNameLst>
                                      </p:cBhvr>
                                      <p:tavLst>
                                        <p:tav tm="0">
                                          <p:val>
                                            <p:fltVal val="0"/>
                                          </p:val>
                                        </p:tav>
                                        <p:tav tm="100000">
                                          <p:val>
                                            <p:strVal val="#ppt_w"/>
                                          </p:val>
                                        </p:tav>
                                      </p:tavLst>
                                    </p:anim>
                                    <p:anim calcmode="lin" valueType="num">
                                      <p:cBhvr>
                                        <p:cTn dur="500" fill="hold" id="42"/>
                                        <p:tgtEl>
                                          <p:spTgt spid="24"/>
                                        </p:tgtEl>
                                        <p:attrNameLst>
                                          <p:attrName>ppt_h</p:attrName>
                                        </p:attrNameLst>
                                      </p:cBhvr>
                                      <p:tavLst>
                                        <p:tav tm="0">
                                          <p:val>
                                            <p:fltVal val="0"/>
                                          </p:val>
                                        </p:tav>
                                        <p:tav tm="100000">
                                          <p:val>
                                            <p:strVal val="#ppt_h"/>
                                          </p:val>
                                        </p:tav>
                                      </p:tavLst>
                                    </p:anim>
                                    <p:animEffect filter="fade" transition="in">
                                      <p:cBhvr>
                                        <p:cTn dur="500" id="43"/>
                                        <p:tgtEl>
                                          <p:spTgt spid="24"/>
                                        </p:tgtEl>
                                      </p:cBhvr>
                                    </p:animEffect>
                                  </p:childTnLst>
                                </p:cTn>
                              </p:par>
                            </p:childTnLst>
                          </p:cTn>
                        </p:par>
                        <p:par>
                          <p:cTn fill="hold" id="44" nodeType="afterGroup">
                            <p:stCondLst>
                              <p:cond delay="4000"/>
                            </p:stCondLst>
                            <p:childTnLst>
                              <p:par>
                                <p:cTn fill="hold" grpId="0" id="45" nodeType="afterEffect" presetClass="entr" presetID="10" presetSubtype="0">
                                  <p:stCondLst>
                                    <p:cond delay="0"/>
                                  </p:stCondLst>
                                  <p:childTnLst>
                                    <p:set>
                                      <p:cBhvr>
                                        <p:cTn dur="1" fill="hold" id="46">
                                          <p:stCondLst>
                                            <p:cond delay="0"/>
                                          </p:stCondLst>
                                        </p:cTn>
                                        <p:tgtEl>
                                          <p:spTgt spid="46"/>
                                        </p:tgtEl>
                                        <p:attrNameLst>
                                          <p:attrName>style.visibility</p:attrName>
                                        </p:attrNameLst>
                                      </p:cBhvr>
                                      <p:to>
                                        <p:strVal val="visible"/>
                                      </p:to>
                                    </p:set>
                                    <p:animEffect filter="fade" transition="in">
                                      <p:cBhvr>
                                        <p:cTn dur="500" id="47"/>
                                        <p:tgtEl>
                                          <p:spTgt spid="46"/>
                                        </p:tgtEl>
                                      </p:cBhvr>
                                    </p:animEffect>
                                  </p:childTnLst>
                                </p:cTn>
                              </p:par>
                            </p:childTnLst>
                          </p:cTn>
                        </p:par>
                        <p:par>
                          <p:cTn fill="hold" id="48" nodeType="afterGroup">
                            <p:stCondLst>
                              <p:cond delay="4500"/>
                            </p:stCondLst>
                            <p:childTnLst>
                              <p:par>
                                <p:cTn fill="hold" grpId="0" id="49" nodeType="afterEffect" presetClass="entr" presetID="53" presetSubtype="0">
                                  <p:stCondLst>
                                    <p:cond delay="0"/>
                                  </p:stCondLst>
                                  <p:childTnLst>
                                    <p:set>
                                      <p:cBhvr>
                                        <p:cTn dur="1" fill="hold" id="50">
                                          <p:stCondLst>
                                            <p:cond delay="0"/>
                                          </p:stCondLst>
                                        </p:cTn>
                                        <p:tgtEl>
                                          <p:spTgt spid="39"/>
                                        </p:tgtEl>
                                        <p:attrNameLst>
                                          <p:attrName>style.visibility</p:attrName>
                                        </p:attrNameLst>
                                      </p:cBhvr>
                                      <p:to>
                                        <p:strVal val="visible"/>
                                      </p:to>
                                    </p:set>
                                    <p:anim calcmode="lin" valueType="num">
                                      <p:cBhvr>
                                        <p:cTn dur="500" fill="hold" id="51"/>
                                        <p:tgtEl>
                                          <p:spTgt spid="39"/>
                                        </p:tgtEl>
                                        <p:attrNameLst>
                                          <p:attrName>ppt_w</p:attrName>
                                        </p:attrNameLst>
                                      </p:cBhvr>
                                      <p:tavLst>
                                        <p:tav tm="0">
                                          <p:val>
                                            <p:fltVal val="0"/>
                                          </p:val>
                                        </p:tav>
                                        <p:tav tm="100000">
                                          <p:val>
                                            <p:strVal val="#ppt_w"/>
                                          </p:val>
                                        </p:tav>
                                      </p:tavLst>
                                    </p:anim>
                                    <p:anim calcmode="lin" valueType="num">
                                      <p:cBhvr>
                                        <p:cTn dur="500" fill="hold" id="52"/>
                                        <p:tgtEl>
                                          <p:spTgt spid="39"/>
                                        </p:tgtEl>
                                        <p:attrNameLst>
                                          <p:attrName>ppt_h</p:attrName>
                                        </p:attrNameLst>
                                      </p:cBhvr>
                                      <p:tavLst>
                                        <p:tav tm="0">
                                          <p:val>
                                            <p:fltVal val="0"/>
                                          </p:val>
                                        </p:tav>
                                        <p:tav tm="100000">
                                          <p:val>
                                            <p:strVal val="#ppt_h"/>
                                          </p:val>
                                        </p:tav>
                                      </p:tavLst>
                                    </p:anim>
                                    <p:animEffect filter="fade" transition="in">
                                      <p:cBhvr>
                                        <p:cTn dur="500" id="53"/>
                                        <p:tgtEl>
                                          <p:spTgt spid="39"/>
                                        </p:tgtEl>
                                      </p:cBhvr>
                                    </p:animEffect>
                                  </p:childTnLst>
                                </p:cTn>
                              </p:par>
                            </p:childTnLst>
                          </p:cTn>
                        </p:par>
                        <p:par>
                          <p:cTn fill="hold" id="54" nodeType="afterGroup">
                            <p:stCondLst>
                              <p:cond delay="5000"/>
                            </p:stCondLst>
                            <p:childTnLst>
                              <p:par>
                                <p:cTn fill="hold" grpId="0" id="55" nodeType="afterEffect" presetClass="entr" presetID="10" presetSubtype="0">
                                  <p:stCondLst>
                                    <p:cond delay="0"/>
                                  </p:stCondLst>
                                  <p:childTnLst>
                                    <p:set>
                                      <p:cBhvr>
                                        <p:cTn dur="1" fill="hold" id="56">
                                          <p:stCondLst>
                                            <p:cond delay="0"/>
                                          </p:stCondLst>
                                        </p:cTn>
                                        <p:tgtEl>
                                          <p:spTgt spid="45"/>
                                        </p:tgtEl>
                                        <p:attrNameLst>
                                          <p:attrName>style.visibility</p:attrName>
                                        </p:attrNameLst>
                                      </p:cBhvr>
                                      <p:to>
                                        <p:strVal val="visible"/>
                                      </p:to>
                                    </p:set>
                                    <p:animEffect filter="fade" transition="in">
                                      <p:cBhvr>
                                        <p:cTn dur="500" id="57"/>
                                        <p:tgtEl>
                                          <p:spTgt spid="45"/>
                                        </p:tgtEl>
                                      </p:cBhvr>
                                    </p:animEffect>
                                  </p:childTnLst>
                                </p:cTn>
                              </p:par>
                            </p:childTnLst>
                          </p:cTn>
                        </p:par>
                        <p:par>
                          <p:cTn fill="hold" id="58" nodeType="afterGroup">
                            <p:stCondLst>
                              <p:cond delay="5500"/>
                            </p:stCondLst>
                            <p:childTnLst>
                              <p:par>
                                <p:cTn fill="hold" grpId="0" id="59" nodeType="afterEffect" presetClass="entr" presetID="53" presetSubtype="0">
                                  <p:stCondLst>
                                    <p:cond delay="0"/>
                                  </p:stCondLst>
                                  <p:childTnLst>
                                    <p:set>
                                      <p:cBhvr>
                                        <p:cTn dur="1" fill="hold" id="60">
                                          <p:stCondLst>
                                            <p:cond delay="0"/>
                                          </p:stCondLst>
                                        </p:cTn>
                                        <p:tgtEl>
                                          <p:spTgt spid="55"/>
                                        </p:tgtEl>
                                        <p:attrNameLst>
                                          <p:attrName>style.visibility</p:attrName>
                                        </p:attrNameLst>
                                      </p:cBhvr>
                                      <p:to>
                                        <p:strVal val="visible"/>
                                      </p:to>
                                    </p:set>
                                    <p:anim calcmode="lin" valueType="num">
                                      <p:cBhvr>
                                        <p:cTn dur="500" fill="hold" id="61"/>
                                        <p:tgtEl>
                                          <p:spTgt spid="55"/>
                                        </p:tgtEl>
                                        <p:attrNameLst>
                                          <p:attrName>ppt_w</p:attrName>
                                        </p:attrNameLst>
                                      </p:cBhvr>
                                      <p:tavLst>
                                        <p:tav tm="0">
                                          <p:val>
                                            <p:fltVal val="0"/>
                                          </p:val>
                                        </p:tav>
                                        <p:tav tm="100000">
                                          <p:val>
                                            <p:strVal val="#ppt_w"/>
                                          </p:val>
                                        </p:tav>
                                      </p:tavLst>
                                    </p:anim>
                                    <p:anim calcmode="lin" valueType="num">
                                      <p:cBhvr>
                                        <p:cTn dur="500" fill="hold" id="62"/>
                                        <p:tgtEl>
                                          <p:spTgt spid="55"/>
                                        </p:tgtEl>
                                        <p:attrNameLst>
                                          <p:attrName>ppt_h</p:attrName>
                                        </p:attrNameLst>
                                      </p:cBhvr>
                                      <p:tavLst>
                                        <p:tav tm="0">
                                          <p:val>
                                            <p:fltVal val="0"/>
                                          </p:val>
                                        </p:tav>
                                        <p:tav tm="100000">
                                          <p:val>
                                            <p:strVal val="#ppt_h"/>
                                          </p:val>
                                        </p:tav>
                                      </p:tavLst>
                                    </p:anim>
                                    <p:animEffect filter="fade" transition="in">
                                      <p:cBhvr>
                                        <p:cTn dur="500" id="63"/>
                                        <p:tgtEl>
                                          <p:spTgt spid="55"/>
                                        </p:tgtEl>
                                      </p:cBhvr>
                                    </p:animEffect>
                                  </p:childTnLst>
                                </p:cTn>
                              </p:par>
                            </p:childTnLst>
                          </p:cTn>
                        </p:par>
                        <p:par>
                          <p:cTn fill="hold" id="64" nodeType="afterGroup">
                            <p:stCondLst>
                              <p:cond delay="6000"/>
                            </p:stCondLst>
                            <p:childTnLst>
                              <p:par>
                                <p:cTn fill="hold" grpId="0" id="65" nodeType="afterEffect" presetClass="entr" presetID="53" presetSubtype="0">
                                  <p:stCondLst>
                                    <p:cond delay="0"/>
                                  </p:stCondLst>
                                  <p:childTnLst>
                                    <p:set>
                                      <p:cBhvr>
                                        <p:cTn dur="1" fill="hold" id="66">
                                          <p:stCondLst>
                                            <p:cond delay="0"/>
                                          </p:stCondLst>
                                        </p:cTn>
                                        <p:tgtEl>
                                          <p:spTgt spid="56"/>
                                        </p:tgtEl>
                                        <p:attrNameLst>
                                          <p:attrName>style.visibility</p:attrName>
                                        </p:attrNameLst>
                                      </p:cBhvr>
                                      <p:to>
                                        <p:strVal val="visible"/>
                                      </p:to>
                                    </p:set>
                                    <p:anim calcmode="lin" valueType="num">
                                      <p:cBhvr>
                                        <p:cTn dur="500" fill="hold" id="67"/>
                                        <p:tgtEl>
                                          <p:spTgt spid="56"/>
                                        </p:tgtEl>
                                        <p:attrNameLst>
                                          <p:attrName>ppt_w</p:attrName>
                                        </p:attrNameLst>
                                      </p:cBhvr>
                                      <p:tavLst>
                                        <p:tav tm="0">
                                          <p:val>
                                            <p:fltVal val="0"/>
                                          </p:val>
                                        </p:tav>
                                        <p:tav tm="100000">
                                          <p:val>
                                            <p:strVal val="#ppt_w"/>
                                          </p:val>
                                        </p:tav>
                                      </p:tavLst>
                                    </p:anim>
                                    <p:anim calcmode="lin" valueType="num">
                                      <p:cBhvr>
                                        <p:cTn dur="500" fill="hold" id="68"/>
                                        <p:tgtEl>
                                          <p:spTgt spid="56"/>
                                        </p:tgtEl>
                                        <p:attrNameLst>
                                          <p:attrName>ppt_h</p:attrName>
                                        </p:attrNameLst>
                                      </p:cBhvr>
                                      <p:tavLst>
                                        <p:tav tm="0">
                                          <p:val>
                                            <p:fltVal val="0"/>
                                          </p:val>
                                        </p:tav>
                                        <p:tav tm="100000">
                                          <p:val>
                                            <p:strVal val="#ppt_h"/>
                                          </p:val>
                                        </p:tav>
                                      </p:tavLst>
                                    </p:anim>
                                    <p:animEffect filter="fade" transition="in">
                                      <p:cBhvr>
                                        <p:cTn dur="500" id="69"/>
                                        <p:tgtEl>
                                          <p:spTgt spid="56"/>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35"/>
      <p:bldP grpId="0" spid="39"/>
      <p:bldP grpId="0" spid="43"/>
      <p:bldP grpId="0" spid="44"/>
      <p:bldP grpId="0" spid="45"/>
      <p:bldP grpId="0" spid="46"/>
      <p:bldP grpId="0" spid="47"/>
      <p:bldP grpId="0" spid="55"/>
      <p:bldP grpId="0" spid="56"/>
    </p:bldLst>
  </p:timing>
</p:sld>
</file>

<file path=ppt/slides/slide30.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3999880" y="872185"/>
            <a:ext cx="1368152" cy="1844031"/>
            <a:chOff x="4729458" y="2977270"/>
            <a:chExt cx="2733084" cy="3253368"/>
          </a:xfrm>
        </p:grpSpPr>
        <p:pic>
          <p:nvPicPr>
            <p:cNvPr id="3" name="图片 2"/>
            <p:cNvPicPr>
              <a:picLocks noChangeAspect="1"/>
            </p:cNvPicPr>
            <p:nvPr/>
          </p:nvPicPr>
          <p:blipFill>
            <a:blip r:embed="rId3">
              <a:duotone>
                <a:prstClr val="black"/>
                <a:schemeClr val="accent5">
                  <a:tint val="45000"/>
                  <a:satMod val="400000"/>
                </a:schemeClr>
              </a:duotone>
              <a:extLst>
                <a:ext uri="{28A0092B-C50C-407E-A947-70E740481C1C}">
                  <a14:useLocalDpi val="0"/>
                </a:ext>
              </a:extLst>
            </a:blip>
            <a:stretch>
              <a:fillRect/>
            </a:stretch>
          </p:blipFill>
          <p:spPr>
            <a:xfrm>
              <a:off x="4729458" y="3040250"/>
              <a:ext cx="2733084" cy="3190388"/>
            </a:xfrm>
            <a:prstGeom prst="rect">
              <a:avLst/>
            </a:prstGeom>
          </p:spPr>
        </p:pic>
        <p:sp>
          <p:nvSpPr>
            <p:cNvPr id="4" name="弧形 3"/>
            <p:cNvSpPr/>
            <p:nvPr/>
          </p:nvSpPr>
          <p:spPr>
            <a:xfrm rot="18426662">
              <a:off x="5970348" y="3375939"/>
              <a:ext cx="194537" cy="218370"/>
            </a:xfrm>
            <a:prstGeom prst="arc">
              <a:avLst>
                <a:gd fmla="val 16200000" name="adj1"/>
                <a:gd fmla="val 1552907" name="adj2"/>
              </a:avLst>
            </a:prstGeom>
            <a:ln>
              <a:solidFill>
                <a:schemeClr val="bg1"/>
              </a:solidFill>
            </a:ln>
          </p:spPr>
          <p:style>
            <a:lnRef idx="1">
              <a:schemeClr val="accent1"/>
            </a:lnRef>
            <a:fillRef idx="0">
              <a:schemeClr val="accent1"/>
            </a:fillRef>
            <a:effectRef idx="0">
              <a:schemeClr val="accent1"/>
            </a:effectRef>
            <a:fontRef idx="minor">
              <a:schemeClr val="tx1"/>
            </a:fontRef>
          </p:style>
          <p:txBody>
            <a:bodyPr anchor="ctr" rtlCol="0"/>
            <a:lstStyle/>
            <a:p>
              <a:pPr algn="ctr"/>
              <a:endParaRPr altLang="en-US" lang="zh-CN"/>
            </a:p>
          </p:txBody>
        </p:sp>
        <p:sp>
          <p:nvSpPr>
            <p:cNvPr id="5" name="文本框 3"/>
            <p:cNvSpPr txBox="1"/>
            <p:nvPr/>
          </p:nvSpPr>
          <p:spPr>
            <a:xfrm>
              <a:off x="5782529" y="2977270"/>
              <a:ext cx="512368" cy="1451923"/>
            </a:xfrm>
            <a:prstGeom prst="rect">
              <a:avLst/>
            </a:prstGeom>
            <a:noFill/>
          </p:spPr>
          <p:txBody>
            <a:bodyPr rtlCol="0" wrap="square">
              <a:spAutoFit/>
            </a:bodyPr>
            <a:lstStyle/>
            <a:p>
              <a:pPr algn="ctr"/>
              <a:r>
                <a:rPr altLang="zh-CN" lang="en-US" sz="2400">
                  <a:solidFill>
                    <a:schemeClr val="bg1"/>
                  </a:solidFill>
                </a:rPr>
                <a:t>.  .</a:t>
              </a:r>
            </a:p>
          </p:txBody>
        </p:sp>
      </p:grpSp>
      <p:grpSp>
        <p:nvGrpSpPr>
          <p:cNvPr id="6" name="组合 5"/>
          <p:cNvGrpSpPr/>
          <p:nvPr/>
        </p:nvGrpSpPr>
        <p:grpSpPr>
          <a:xfrm>
            <a:off x="1551608" y="915566"/>
            <a:ext cx="1872208" cy="1465472"/>
            <a:chOff x="539552" y="1117982"/>
            <a:chExt cx="2415569" cy="1836838"/>
          </a:xfrm>
        </p:grpSpPr>
        <p:sp>
          <p:nvSpPr>
            <p:cNvPr id="7" name="椭圆形标注 6"/>
            <p:cNvSpPr/>
            <p:nvPr/>
          </p:nvSpPr>
          <p:spPr>
            <a:xfrm>
              <a:off x="539552" y="1117982"/>
              <a:ext cx="2415569" cy="1836838"/>
            </a:xfrm>
            <a:prstGeom prst="wedgeEllipseCallout">
              <a:avLst>
                <a:gd fmla="val 54167" name="adj1"/>
                <a:gd fmla="val 54281" name="adj2"/>
              </a:avLst>
            </a:prstGeom>
            <a:no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sz="2000">
                <a:solidFill>
                  <a:srgbClr val="3C5E89"/>
                </a:solidFill>
                <a:latin charset="-122" panose="020b0503020204020204" pitchFamily="34" typeface="微软雅黑"/>
                <a:ea charset="-122" panose="020b0503020204020204" pitchFamily="34" typeface="微软雅黑"/>
              </a:endParaRPr>
            </a:p>
          </p:txBody>
        </p:sp>
        <p:sp>
          <p:nvSpPr>
            <p:cNvPr id="8" name="Freeform 544"/>
            <p:cNvSpPr>
              <a:spLocks noEditPoints="1"/>
            </p:cNvSpPr>
            <p:nvPr/>
          </p:nvSpPr>
          <p:spPr bwMode="auto">
            <a:xfrm>
              <a:off x="1421675" y="1751701"/>
              <a:ext cx="333601" cy="506412"/>
            </a:xfrm>
            <a:custGeom>
              <a:gdLst>
                <a:gd fmla="*/ 424 w 636" name="T0"/>
                <a:gd fmla="*/ 262 h 916" name="T1"/>
                <a:gd fmla="*/ 398 w 636" name="T2"/>
                <a:gd fmla="*/ 212 h 916" name="T3"/>
                <a:gd fmla="*/ 358 w 636" name="T4"/>
                <a:gd fmla="*/ 184 h 916" name="T5"/>
                <a:gd fmla="*/ 430 w 636" name="T6"/>
                <a:gd fmla="*/ 354 h 916" name="T7"/>
                <a:gd fmla="*/ 514 w 636" name="T8"/>
                <a:gd fmla="*/ 386 h 916" name="T9"/>
                <a:gd fmla="*/ 568 w 636" name="T10"/>
                <a:gd fmla="*/ 420 h 916" name="T11"/>
                <a:gd fmla="*/ 598 w 636" name="T12"/>
                <a:gd fmla="*/ 454 h 916" name="T13"/>
                <a:gd fmla="*/ 626 w 636" name="T14"/>
                <a:gd fmla="*/ 510 h 916" name="T15"/>
                <a:gd fmla="*/ 636 w 636" name="T16"/>
                <a:gd fmla="*/ 578 h 916" name="T17"/>
                <a:gd fmla="*/ 630 w 636" name="T18"/>
                <a:gd fmla="*/ 630 h 916" name="T19"/>
                <a:gd fmla="*/ 612 w 636" name="T20"/>
                <a:gd fmla="*/ 680 h 916" name="T21"/>
                <a:gd fmla="*/ 566 w 636" name="T22"/>
                <a:gd fmla="*/ 742 h 916" name="T23"/>
                <a:gd fmla="*/ 528 w 636" name="T24"/>
                <a:gd fmla="*/ 772 h 916" name="T25"/>
                <a:gd fmla="*/ 466 w 636" name="T26"/>
                <a:gd fmla="*/ 804 h 916" name="T27"/>
                <a:gd fmla="*/ 416 w 636" name="T28"/>
                <a:gd fmla="*/ 814 h 916" name="T29"/>
                <a:gd fmla="*/ 358 w 636" name="T30"/>
                <a:gd fmla="*/ 916 h 916" name="T31"/>
                <a:gd fmla="*/ 284 w 636" name="T32"/>
                <a:gd fmla="*/ 820 h 916" name="T33"/>
                <a:gd fmla="*/ 188 w 636" name="T34"/>
                <a:gd fmla="*/ 804 h 916" name="T35"/>
                <a:gd fmla="*/ 140 w 636" name="T36"/>
                <a:gd fmla="*/ 786 h 916" name="T37"/>
                <a:gd fmla="*/ 82 w 636" name="T38"/>
                <a:gd fmla="*/ 746 h 916" name="T39"/>
                <a:gd fmla="*/ 50 w 636" name="T40"/>
                <a:gd fmla="*/ 714 h 916" name="T41"/>
                <a:gd fmla="*/ 28 w 636" name="T42"/>
                <a:gd fmla="*/ 680 h 916" name="T43"/>
                <a:gd fmla="*/ 6 w 636" name="T44"/>
                <a:gd fmla="*/ 616 h 916" name="T45"/>
                <a:gd fmla="*/ 208 w 636" name="T46"/>
                <a:gd fmla="*/ 568 h 916" name="T47"/>
                <a:gd fmla="*/ 226 w 636" name="T48"/>
                <a:gd fmla="*/ 628 h 916" name="T49"/>
                <a:gd fmla="*/ 242 w 636" name="T50"/>
                <a:gd fmla="*/ 652 h 916" name="T51"/>
                <a:gd fmla="*/ 284 w 636" name="T52"/>
                <a:gd fmla="*/ 680 h 916" name="T53"/>
                <a:gd fmla="*/ 236 w 636" name="T54"/>
                <a:gd fmla="*/ 486 h 916" name="T55"/>
                <a:gd fmla="*/ 138 w 636" name="T56"/>
                <a:gd fmla="*/ 450 h 916" name="T57"/>
                <a:gd fmla="*/ 98 w 636" name="T58"/>
                <a:gd fmla="*/ 422 h 916" name="T59"/>
                <a:gd fmla="*/ 62 w 636" name="T60"/>
                <a:gd fmla="*/ 382 h 916" name="T61"/>
                <a:gd fmla="*/ 32 w 636" name="T62"/>
                <a:gd fmla="*/ 302 h 916" name="T63"/>
                <a:gd fmla="*/ 32 w 636" name="T64"/>
                <a:gd fmla="*/ 248 h 916" name="T65"/>
                <a:gd fmla="*/ 46 w 636" name="T66"/>
                <a:gd fmla="*/ 186 h 916" name="T67"/>
                <a:gd fmla="*/ 80 w 636" name="T68"/>
                <a:gd fmla="*/ 134 h 916" name="T69"/>
                <a:gd fmla="*/ 112 w 636" name="T70"/>
                <a:gd fmla="*/ 104 h 916" name="T71"/>
                <a:gd fmla="*/ 174 w 636" name="T72"/>
                <a:gd fmla="*/ 70 h 916" name="T73"/>
                <a:gd fmla="*/ 254 w 636" name="T74"/>
                <a:gd fmla="*/ 52 h 916" name="T75"/>
                <a:gd fmla="*/ 358 w 636" name="T76"/>
                <a:gd fmla="*/ 0 h 916" name="T77"/>
                <a:gd fmla="*/ 386 w 636" name="T78"/>
                <a:gd fmla="*/ 52 h 916" name="T79"/>
                <a:gd fmla="*/ 460 w 636" name="T80"/>
                <a:gd fmla="*/ 66 h 916" name="T81"/>
                <a:gd fmla="*/ 518 w 636" name="T82"/>
                <a:gd fmla="*/ 92 h 916" name="T83"/>
                <a:gd fmla="*/ 550 w 636" name="T84"/>
                <a:gd fmla="*/ 116 h 916" name="T85"/>
                <a:gd fmla="*/ 586 w 636" name="T86"/>
                <a:gd fmla="*/ 160 h 916" name="T87"/>
                <a:gd fmla="*/ 610 w 636" name="T88"/>
                <a:gd fmla="*/ 212 h 916" name="T89"/>
                <a:gd fmla="*/ 284 w 636" name="T90"/>
                <a:gd fmla="*/ 182 h 916" name="T91"/>
                <a:gd fmla="*/ 258 w 636" name="T92"/>
                <a:gd fmla="*/ 194 h 916" name="T93"/>
                <a:gd fmla="*/ 240 w 636" name="T94"/>
                <a:gd fmla="*/ 208 h 916" name="T95"/>
                <a:gd fmla="*/ 228 w 636" name="T96"/>
                <a:gd fmla="*/ 236 h 916" name="T97"/>
                <a:gd fmla="*/ 228 w 636" name="T98"/>
                <a:gd fmla="*/ 256 h 916" name="T99"/>
                <a:gd fmla="*/ 240 w 636" name="T100"/>
                <a:gd fmla="*/ 284 h 916" name="T101"/>
                <a:gd fmla="*/ 258 w 636" name="T102"/>
                <a:gd fmla="*/ 300 h 916" name="T103"/>
                <a:gd fmla="*/ 284 w 636" name="T104"/>
                <a:gd fmla="*/ 182 h 916" name="T105"/>
                <a:gd fmla="*/ 378 w 636" name="T106"/>
                <a:gd fmla="*/ 680 h 916" name="T107"/>
                <a:gd fmla="*/ 422 w 636" name="T108"/>
                <a:gd fmla="*/ 654 h 916" name="T109"/>
                <a:gd fmla="*/ 438 w 636" name="T110"/>
                <a:gd fmla="*/ 630 h 916" name="T111"/>
                <a:gd fmla="*/ 442 w 636" name="T112"/>
                <a:gd fmla="*/ 604 h 916" name="T113"/>
                <a:gd fmla="*/ 434 w 636" name="T114"/>
                <a:gd fmla="*/ 570 h 916" name="T115"/>
                <a:gd fmla="*/ 416 w 636" name="T116"/>
                <a:gd fmla="*/ 550 h 916" name="T117"/>
                <a:gd fmla="*/ 358 w 636" name="T118"/>
                <a:gd fmla="*/ 522 h 916" name="T11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b="b" l="0" r="r" t="0"/>
              <a:pathLst>
                <a:path h="916" w="636">
                  <a:moveTo>
                    <a:pt x="614" y="232"/>
                  </a:moveTo>
                  <a:lnTo>
                    <a:pt x="424" y="262"/>
                  </a:lnTo>
                  <a:lnTo>
                    <a:pt x="424" y="262"/>
                  </a:lnTo>
                  <a:lnTo>
                    <a:pt x="410" y="232"/>
                  </a:lnTo>
                  <a:lnTo>
                    <a:pt x="398" y="212"/>
                  </a:lnTo>
                  <a:lnTo>
                    <a:pt x="398" y="212"/>
                  </a:lnTo>
                  <a:lnTo>
                    <a:pt x="392" y="206"/>
                  </a:lnTo>
                  <a:lnTo>
                    <a:pt x="382" y="198"/>
                  </a:lnTo>
                  <a:lnTo>
                    <a:pt x="358" y="184"/>
                  </a:lnTo>
                  <a:lnTo>
                    <a:pt x="358" y="332"/>
                  </a:lnTo>
                  <a:lnTo>
                    <a:pt x="358" y="332"/>
                  </a:lnTo>
                  <a:lnTo>
                    <a:pt x="430" y="354"/>
                  </a:lnTo>
                  <a:lnTo>
                    <a:pt x="462" y="364"/>
                  </a:lnTo>
                  <a:lnTo>
                    <a:pt x="490" y="376"/>
                  </a:lnTo>
                  <a:lnTo>
                    <a:pt x="514" y="386"/>
                  </a:lnTo>
                  <a:lnTo>
                    <a:pt x="534" y="398"/>
                  </a:lnTo>
                  <a:lnTo>
                    <a:pt x="552" y="408"/>
                  </a:lnTo>
                  <a:lnTo>
                    <a:pt x="568" y="420"/>
                  </a:lnTo>
                  <a:lnTo>
                    <a:pt x="568" y="420"/>
                  </a:lnTo>
                  <a:lnTo>
                    <a:pt x="584" y="436"/>
                  </a:lnTo>
                  <a:lnTo>
                    <a:pt x="598" y="454"/>
                  </a:lnTo>
                  <a:lnTo>
                    <a:pt x="610" y="472"/>
                  </a:lnTo>
                  <a:lnTo>
                    <a:pt x="620" y="490"/>
                  </a:lnTo>
                  <a:lnTo>
                    <a:pt x="626" y="510"/>
                  </a:lnTo>
                  <a:lnTo>
                    <a:pt x="632" y="532"/>
                  </a:lnTo>
                  <a:lnTo>
                    <a:pt x="636" y="554"/>
                  </a:lnTo>
                  <a:lnTo>
                    <a:pt x="636" y="578"/>
                  </a:lnTo>
                  <a:lnTo>
                    <a:pt x="636" y="578"/>
                  </a:lnTo>
                  <a:lnTo>
                    <a:pt x="636" y="604"/>
                  </a:lnTo>
                  <a:lnTo>
                    <a:pt x="630" y="630"/>
                  </a:lnTo>
                  <a:lnTo>
                    <a:pt x="622" y="656"/>
                  </a:lnTo>
                  <a:lnTo>
                    <a:pt x="612" y="680"/>
                  </a:lnTo>
                  <a:lnTo>
                    <a:pt x="612" y="680"/>
                  </a:lnTo>
                  <a:lnTo>
                    <a:pt x="598" y="702"/>
                  </a:lnTo>
                  <a:lnTo>
                    <a:pt x="584" y="722"/>
                  </a:lnTo>
                  <a:lnTo>
                    <a:pt x="566" y="742"/>
                  </a:lnTo>
                  <a:lnTo>
                    <a:pt x="548" y="758"/>
                  </a:lnTo>
                  <a:lnTo>
                    <a:pt x="548" y="758"/>
                  </a:lnTo>
                  <a:lnTo>
                    <a:pt x="528" y="772"/>
                  </a:lnTo>
                  <a:lnTo>
                    <a:pt x="508" y="784"/>
                  </a:lnTo>
                  <a:lnTo>
                    <a:pt x="488" y="796"/>
                  </a:lnTo>
                  <a:lnTo>
                    <a:pt x="466" y="804"/>
                  </a:lnTo>
                  <a:lnTo>
                    <a:pt x="466" y="804"/>
                  </a:lnTo>
                  <a:lnTo>
                    <a:pt x="442" y="810"/>
                  </a:lnTo>
                  <a:lnTo>
                    <a:pt x="416" y="814"/>
                  </a:lnTo>
                  <a:lnTo>
                    <a:pt x="390" y="818"/>
                  </a:lnTo>
                  <a:lnTo>
                    <a:pt x="358" y="820"/>
                  </a:lnTo>
                  <a:lnTo>
                    <a:pt x="358" y="916"/>
                  </a:lnTo>
                  <a:lnTo>
                    <a:pt x="284" y="916"/>
                  </a:lnTo>
                  <a:lnTo>
                    <a:pt x="284" y="820"/>
                  </a:lnTo>
                  <a:lnTo>
                    <a:pt x="284" y="820"/>
                  </a:lnTo>
                  <a:lnTo>
                    <a:pt x="248" y="816"/>
                  </a:lnTo>
                  <a:lnTo>
                    <a:pt x="216" y="810"/>
                  </a:lnTo>
                  <a:lnTo>
                    <a:pt x="188" y="804"/>
                  </a:lnTo>
                  <a:lnTo>
                    <a:pt x="162" y="796"/>
                  </a:lnTo>
                  <a:lnTo>
                    <a:pt x="162" y="796"/>
                  </a:lnTo>
                  <a:lnTo>
                    <a:pt x="140" y="786"/>
                  </a:lnTo>
                  <a:lnTo>
                    <a:pt x="118" y="774"/>
                  </a:lnTo>
                  <a:lnTo>
                    <a:pt x="98" y="762"/>
                  </a:lnTo>
                  <a:lnTo>
                    <a:pt x="82" y="746"/>
                  </a:lnTo>
                  <a:lnTo>
                    <a:pt x="82" y="746"/>
                  </a:lnTo>
                  <a:lnTo>
                    <a:pt x="64" y="730"/>
                  </a:lnTo>
                  <a:lnTo>
                    <a:pt x="50" y="714"/>
                  </a:lnTo>
                  <a:lnTo>
                    <a:pt x="38" y="696"/>
                  </a:lnTo>
                  <a:lnTo>
                    <a:pt x="28" y="680"/>
                  </a:lnTo>
                  <a:lnTo>
                    <a:pt x="28" y="680"/>
                  </a:lnTo>
                  <a:lnTo>
                    <a:pt x="20" y="660"/>
                  </a:lnTo>
                  <a:lnTo>
                    <a:pt x="12" y="640"/>
                  </a:lnTo>
                  <a:lnTo>
                    <a:pt x="6" y="616"/>
                  </a:lnTo>
                  <a:lnTo>
                    <a:pt x="0" y="592"/>
                  </a:lnTo>
                  <a:lnTo>
                    <a:pt x="208" y="568"/>
                  </a:lnTo>
                  <a:lnTo>
                    <a:pt x="208" y="568"/>
                  </a:lnTo>
                  <a:lnTo>
                    <a:pt x="214" y="592"/>
                  </a:lnTo>
                  <a:lnTo>
                    <a:pt x="220" y="612"/>
                  </a:lnTo>
                  <a:lnTo>
                    <a:pt x="226" y="628"/>
                  </a:lnTo>
                  <a:lnTo>
                    <a:pt x="234" y="640"/>
                  </a:lnTo>
                  <a:lnTo>
                    <a:pt x="234" y="640"/>
                  </a:lnTo>
                  <a:lnTo>
                    <a:pt x="242" y="652"/>
                  </a:lnTo>
                  <a:lnTo>
                    <a:pt x="254" y="662"/>
                  </a:lnTo>
                  <a:lnTo>
                    <a:pt x="268" y="672"/>
                  </a:lnTo>
                  <a:lnTo>
                    <a:pt x="284" y="680"/>
                  </a:lnTo>
                  <a:lnTo>
                    <a:pt x="284" y="500"/>
                  </a:lnTo>
                  <a:lnTo>
                    <a:pt x="284" y="500"/>
                  </a:lnTo>
                  <a:lnTo>
                    <a:pt x="236" y="486"/>
                  </a:lnTo>
                  <a:lnTo>
                    <a:pt x="196" y="474"/>
                  </a:lnTo>
                  <a:lnTo>
                    <a:pt x="162" y="462"/>
                  </a:lnTo>
                  <a:lnTo>
                    <a:pt x="138" y="450"/>
                  </a:lnTo>
                  <a:lnTo>
                    <a:pt x="138" y="450"/>
                  </a:lnTo>
                  <a:lnTo>
                    <a:pt x="116" y="438"/>
                  </a:lnTo>
                  <a:lnTo>
                    <a:pt x="98" y="422"/>
                  </a:lnTo>
                  <a:lnTo>
                    <a:pt x="80" y="404"/>
                  </a:lnTo>
                  <a:lnTo>
                    <a:pt x="62" y="382"/>
                  </a:lnTo>
                  <a:lnTo>
                    <a:pt x="62" y="382"/>
                  </a:lnTo>
                  <a:lnTo>
                    <a:pt x="48" y="358"/>
                  </a:lnTo>
                  <a:lnTo>
                    <a:pt x="38" y="332"/>
                  </a:lnTo>
                  <a:lnTo>
                    <a:pt x="32" y="302"/>
                  </a:lnTo>
                  <a:lnTo>
                    <a:pt x="30" y="270"/>
                  </a:lnTo>
                  <a:lnTo>
                    <a:pt x="30" y="270"/>
                  </a:lnTo>
                  <a:lnTo>
                    <a:pt x="32" y="248"/>
                  </a:lnTo>
                  <a:lnTo>
                    <a:pt x="34" y="226"/>
                  </a:lnTo>
                  <a:lnTo>
                    <a:pt x="40" y="206"/>
                  </a:lnTo>
                  <a:lnTo>
                    <a:pt x="46" y="186"/>
                  </a:lnTo>
                  <a:lnTo>
                    <a:pt x="56" y="168"/>
                  </a:lnTo>
                  <a:lnTo>
                    <a:pt x="66" y="150"/>
                  </a:lnTo>
                  <a:lnTo>
                    <a:pt x="80" y="134"/>
                  </a:lnTo>
                  <a:lnTo>
                    <a:pt x="94" y="118"/>
                  </a:lnTo>
                  <a:lnTo>
                    <a:pt x="94" y="118"/>
                  </a:lnTo>
                  <a:lnTo>
                    <a:pt x="112" y="104"/>
                  </a:lnTo>
                  <a:lnTo>
                    <a:pt x="130" y="90"/>
                  </a:lnTo>
                  <a:lnTo>
                    <a:pt x="152" y="80"/>
                  </a:lnTo>
                  <a:lnTo>
                    <a:pt x="174" y="70"/>
                  </a:lnTo>
                  <a:lnTo>
                    <a:pt x="198" y="62"/>
                  </a:lnTo>
                  <a:lnTo>
                    <a:pt x="226" y="56"/>
                  </a:lnTo>
                  <a:lnTo>
                    <a:pt x="254" y="52"/>
                  </a:lnTo>
                  <a:lnTo>
                    <a:pt x="284" y="50"/>
                  </a:lnTo>
                  <a:lnTo>
                    <a:pt x="284" y="0"/>
                  </a:lnTo>
                  <a:lnTo>
                    <a:pt x="358" y="0"/>
                  </a:lnTo>
                  <a:lnTo>
                    <a:pt x="358" y="50"/>
                  </a:lnTo>
                  <a:lnTo>
                    <a:pt x="358" y="50"/>
                  </a:lnTo>
                  <a:lnTo>
                    <a:pt x="386" y="52"/>
                  </a:lnTo>
                  <a:lnTo>
                    <a:pt x="412" y="56"/>
                  </a:lnTo>
                  <a:lnTo>
                    <a:pt x="438" y="60"/>
                  </a:lnTo>
                  <a:lnTo>
                    <a:pt x="460" y="66"/>
                  </a:lnTo>
                  <a:lnTo>
                    <a:pt x="482" y="74"/>
                  </a:lnTo>
                  <a:lnTo>
                    <a:pt x="502" y="82"/>
                  </a:lnTo>
                  <a:lnTo>
                    <a:pt x="518" y="92"/>
                  </a:lnTo>
                  <a:lnTo>
                    <a:pt x="536" y="104"/>
                  </a:lnTo>
                  <a:lnTo>
                    <a:pt x="536" y="104"/>
                  </a:lnTo>
                  <a:lnTo>
                    <a:pt x="550" y="116"/>
                  </a:lnTo>
                  <a:lnTo>
                    <a:pt x="562" y="130"/>
                  </a:lnTo>
                  <a:lnTo>
                    <a:pt x="574" y="144"/>
                  </a:lnTo>
                  <a:lnTo>
                    <a:pt x="586" y="160"/>
                  </a:lnTo>
                  <a:lnTo>
                    <a:pt x="594" y="176"/>
                  </a:lnTo>
                  <a:lnTo>
                    <a:pt x="602" y="194"/>
                  </a:lnTo>
                  <a:lnTo>
                    <a:pt x="610" y="212"/>
                  </a:lnTo>
                  <a:lnTo>
                    <a:pt x="614" y="232"/>
                  </a:lnTo>
                  <a:lnTo>
                    <a:pt x="614" y="232"/>
                  </a:lnTo>
                  <a:close/>
                  <a:moveTo>
                    <a:pt x="284" y="182"/>
                  </a:moveTo>
                  <a:lnTo>
                    <a:pt x="284" y="182"/>
                  </a:lnTo>
                  <a:lnTo>
                    <a:pt x="270" y="188"/>
                  </a:lnTo>
                  <a:lnTo>
                    <a:pt x="258" y="194"/>
                  </a:lnTo>
                  <a:lnTo>
                    <a:pt x="246" y="200"/>
                  </a:lnTo>
                  <a:lnTo>
                    <a:pt x="240" y="208"/>
                  </a:lnTo>
                  <a:lnTo>
                    <a:pt x="240" y="208"/>
                  </a:lnTo>
                  <a:lnTo>
                    <a:pt x="234" y="216"/>
                  </a:lnTo>
                  <a:lnTo>
                    <a:pt x="230" y="226"/>
                  </a:lnTo>
                  <a:lnTo>
                    <a:pt x="228" y="236"/>
                  </a:lnTo>
                  <a:lnTo>
                    <a:pt x="226" y="246"/>
                  </a:lnTo>
                  <a:lnTo>
                    <a:pt x="226" y="246"/>
                  </a:lnTo>
                  <a:lnTo>
                    <a:pt x="228" y="256"/>
                  </a:lnTo>
                  <a:lnTo>
                    <a:pt x="230" y="266"/>
                  </a:lnTo>
                  <a:lnTo>
                    <a:pt x="234" y="276"/>
                  </a:lnTo>
                  <a:lnTo>
                    <a:pt x="240" y="284"/>
                  </a:lnTo>
                  <a:lnTo>
                    <a:pt x="240" y="284"/>
                  </a:lnTo>
                  <a:lnTo>
                    <a:pt x="248" y="292"/>
                  </a:lnTo>
                  <a:lnTo>
                    <a:pt x="258" y="300"/>
                  </a:lnTo>
                  <a:lnTo>
                    <a:pt x="270" y="306"/>
                  </a:lnTo>
                  <a:lnTo>
                    <a:pt x="284" y="312"/>
                  </a:lnTo>
                  <a:lnTo>
                    <a:pt x="284" y="182"/>
                  </a:lnTo>
                  <a:close/>
                  <a:moveTo>
                    <a:pt x="358" y="686"/>
                  </a:moveTo>
                  <a:lnTo>
                    <a:pt x="358" y="686"/>
                  </a:lnTo>
                  <a:lnTo>
                    <a:pt x="378" y="680"/>
                  </a:lnTo>
                  <a:lnTo>
                    <a:pt x="396" y="672"/>
                  </a:lnTo>
                  <a:lnTo>
                    <a:pt x="410" y="664"/>
                  </a:lnTo>
                  <a:lnTo>
                    <a:pt x="422" y="654"/>
                  </a:lnTo>
                  <a:lnTo>
                    <a:pt x="422" y="654"/>
                  </a:lnTo>
                  <a:lnTo>
                    <a:pt x="432" y="642"/>
                  </a:lnTo>
                  <a:lnTo>
                    <a:pt x="438" y="630"/>
                  </a:lnTo>
                  <a:lnTo>
                    <a:pt x="442" y="618"/>
                  </a:lnTo>
                  <a:lnTo>
                    <a:pt x="442" y="604"/>
                  </a:lnTo>
                  <a:lnTo>
                    <a:pt x="442" y="604"/>
                  </a:lnTo>
                  <a:lnTo>
                    <a:pt x="442" y="592"/>
                  </a:lnTo>
                  <a:lnTo>
                    <a:pt x="438" y="580"/>
                  </a:lnTo>
                  <a:lnTo>
                    <a:pt x="434" y="570"/>
                  </a:lnTo>
                  <a:lnTo>
                    <a:pt x="426" y="560"/>
                  </a:lnTo>
                  <a:lnTo>
                    <a:pt x="426" y="560"/>
                  </a:lnTo>
                  <a:lnTo>
                    <a:pt x="416" y="550"/>
                  </a:lnTo>
                  <a:lnTo>
                    <a:pt x="400" y="540"/>
                  </a:lnTo>
                  <a:lnTo>
                    <a:pt x="382" y="530"/>
                  </a:lnTo>
                  <a:lnTo>
                    <a:pt x="358" y="522"/>
                  </a:lnTo>
                  <a:lnTo>
                    <a:pt x="358" y="686"/>
                  </a:lnTo>
                  <a:close/>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sz="2000">
                <a:solidFill>
                  <a:srgbClr val="018E7B"/>
                </a:solidFill>
                <a:latin charset="-122" panose="020b0503020204020204" pitchFamily="34" typeface="微软雅黑"/>
                <a:ea charset="-122" panose="020b0503020204020204" pitchFamily="34" typeface="微软雅黑"/>
              </a:endParaRPr>
            </a:p>
          </p:txBody>
        </p:sp>
        <p:sp>
          <p:nvSpPr>
            <p:cNvPr id="9" name="Freeform 544"/>
            <p:cNvSpPr>
              <a:spLocks noEditPoints="1"/>
            </p:cNvSpPr>
            <p:nvPr/>
          </p:nvSpPr>
          <p:spPr bwMode="auto">
            <a:xfrm rot="1200000">
              <a:off x="2129616" y="1959581"/>
              <a:ext cx="333601" cy="506412"/>
            </a:xfrm>
            <a:custGeom>
              <a:gdLst>
                <a:gd fmla="*/ 424 w 636" name="T0"/>
                <a:gd fmla="*/ 262 h 916" name="T1"/>
                <a:gd fmla="*/ 398 w 636" name="T2"/>
                <a:gd fmla="*/ 212 h 916" name="T3"/>
                <a:gd fmla="*/ 358 w 636" name="T4"/>
                <a:gd fmla="*/ 184 h 916" name="T5"/>
                <a:gd fmla="*/ 430 w 636" name="T6"/>
                <a:gd fmla="*/ 354 h 916" name="T7"/>
                <a:gd fmla="*/ 514 w 636" name="T8"/>
                <a:gd fmla="*/ 386 h 916" name="T9"/>
                <a:gd fmla="*/ 568 w 636" name="T10"/>
                <a:gd fmla="*/ 420 h 916" name="T11"/>
                <a:gd fmla="*/ 598 w 636" name="T12"/>
                <a:gd fmla="*/ 454 h 916" name="T13"/>
                <a:gd fmla="*/ 626 w 636" name="T14"/>
                <a:gd fmla="*/ 510 h 916" name="T15"/>
                <a:gd fmla="*/ 636 w 636" name="T16"/>
                <a:gd fmla="*/ 578 h 916" name="T17"/>
                <a:gd fmla="*/ 630 w 636" name="T18"/>
                <a:gd fmla="*/ 630 h 916" name="T19"/>
                <a:gd fmla="*/ 612 w 636" name="T20"/>
                <a:gd fmla="*/ 680 h 916" name="T21"/>
                <a:gd fmla="*/ 566 w 636" name="T22"/>
                <a:gd fmla="*/ 742 h 916" name="T23"/>
                <a:gd fmla="*/ 528 w 636" name="T24"/>
                <a:gd fmla="*/ 772 h 916" name="T25"/>
                <a:gd fmla="*/ 466 w 636" name="T26"/>
                <a:gd fmla="*/ 804 h 916" name="T27"/>
                <a:gd fmla="*/ 416 w 636" name="T28"/>
                <a:gd fmla="*/ 814 h 916" name="T29"/>
                <a:gd fmla="*/ 358 w 636" name="T30"/>
                <a:gd fmla="*/ 916 h 916" name="T31"/>
                <a:gd fmla="*/ 284 w 636" name="T32"/>
                <a:gd fmla="*/ 820 h 916" name="T33"/>
                <a:gd fmla="*/ 188 w 636" name="T34"/>
                <a:gd fmla="*/ 804 h 916" name="T35"/>
                <a:gd fmla="*/ 140 w 636" name="T36"/>
                <a:gd fmla="*/ 786 h 916" name="T37"/>
                <a:gd fmla="*/ 82 w 636" name="T38"/>
                <a:gd fmla="*/ 746 h 916" name="T39"/>
                <a:gd fmla="*/ 50 w 636" name="T40"/>
                <a:gd fmla="*/ 714 h 916" name="T41"/>
                <a:gd fmla="*/ 28 w 636" name="T42"/>
                <a:gd fmla="*/ 680 h 916" name="T43"/>
                <a:gd fmla="*/ 6 w 636" name="T44"/>
                <a:gd fmla="*/ 616 h 916" name="T45"/>
                <a:gd fmla="*/ 208 w 636" name="T46"/>
                <a:gd fmla="*/ 568 h 916" name="T47"/>
                <a:gd fmla="*/ 226 w 636" name="T48"/>
                <a:gd fmla="*/ 628 h 916" name="T49"/>
                <a:gd fmla="*/ 242 w 636" name="T50"/>
                <a:gd fmla="*/ 652 h 916" name="T51"/>
                <a:gd fmla="*/ 284 w 636" name="T52"/>
                <a:gd fmla="*/ 680 h 916" name="T53"/>
                <a:gd fmla="*/ 236 w 636" name="T54"/>
                <a:gd fmla="*/ 486 h 916" name="T55"/>
                <a:gd fmla="*/ 138 w 636" name="T56"/>
                <a:gd fmla="*/ 450 h 916" name="T57"/>
                <a:gd fmla="*/ 98 w 636" name="T58"/>
                <a:gd fmla="*/ 422 h 916" name="T59"/>
                <a:gd fmla="*/ 62 w 636" name="T60"/>
                <a:gd fmla="*/ 382 h 916" name="T61"/>
                <a:gd fmla="*/ 32 w 636" name="T62"/>
                <a:gd fmla="*/ 302 h 916" name="T63"/>
                <a:gd fmla="*/ 32 w 636" name="T64"/>
                <a:gd fmla="*/ 248 h 916" name="T65"/>
                <a:gd fmla="*/ 46 w 636" name="T66"/>
                <a:gd fmla="*/ 186 h 916" name="T67"/>
                <a:gd fmla="*/ 80 w 636" name="T68"/>
                <a:gd fmla="*/ 134 h 916" name="T69"/>
                <a:gd fmla="*/ 112 w 636" name="T70"/>
                <a:gd fmla="*/ 104 h 916" name="T71"/>
                <a:gd fmla="*/ 174 w 636" name="T72"/>
                <a:gd fmla="*/ 70 h 916" name="T73"/>
                <a:gd fmla="*/ 254 w 636" name="T74"/>
                <a:gd fmla="*/ 52 h 916" name="T75"/>
                <a:gd fmla="*/ 358 w 636" name="T76"/>
                <a:gd fmla="*/ 0 h 916" name="T77"/>
                <a:gd fmla="*/ 386 w 636" name="T78"/>
                <a:gd fmla="*/ 52 h 916" name="T79"/>
                <a:gd fmla="*/ 460 w 636" name="T80"/>
                <a:gd fmla="*/ 66 h 916" name="T81"/>
                <a:gd fmla="*/ 518 w 636" name="T82"/>
                <a:gd fmla="*/ 92 h 916" name="T83"/>
                <a:gd fmla="*/ 550 w 636" name="T84"/>
                <a:gd fmla="*/ 116 h 916" name="T85"/>
                <a:gd fmla="*/ 586 w 636" name="T86"/>
                <a:gd fmla="*/ 160 h 916" name="T87"/>
                <a:gd fmla="*/ 610 w 636" name="T88"/>
                <a:gd fmla="*/ 212 h 916" name="T89"/>
                <a:gd fmla="*/ 284 w 636" name="T90"/>
                <a:gd fmla="*/ 182 h 916" name="T91"/>
                <a:gd fmla="*/ 258 w 636" name="T92"/>
                <a:gd fmla="*/ 194 h 916" name="T93"/>
                <a:gd fmla="*/ 240 w 636" name="T94"/>
                <a:gd fmla="*/ 208 h 916" name="T95"/>
                <a:gd fmla="*/ 228 w 636" name="T96"/>
                <a:gd fmla="*/ 236 h 916" name="T97"/>
                <a:gd fmla="*/ 228 w 636" name="T98"/>
                <a:gd fmla="*/ 256 h 916" name="T99"/>
                <a:gd fmla="*/ 240 w 636" name="T100"/>
                <a:gd fmla="*/ 284 h 916" name="T101"/>
                <a:gd fmla="*/ 258 w 636" name="T102"/>
                <a:gd fmla="*/ 300 h 916" name="T103"/>
                <a:gd fmla="*/ 284 w 636" name="T104"/>
                <a:gd fmla="*/ 182 h 916" name="T105"/>
                <a:gd fmla="*/ 378 w 636" name="T106"/>
                <a:gd fmla="*/ 680 h 916" name="T107"/>
                <a:gd fmla="*/ 422 w 636" name="T108"/>
                <a:gd fmla="*/ 654 h 916" name="T109"/>
                <a:gd fmla="*/ 438 w 636" name="T110"/>
                <a:gd fmla="*/ 630 h 916" name="T111"/>
                <a:gd fmla="*/ 442 w 636" name="T112"/>
                <a:gd fmla="*/ 604 h 916" name="T113"/>
                <a:gd fmla="*/ 434 w 636" name="T114"/>
                <a:gd fmla="*/ 570 h 916" name="T115"/>
                <a:gd fmla="*/ 416 w 636" name="T116"/>
                <a:gd fmla="*/ 550 h 916" name="T117"/>
                <a:gd fmla="*/ 358 w 636" name="T118"/>
                <a:gd fmla="*/ 522 h 916" name="T11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b="b" l="0" r="r" t="0"/>
              <a:pathLst>
                <a:path h="916" w="636">
                  <a:moveTo>
                    <a:pt x="614" y="232"/>
                  </a:moveTo>
                  <a:lnTo>
                    <a:pt x="424" y="262"/>
                  </a:lnTo>
                  <a:lnTo>
                    <a:pt x="424" y="262"/>
                  </a:lnTo>
                  <a:lnTo>
                    <a:pt x="410" y="232"/>
                  </a:lnTo>
                  <a:lnTo>
                    <a:pt x="398" y="212"/>
                  </a:lnTo>
                  <a:lnTo>
                    <a:pt x="398" y="212"/>
                  </a:lnTo>
                  <a:lnTo>
                    <a:pt x="392" y="206"/>
                  </a:lnTo>
                  <a:lnTo>
                    <a:pt x="382" y="198"/>
                  </a:lnTo>
                  <a:lnTo>
                    <a:pt x="358" y="184"/>
                  </a:lnTo>
                  <a:lnTo>
                    <a:pt x="358" y="332"/>
                  </a:lnTo>
                  <a:lnTo>
                    <a:pt x="358" y="332"/>
                  </a:lnTo>
                  <a:lnTo>
                    <a:pt x="430" y="354"/>
                  </a:lnTo>
                  <a:lnTo>
                    <a:pt x="462" y="364"/>
                  </a:lnTo>
                  <a:lnTo>
                    <a:pt x="490" y="376"/>
                  </a:lnTo>
                  <a:lnTo>
                    <a:pt x="514" y="386"/>
                  </a:lnTo>
                  <a:lnTo>
                    <a:pt x="534" y="398"/>
                  </a:lnTo>
                  <a:lnTo>
                    <a:pt x="552" y="408"/>
                  </a:lnTo>
                  <a:lnTo>
                    <a:pt x="568" y="420"/>
                  </a:lnTo>
                  <a:lnTo>
                    <a:pt x="568" y="420"/>
                  </a:lnTo>
                  <a:lnTo>
                    <a:pt x="584" y="436"/>
                  </a:lnTo>
                  <a:lnTo>
                    <a:pt x="598" y="454"/>
                  </a:lnTo>
                  <a:lnTo>
                    <a:pt x="610" y="472"/>
                  </a:lnTo>
                  <a:lnTo>
                    <a:pt x="620" y="490"/>
                  </a:lnTo>
                  <a:lnTo>
                    <a:pt x="626" y="510"/>
                  </a:lnTo>
                  <a:lnTo>
                    <a:pt x="632" y="532"/>
                  </a:lnTo>
                  <a:lnTo>
                    <a:pt x="636" y="554"/>
                  </a:lnTo>
                  <a:lnTo>
                    <a:pt x="636" y="578"/>
                  </a:lnTo>
                  <a:lnTo>
                    <a:pt x="636" y="578"/>
                  </a:lnTo>
                  <a:lnTo>
                    <a:pt x="636" y="604"/>
                  </a:lnTo>
                  <a:lnTo>
                    <a:pt x="630" y="630"/>
                  </a:lnTo>
                  <a:lnTo>
                    <a:pt x="622" y="656"/>
                  </a:lnTo>
                  <a:lnTo>
                    <a:pt x="612" y="680"/>
                  </a:lnTo>
                  <a:lnTo>
                    <a:pt x="612" y="680"/>
                  </a:lnTo>
                  <a:lnTo>
                    <a:pt x="598" y="702"/>
                  </a:lnTo>
                  <a:lnTo>
                    <a:pt x="584" y="722"/>
                  </a:lnTo>
                  <a:lnTo>
                    <a:pt x="566" y="742"/>
                  </a:lnTo>
                  <a:lnTo>
                    <a:pt x="548" y="758"/>
                  </a:lnTo>
                  <a:lnTo>
                    <a:pt x="548" y="758"/>
                  </a:lnTo>
                  <a:lnTo>
                    <a:pt x="528" y="772"/>
                  </a:lnTo>
                  <a:lnTo>
                    <a:pt x="508" y="784"/>
                  </a:lnTo>
                  <a:lnTo>
                    <a:pt x="488" y="796"/>
                  </a:lnTo>
                  <a:lnTo>
                    <a:pt x="466" y="804"/>
                  </a:lnTo>
                  <a:lnTo>
                    <a:pt x="466" y="804"/>
                  </a:lnTo>
                  <a:lnTo>
                    <a:pt x="442" y="810"/>
                  </a:lnTo>
                  <a:lnTo>
                    <a:pt x="416" y="814"/>
                  </a:lnTo>
                  <a:lnTo>
                    <a:pt x="390" y="818"/>
                  </a:lnTo>
                  <a:lnTo>
                    <a:pt x="358" y="820"/>
                  </a:lnTo>
                  <a:lnTo>
                    <a:pt x="358" y="916"/>
                  </a:lnTo>
                  <a:lnTo>
                    <a:pt x="284" y="916"/>
                  </a:lnTo>
                  <a:lnTo>
                    <a:pt x="284" y="820"/>
                  </a:lnTo>
                  <a:lnTo>
                    <a:pt x="284" y="820"/>
                  </a:lnTo>
                  <a:lnTo>
                    <a:pt x="248" y="816"/>
                  </a:lnTo>
                  <a:lnTo>
                    <a:pt x="216" y="810"/>
                  </a:lnTo>
                  <a:lnTo>
                    <a:pt x="188" y="804"/>
                  </a:lnTo>
                  <a:lnTo>
                    <a:pt x="162" y="796"/>
                  </a:lnTo>
                  <a:lnTo>
                    <a:pt x="162" y="796"/>
                  </a:lnTo>
                  <a:lnTo>
                    <a:pt x="140" y="786"/>
                  </a:lnTo>
                  <a:lnTo>
                    <a:pt x="118" y="774"/>
                  </a:lnTo>
                  <a:lnTo>
                    <a:pt x="98" y="762"/>
                  </a:lnTo>
                  <a:lnTo>
                    <a:pt x="82" y="746"/>
                  </a:lnTo>
                  <a:lnTo>
                    <a:pt x="82" y="746"/>
                  </a:lnTo>
                  <a:lnTo>
                    <a:pt x="64" y="730"/>
                  </a:lnTo>
                  <a:lnTo>
                    <a:pt x="50" y="714"/>
                  </a:lnTo>
                  <a:lnTo>
                    <a:pt x="38" y="696"/>
                  </a:lnTo>
                  <a:lnTo>
                    <a:pt x="28" y="680"/>
                  </a:lnTo>
                  <a:lnTo>
                    <a:pt x="28" y="680"/>
                  </a:lnTo>
                  <a:lnTo>
                    <a:pt x="20" y="660"/>
                  </a:lnTo>
                  <a:lnTo>
                    <a:pt x="12" y="640"/>
                  </a:lnTo>
                  <a:lnTo>
                    <a:pt x="6" y="616"/>
                  </a:lnTo>
                  <a:lnTo>
                    <a:pt x="0" y="592"/>
                  </a:lnTo>
                  <a:lnTo>
                    <a:pt x="208" y="568"/>
                  </a:lnTo>
                  <a:lnTo>
                    <a:pt x="208" y="568"/>
                  </a:lnTo>
                  <a:lnTo>
                    <a:pt x="214" y="592"/>
                  </a:lnTo>
                  <a:lnTo>
                    <a:pt x="220" y="612"/>
                  </a:lnTo>
                  <a:lnTo>
                    <a:pt x="226" y="628"/>
                  </a:lnTo>
                  <a:lnTo>
                    <a:pt x="234" y="640"/>
                  </a:lnTo>
                  <a:lnTo>
                    <a:pt x="234" y="640"/>
                  </a:lnTo>
                  <a:lnTo>
                    <a:pt x="242" y="652"/>
                  </a:lnTo>
                  <a:lnTo>
                    <a:pt x="254" y="662"/>
                  </a:lnTo>
                  <a:lnTo>
                    <a:pt x="268" y="672"/>
                  </a:lnTo>
                  <a:lnTo>
                    <a:pt x="284" y="680"/>
                  </a:lnTo>
                  <a:lnTo>
                    <a:pt x="284" y="500"/>
                  </a:lnTo>
                  <a:lnTo>
                    <a:pt x="284" y="500"/>
                  </a:lnTo>
                  <a:lnTo>
                    <a:pt x="236" y="486"/>
                  </a:lnTo>
                  <a:lnTo>
                    <a:pt x="196" y="474"/>
                  </a:lnTo>
                  <a:lnTo>
                    <a:pt x="162" y="462"/>
                  </a:lnTo>
                  <a:lnTo>
                    <a:pt x="138" y="450"/>
                  </a:lnTo>
                  <a:lnTo>
                    <a:pt x="138" y="450"/>
                  </a:lnTo>
                  <a:lnTo>
                    <a:pt x="116" y="438"/>
                  </a:lnTo>
                  <a:lnTo>
                    <a:pt x="98" y="422"/>
                  </a:lnTo>
                  <a:lnTo>
                    <a:pt x="80" y="404"/>
                  </a:lnTo>
                  <a:lnTo>
                    <a:pt x="62" y="382"/>
                  </a:lnTo>
                  <a:lnTo>
                    <a:pt x="62" y="382"/>
                  </a:lnTo>
                  <a:lnTo>
                    <a:pt x="48" y="358"/>
                  </a:lnTo>
                  <a:lnTo>
                    <a:pt x="38" y="332"/>
                  </a:lnTo>
                  <a:lnTo>
                    <a:pt x="32" y="302"/>
                  </a:lnTo>
                  <a:lnTo>
                    <a:pt x="30" y="270"/>
                  </a:lnTo>
                  <a:lnTo>
                    <a:pt x="30" y="270"/>
                  </a:lnTo>
                  <a:lnTo>
                    <a:pt x="32" y="248"/>
                  </a:lnTo>
                  <a:lnTo>
                    <a:pt x="34" y="226"/>
                  </a:lnTo>
                  <a:lnTo>
                    <a:pt x="40" y="206"/>
                  </a:lnTo>
                  <a:lnTo>
                    <a:pt x="46" y="186"/>
                  </a:lnTo>
                  <a:lnTo>
                    <a:pt x="56" y="168"/>
                  </a:lnTo>
                  <a:lnTo>
                    <a:pt x="66" y="150"/>
                  </a:lnTo>
                  <a:lnTo>
                    <a:pt x="80" y="134"/>
                  </a:lnTo>
                  <a:lnTo>
                    <a:pt x="94" y="118"/>
                  </a:lnTo>
                  <a:lnTo>
                    <a:pt x="94" y="118"/>
                  </a:lnTo>
                  <a:lnTo>
                    <a:pt x="112" y="104"/>
                  </a:lnTo>
                  <a:lnTo>
                    <a:pt x="130" y="90"/>
                  </a:lnTo>
                  <a:lnTo>
                    <a:pt x="152" y="80"/>
                  </a:lnTo>
                  <a:lnTo>
                    <a:pt x="174" y="70"/>
                  </a:lnTo>
                  <a:lnTo>
                    <a:pt x="198" y="62"/>
                  </a:lnTo>
                  <a:lnTo>
                    <a:pt x="226" y="56"/>
                  </a:lnTo>
                  <a:lnTo>
                    <a:pt x="254" y="52"/>
                  </a:lnTo>
                  <a:lnTo>
                    <a:pt x="284" y="50"/>
                  </a:lnTo>
                  <a:lnTo>
                    <a:pt x="284" y="0"/>
                  </a:lnTo>
                  <a:lnTo>
                    <a:pt x="358" y="0"/>
                  </a:lnTo>
                  <a:lnTo>
                    <a:pt x="358" y="50"/>
                  </a:lnTo>
                  <a:lnTo>
                    <a:pt x="358" y="50"/>
                  </a:lnTo>
                  <a:lnTo>
                    <a:pt x="386" y="52"/>
                  </a:lnTo>
                  <a:lnTo>
                    <a:pt x="412" y="56"/>
                  </a:lnTo>
                  <a:lnTo>
                    <a:pt x="438" y="60"/>
                  </a:lnTo>
                  <a:lnTo>
                    <a:pt x="460" y="66"/>
                  </a:lnTo>
                  <a:lnTo>
                    <a:pt x="482" y="74"/>
                  </a:lnTo>
                  <a:lnTo>
                    <a:pt x="502" y="82"/>
                  </a:lnTo>
                  <a:lnTo>
                    <a:pt x="518" y="92"/>
                  </a:lnTo>
                  <a:lnTo>
                    <a:pt x="536" y="104"/>
                  </a:lnTo>
                  <a:lnTo>
                    <a:pt x="536" y="104"/>
                  </a:lnTo>
                  <a:lnTo>
                    <a:pt x="550" y="116"/>
                  </a:lnTo>
                  <a:lnTo>
                    <a:pt x="562" y="130"/>
                  </a:lnTo>
                  <a:lnTo>
                    <a:pt x="574" y="144"/>
                  </a:lnTo>
                  <a:lnTo>
                    <a:pt x="586" y="160"/>
                  </a:lnTo>
                  <a:lnTo>
                    <a:pt x="594" y="176"/>
                  </a:lnTo>
                  <a:lnTo>
                    <a:pt x="602" y="194"/>
                  </a:lnTo>
                  <a:lnTo>
                    <a:pt x="610" y="212"/>
                  </a:lnTo>
                  <a:lnTo>
                    <a:pt x="614" y="232"/>
                  </a:lnTo>
                  <a:lnTo>
                    <a:pt x="614" y="232"/>
                  </a:lnTo>
                  <a:close/>
                  <a:moveTo>
                    <a:pt x="284" y="182"/>
                  </a:moveTo>
                  <a:lnTo>
                    <a:pt x="284" y="182"/>
                  </a:lnTo>
                  <a:lnTo>
                    <a:pt x="270" y="188"/>
                  </a:lnTo>
                  <a:lnTo>
                    <a:pt x="258" y="194"/>
                  </a:lnTo>
                  <a:lnTo>
                    <a:pt x="246" y="200"/>
                  </a:lnTo>
                  <a:lnTo>
                    <a:pt x="240" y="208"/>
                  </a:lnTo>
                  <a:lnTo>
                    <a:pt x="240" y="208"/>
                  </a:lnTo>
                  <a:lnTo>
                    <a:pt x="234" y="216"/>
                  </a:lnTo>
                  <a:lnTo>
                    <a:pt x="230" y="226"/>
                  </a:lnTo>
                  <a:lnTo>
                    <a:pt x="228" y="236"/>
                  </a:lnTo>
                  <a:lnTo>
                    <a:pt x="226" y="246"/>
                  </a:lnTo>
                  <a:lnTo>
                    <a:pt x="226" y="246"/>
                  </a:lnTo>
                  <a:lnTo>
                    <a:pt x="228" y="256"/>
                  </a:lnTo>
                  <a:lnTo>
                    <a:pt x="230" y="266"/>
                  </a:lnTo>
                  <a:lnTo>
                    <a:pt x="234" y="276"/>
                  </a:lnTo>
                  <a:lnTo>
                    <a:pt x="240" y="284"/>
                  </a:lnTo>
                  <a:lnTo>
                    <a:pt x="240" y="284"/>
                  </a:lnTo>
                  <a:lnTo>
                    <a:pt x="248" y="292"/>
                  </a:lnTo>
                  <a:lnTo>
                    <a:pt x="258" y="300"/>
                  </a:lnTo>
                  <a:lnTo>
                    <a:pt x="270" y="306"/>
                  </a:lnTo>
                  <a:lnTo>
                    <a:pt x="284" y="312"/>
                  </a:lnTo>
                  <a:lnTo>
                    <a:pt x="284" y="182"/>
                  </a:lnTo>
                  <a:close/>
                  <a:moveTo>
                    <a:pt x="358" y="686"/>
                  </a:moveTo>
                  <a:lnTo>
                    <a:pt x="358" y="686"/>
                  </a:lnTo>
                  <a:lnTo>
                    <a:pt x="378" y="680"/>
                  </a:lnTo>
                  <a:lnTo>
                    <a:pt x="396" y="672"/>
                  </a:lnTo>
                  <a:lnTo>
                    <a:pt x="410" y="664"/>
                  </a:lnTo>
                  <a:lnTo>
                    <a:pt x="422" y="654"/>
                  </a:lnTo>
                  <a:lnTo>
                    <a:pt x="422" y="654"/>
                  </a:lnTo>
                  <a:lnTo>
                    <a:pt x="432" y="642"/>
                  </a:lnTo>
                  <a:lnTo>
                    <a:pt x="438" y="630"/>
                  </a:lnTo>
                  <a:lnTo>
                    <a:pt x="442" y="618"/>
                  </a:lnTo>
                  <a:lnTo>
                    <a:pt x="442" y="604"/>
                  </a:lnTo>
                  <a:lnTo>
                    <a:pt x="442" y="604"/>
                  </a:lnTo>
                  <a:lnTo>
                    <a:pt x="442" y="592"/>
                  </a:lnTo>
                  <a:lnTo>
                    <a:pt x="438" y="580"/>
                  </a:lnTo>
                  <a:lnTo>
                    <a:pt x="434" y="570"/>
                  </a:lnTo>
                  <a:lnTo>
                    <a:pt x="426" y="560"/>
                  </a:lnTo>
                  <a:lnTo>
                    <a:pt x="426" y="560"/>
                  </a:lnTo>
                  <a:lnTo>
                    <a:pt x="416" y="550"/>
                  </a:lnTo>
                  <a:lnTo>
                    <a:pt x="400" y="540"/>
                  </a:lnTo>
                  <a:lnTo>
                    <a:pt x="382" y="530"/>
                  </a:lnTo>
                  <a:lnTo>
                    <a:pt x="358" y="522"/>
                  </a:lnTo>
                  <a:lnTo>
                    <a:pt x="358" y="686"/>
                  </a:lnTo>
                  <a:close/>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sz="2000">
                <a:solidFill>
                  <a:srgbClr val="018E7B"/>
                </a:solidFill>
                <a:latin charset="-122" panose="020b0503020204020204" pitchFamily="34" typeface="微软雅黑"/>
                <a:ea charset="-122" panose="020b0503020204020204" pitchFamily="34" typeface="微软雅黑"/>
              </a:endParaRPr>
            </a:p>
          </p:txBody>
        </p:sp>
        <p:sp>
          <p:nvSpPr>
            <p:cNvPr id="10" name="Freeform 544"/>
            <p:cNvSpPr>
              <a:spLocks noEditPoints="1"/>
            </p:cNvSpPr>
            <p:nvPr/>
          </p:nvSpPr>
          <p:spPr bwMode="auto">
            <a:xfrm rot="19982608">
              <a:off x="977905" y="2015577"/>
              <a:ext cx="340619" cy="571434"/>
            </a:xfrm>
            <a:custGeom>
              <a:gdLst>
                <a:gd fmla="*/ 424 w 636" name="T0"/>
                <a:gd fmla="*/ 262 h 916" name="T1"/>
                <a:gd fmla="*/ 398 w 636" name="T2"/>
                <a:gd fmla="*/ 212 h 916" name="T3"/>
                <a:gd fmla="*/ 358 w 636" name="T4"/>
                <a:gd fmla="*/ 184 h 916" name="T5"/>
                <a:gd fmla="*/ 430 w 636" name="T6"/>
                <a:gd fmla="*/ 354 h 916" name="T7"/>
                <a:gd fmla="*/ 514 w 636" name="T8"/>
                <a:gd fmla="*/ 386 h 916" name="T9"/>
                <a:gd fmla="*/ 568 w 636" name="T10"/>
                <a:gd fmla="*/ 420 h 916" name="T11"/>
                <a:gd fmla="*/ 598 w 636" name="T12"/>
                <a:gd fmla="*/ 454 h 916" name="T13"/>
                <a:gd fmla="*/ 626 w 636" name="T14"/>
                <a:gd fmla="*/ 510 h 916" name="T15"/>
                <a:gd fmla="*/ 636 w 636" name="T16"/>
                <a:gd fmla="*/ 578 h 916" name="T17"/>
                <a:gd fmla="*/ 630 w 636" name="T18"/>
                <a:gd fmla="*/ 630 h 916" name="T19"/>
                <a:gd fmla="*/ 612 w 636" name="T20"/>
                <a:gd fmla="*/ 680 h 916" name="T21"/>
                <a:gd fmla="*/ 566 w 636" name="T22"/>
                <a:gd fmla="*/ 742 h 916" name="T23"/>
                <a:gd fmla="*/ 528 w 636" name="T24"/>
                <a:gd fmla="*/ 772 h 916" name="T25"/>
                <a:gd fmla="*/ 466 w 636" name="T26"/>
                <a:gd fmla="*/ 804 h 916" name="T27"/>
                <a:gd fmla="*/ 416 w 636" name="T28"/>
                <a:gd fmla="*/ 814 h 916" name="T29"/>
                <a:gd fmla="*/ 358 w 636" name="T30"/>
                <a:gd fmla="*/ 916 h 916" name="T31"/>
                <a:gd fmla="*/ 284 w 636" name="T32"/>
                <a:gd fmla="*/ 820 h 916" name="T33"/>
                <a:gd fmla="*/ 188 w 636" name="T34"/>
                <a:gd fmla="*/ 804 h 916" name="T35"/>
                <a:gd fmla="*/ 140 w 636" name="T36"/>
                <a:gd fmla="*/ 786 h 916" name="T37"/>
                <a:gd fmla="*/ 82 w 636" name="T38"/>
                <a:gd fmla="*/ 746 h 916" name="T39"/>
                <a:gd fmla="*/ 50 w 636" name="T40"/>
                <a:gd fmla="*/ 714 h 916" name="T41"/>
                <a:gd fmla="*/ 28 w 636" name="T42"/>
                <a:gd fmla="*/ 680 h 916" name="T43"/>
                <a:gd fmla="*/ 6 w 636" name="T44"/>
                <a:gd fmla="*/ 616 h 916" name="T45"/>
                <a:gd fmla="*/ 208 w 636" name="T46"/>
                <a:gd fmla="*/ 568 h 916" name="T47"/>
                <a:gd fmla="*/ 226 w 636" name="T48"/>
                <a:gd fmla="*/ 628 h 916" name="T49"/>
                <a:gd fmla="*/ 242 w 636" name="T50"/>
                <a:gd fmla="*/ 652 h 916" name="T51"/>
                <a:gd fmla="*/ 284 w 636" name="T52"/>
                <a:gd fmla="*/ 680 h 916" name="T53"/>
                <a:gd fmla="*/ 236 w 636" name="T54"/>
                <a:gd fmla="*/ 486 h 916" name="T55"/>
                <a:gd fmla="*/ 138 w 636" name="T56"/>
                <a:gd fmla="*/ 450 h 916" name="T57"/>
                <a:gd fmla="*/ 98 w 636" name="T58"/>
                <a:gd fmla="*/ 422 h 916" name="T59"/>
                <a:gd fmla="*/ 62 w 636" name="T60"/>
                <a:gd fmla="*/ 382 h 916" name="T61"/>
                <a:gd fmla="*/ 32 w 636" name="T62"/>
                <a:gd fmla="*/ 302 h 916" name="T63"/>
                <a:gd fmla="*/ 32 w 636" name="T64"/>
                <a:gd fmla="*/ 248 h 916" name="T65"/>
                <a:gd fmla="*/ 46 w 636" name="T66"/>
                <a:gd fmla="*/ 186 h 916" name="T67"/>
                <a:gd fmla="*/ 80 w 636" name="T68"/>
                <a:gd fmla="*/ 134 h 916" name="T69"/>
                <a:gd fmla="*/ 112 w 636" name="T70"/>
                <a:gd fmla="*/ 104 h 916" name="T71"/>
                <a:gd fmla="*/ 174 w 636" name="T72"/>
                <a:gd fmla="*/ 70 h 916" name="T73"/>
                <a:gd fmla="*/ 254 w 636" name="T74"/>
                <a:gd fmla="*/ 52 h 916" name="T75"/>
                <a:gd fmla="*/ 358 w 636" name="T76"/>
                <a:gd fmla="*/ 0 h 916" name="T77"/>
                <a:gd fmla="*/ 386 w 636" name="T78"/>
                <a:gd fmla="*/ 52 h 916" name="T79"/>
                <a:gd fmla="*/ 460 w 636" name="T80"/>
                <a:gd fmla="*/ 66 h 916" name="T81"/>
                <a:gd fmla="*/ 518 w 636" name="T82"/>
                <a:gd fmla="*/ 92 h 916" name="T83"/>
                <a:gd fmla="*/ 550 w 636" name="T84"/>
                <a:gd fmla="*/ 116 h 916" name="T85"/>
                <a:gd fmla="*/ 586 w 636" name="T86"/>
                <a:gd fmla="*/ 160 h 916" name="T87"/>
                <a:gd fmla="*/ 610 w 636" name="T88"/>
                <a:gd fmla="*/ 212 h 916" name="T89"/>
                <a:gd fmla="*/ 284 w 636" name="T90"/>
                <a:gd fmla="*/ 182 h 916" name="T91"/>
                <a:gd fmla="*/ 258 w 636" name="T92"/>
                <a:gd fmla="*/ 194 h 916" name="T93"/>
                <a:gd fmla="*/ 240 w 636" name="T94"/>
                <a:gd fmla="*/ 208 h 916" name="T95"/>
                <a:gd fmla="*/ 228 w 636" name="T96"/>
                <a:gd fmla="*/ 236 h 916" name="T97"/>
                <a:gd fmla="*/ 228 w 636" name="T98"/>
                <a:gd fmla="*/ 256 h 916" name="T99"/>
                <a:gd fmla="*/ 240 w 636" name="T100"/>
                <a:gd fmla="*/ 284 h 916" name="T101"/>
                <a:gd fmla="*/ 258 w 636" name="T102"/>
                <a:gd fmla="*/ 300 h 916" name="T103"/>
                <a:gd fmla="*/ 284 w 636" name="T104"/>
                <a:gd fmla="*/ 182 h 916" name="T105"/>
                <a:gd fmla="*/ 378 w 636" name="T106"/>
                <a:gd fmla="*/ 680 h 916" name="T107"/>
                <a:gd fmla="*/ 422 w 636" name="T108"/>
                <a:gd fmla="*/ 654 h 916" name="T109"/>
                <a:gd fmla="*/ 438 w 636" name="T110"/>
                <a:gd fmla="*/ 630 h 916" name="T111"/>
                <a:gd fmla="*/ 442 w 636" name="T112"/>
                <a:gd fmla="*/ 604 h 916" name="T113"/>
                <a:gd fmla="*/ 434 w 636" name="T114"/>
                <a:gd fmla="*/ 570 h 916" name="T115"/>
                <a:gd fmla="*/ 416 w 636" name="T116"/>
                <a:gd fmla="*/ 550 h 916" name="T117"/>
                <a:gd fmla="*/ 358 w 636" name="T118"/>
                <a:gd fmla="*/ 522 h 916" name="T11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b="b" l="0" r="r" t="0"/>
              <a:pathLst>
                <a:path h="916" w="636">
                  <a:moveTo>
                    <a:pt x="614" y="232"/>
                  </a:moveTo>
                  <a:lnTo>
                    <a:pt x="424" y="262"/>
                  </a:lnTo>
                  <a:lnTo>
                    <a:pt x="424" y="262"/>
                  </a:lnTo>
                  <a:lnTo>
                    <a:pt x="410" y="232"/>
                  </a:lnTo>
                  <a:lnTo>
                    <a:pt x="398" y="212"/>
                  </a:lnTo>
                  <a:lnTo>
                    <a:pt x="398" y="212"/>
                  </a:lnTo>
                  <a:lnTo>
                    <a:pt x="392" y="206"/>
                  </a:lnTo>
                  <a:lnTo>
                    <a:pt x="382" y="198"/>
                  </a:lnTo>
                  <a:lnTo>
                    <a:pt x="358" y="184"/>
                  </a:lnTo>
                  <a:lnTo>
                    <a:pt x="358" y="332"/>
                  </a:lnTo>
                  <a:lnTo>
                    <a:pt x="358" y="332"/>
                  </a:lnTo>
                  <a:lnTo>
                    <a:pt x="430" y="354"/>
                  </a:lnTo>
                  <a:lnTo>
                    <a:pt x="462" y="364"/>
                  </a:lnTo>
                  <a:lnTo>
                    <a:pt x="490" y="376"/>
                  </a:lnTo>
                  <a:lnTo>
                    <a:pt x="514" y="386"/>
                  </a:lnTo>
                  <a:lnTo>
                    <a:pt x="534" y="398"/>
                  </a:lnTo>
                  <a:lnTo>
                    <a:pt x="552" y="408"/>
                  </a:lnTo>
                  <a:lnTo>
                    <a:pt x="568" y="420"/>
                  </a:lnTo>
                  <a:lnTo>
                    <a:pt x="568" y="420"/>
                  </a:lnTo>
                  <a:lnTo>
                    <a:pt x="584" y="436"/>
                  </a:lnTo>
                  <a:lnTo>
                    <a:pt x="598" y="454"/>
                  </a:lnTo>
                  <a:lnTo>
                    <a:pt x="610" y="472"/>
                  </a:lnTo>
                  <a:lnTo>
                    <a:pt x="620" y="490"/>
                  </a:lnTo>
                  <a:lnTo>
                    <a:pt x="626" y="510"/>
                  </a:lnTo>
                  <a:lnTo>
                    <a:pt x="632" y="532"/>
                  </a:lnTo>
                  <a:lnTo>
                    <a:pt x="636" y="554"/>
                  </a:lnTo>
                  <a:lnTo>
                    <a:pt x="636" y="578"/>
                  </a:lnTo>
                  <a:lnTo>
                    <a:pt x="636" y="578"/>
                  </a:lnTo>
                  <a:lnTo>
                    <a:pt x="636" y="604"/>
                  </a:lnTo>
                  <a:lnTo>
                    <a:pt x="630" y="630"/>
                  </a:lnTo>
                  <a:lnTo>
                    <a:pt x="622" y="656"/>
                  </a:lnTo>
                  <a:lnTo>
                    <a:pt x="612" y="680"/>
                  </a:lnTo>
                  <a:lnTo>
                    <a:pt x="612" y="680"/>
                  </a:lnTo>
                  <a:lnTo>
                    <a:pt x="598" y="702"/>
                  </a:lnTo>
                  <a:lnTo>
                    <a:pt x="584" y="722"/>
                  </a:lnTo>
                  <a:lnTo>
                    <a:pt x="566" y="742"/>
                  </a:lnTo>
                  <a:lnTo>
                    <a:pt x="548" y="758"/>
                  </a:lnTo>
                  <a:lnTo>
                    <a:pt x="548" y="758"/>
                  </a:lnTo>
                  <a:lnTo>
                    <a:pt x="528" y="772"/>
                  </a:lnTo>
                  <a:lnTo>
                    <a:pt x="508" y="784"/>
                  </a:lnTo>
                  <a:lnTo>
                    <a:pt x="488" y="796"/>
                  </a:lnTo>
                  <a:lnTo>
                    <a:pt x="466" y="804"/>
                  </a:lnTo>
                  <a:lnTo>
                    <a:pt x="466" y="804"/>
                  </a:lnTo>
                  <a:lnTo>
                    <a:pt x="442" y="810"/>
                  </a:lnTo>
                  <a:lnTo>
                    <a:pt x="416" y="814"/>
                  </a:lnTo>
                  <a:lnTo>
                    <a:pt x="390" y="818"/>
                  </a:lnTo>
                  <a:lnTo>
                    <a:pt x="358" y="820"/>
                  </a:lnTo>
                  <a:lnTo>
                    <a:pt x="358" y="916"/>
                  </a:lnTo>
                  <a:lnTo>
                    <a:pt x="284" y="916"/>
                  </a:lnTo>
                  <a:lnTo>
                    <a:pt x="284" y="820"/>
                  </a:lnTo>
                  <a:lnTo>
                    <a:pt x="284" y="820"/>
                  </a:lnTo>
                  <a:lnTo>
                    <a:pt x="248" y="816"/>
                  </a:lnTo>
                  <a:lnTo>
                    <a:pt x="216" y="810"/>
                  </a:lnTo>
                  <a:lnTo>
                    <a:pt x="188" y="804"/>
                  </a:lnTo>
                  <a:lnTo>
                    <a:pt x="162" y="796"/>
                  </a:lnTo>
                  <a:lnTo>
                    <a:pt x="162" y="796"/>
                  </a:lnTo>
                  <a:lnTo>
                    <a:pt x="140" y="786"/>
                  </a:lnTo>
                  <a:lnTo>
                    <a:pt x="118" y="774"/>
                  </a:lnTo>
                  <a:lnTo>
                    <a:pt x="98" y="762"/>
                  </a:lnTo>
                  <a:lnTo>
                    <a:pt x="82" y="746"/>
                  </a:lnTo>
                  <a:lnTo>
                    <a:pt x="82" y="746"/>
                  </a:lnTo>
                  <a:lnTo>
                    <a:pt x="64" y="730"/>
                  </a:lnTo>
                  <a:lnTo>
                    <a:pt x="50" y="714"/>
                  </a:lnTo>
                  <a:lnTo>
                    <a:pt x="38" y="696"/>
                  </a:lnTo>
                  <a:lnTo>
                    <a:pt x="28" y="680"/>
                  </a:lnTo>
                  <a:lnTo>
                    <a:pt x="28" y="680"/>
                  </a:lnTo>
                  <a:lnTo>
                    <a:pt x="20" y="660"/>
                  </a:lnTo>
                  <a:lnTo>
                    <a:pt x="12" y="640"/>
                  </a:lnTo>
                  <a:lnTo>
                    <a:pt x="6" y="616"/>
                  </a:lnTo>
                  <a:lnTo>
                    <a:pt x="0" y="592"/>
                  </a:lnTo>
                  <a:lnTo>
                    <a:pt x="208" y="568"/>
                  </a:lnTo>
                  <a:lnTo>
                    <a:pt x="208" y="568"/>
                  </a:lnTo>
                  <a:lnTo>
                    <a:pt x="214" y="592"/>
                  </a:lnTo>
                  <a:lnTo>
                    <a:pt x="220" y="612"/>
                  </a:lnTo>
                  <a:lnTo>
                    <a:pt x="226" y="628"/>
                  </a:lnTo>
                  <a:lnTo>
                    <a:pt x="234" y="640"/>
                  </a:lnTo>
                  <a:lnTo>
                    <a:pt x="234" y="640"/>
                  </a:lnTo>
                  <a:lnTo>
                    <a:pt x="242" y="652"/>
                  </a:lnTo>
                  <a:lnTo>
                    <a:pt x="254" y="662"/>
                  </a:lnTo>
                  <a:lnTo>
                    <a:pt x="268" y="672"/>
                  </a:lnTo>
                  <a:lnTo>
                    <a:pt x="284" y="680"/>
                  </a:lnTo>
                  <a:lnTo>
                    <a:pt x="284" y="500"/>
                  </a:lnTo>
                  <a:lnTo>
                    <a:pt x="284" y="500"/>
                  </a:lnTo>
                  <a:lnTo>
                    <a:pt x="236" y="486"/>
                  </a:lnTo>
                  <a:lnTo>
                    <a:pt x="196" y="474"/>
                  </a:lnTo>
                  <a:lnTo>
                    <a:pt x="162" y="462"/>
                  </a:lnTo>
                  <a:lnTo>
                    <a:pt x="138" y="450"/>
                  </a:lnTo>
                  <a:lnTo>
                    <a:pt x="138" y="450"/>
                  </a:lnTo>
                  <a:lnTo>
                    <a:pt x="116" y="438"/>
                  </a:lnTo>
                  <a:lnTo>
                    <a:pt x="98" y="422"/>
                  </a:lnTo>
                  <a:lnTo>
                    <a:pt x="80" y="404"/>
                  </a:lnTo>
                  <a:lnTo>
                    <a:pt x="62" y="382"/>
                  </a:lnTo>
                  <a:lnTo>
                    <a:pt x="62" y="382"/>
                  </a:lnTo>
                  <a:lnTo>
                    <a:pt x="48" y="358"/>
                  </a:lnTo>
                  <a:lnTo>
                    <a:pt x="38" y="332"/>
                  </a:lnTo>
                  <a:lnTo>
                    <a:pt x="32" y="302"/>
                  </a:lnTo>
                  <a:lnTo>
                    <a:pt x="30" y="270"/>
                  </a:lnTo>
                  <a:lnTo>
                    <a:pt x="30" y="270"/>
                  </a:lnTo>
                  <a:lnTo>
                    <a:pt x="32" y="248"/>
                  </a:lnTo>
                  <a:lnTo>
                    <a:pt x="34" y="226"/>
                  </a:lnTo>
                  <a:lnTo>
                    <a:pt x="40" y="206"/>
                  </a:lnTo>
                  <a:lnTo>
                    <a:pt x="46" y="186"/>
                  </a:lnTo>
                  <a:lnTo>
                    <a:pt x="56" y="168"/>
                  </a:lnTo>
                  <a:lnTo>
                    <a:pt x="66" y="150"/>
                  </a:lnTo>
                  <a:lnTo>
                    <a:pt x="80" y="134"/>
                  </a:lnTo>
                  <a:lnTo>
                    <a:pt x="94" y="118"/>
                  </a:lnTo>
                  <a:lnTo>
                    <a:pt x="94" y="118"/>
                  </a:lnTo>
                  <a:lnTo>
                    <a:pt x="112" y="104"/>
                  </a:lnTo>
                  <a:lnTo>
                    <a:pt x="130" y="90"/>
                  </a:lnTo>
                  <a:lnTo>
                    <a:pt x="152" y="80"/>
                  </a:lnTo>
                  <a:lnTo>
                    <a:pt x="174" y="70"/>
                  </a:lnTo>
                  <a:lnTo>
                    <a:pt x="198" y="62"/>
                  </a:lnTo>
                  <a:lnTo>
                    <a:pt x="226" y="56"/>
                  </a:lnTo>
                  <a:lnTo>
                    <a:pt x="254" y="52"/>
                  </a:lnTo>
                  <a:lnTo>
                    <a:pt x="284" y="50"/>
                  </a:lnTo>
                  <a:lnTo>
                    <a:pt x="284" y="0"/>
                  </a:lnTo>
                  <a:lnTo>
                    <a:pt x="358" y="0"/>
                  </a:lnTo>
                  <a:lnTo>
                    <a:pt x="358" y="50"/>
                  </a:lnTo>
                  <a:lnTo>
                    <a:pt x="358" y="50"/>
                  </a:lnTo>
                  <a:lnTo>
                    <a:pt x="386" y="52"/>
                  </a:lnTo>
                  <a:lnTo>
                    <a:pt x="412" y="56"/>
                  </a:lnTo>
                  <a:lnTo>
                    <a:pt x="438" y="60"/>
                  </a:lnTo>
                  <a:lnTo>
                    <a:pt x="460" y="66"/>
                  </a:lnTo>
                  <a:lnTo>
                    <a:pt x="482" y="74"/>
                  </a:lnTo>
                  <a:lnTo>
                    <a:pt x="502" y="82"/>
                  </a:lnTo>
                  <a:lnTo>
                    <a:pt x="518" y="92"/>
                  </a:lnTo>
                  <a:lnTo>
                    <a:pt x="536" y="104"/>
                  </a:lnTo>
                  <a:lnTo>
                    <a:pt x="536" y="104"/>
                  </a:lnTo>
                  <a:lnTo>
                    <a:pt x="550" y="116"/>
                  </a:lnTo>
                  <a:lnTo>
                    <a:pt x="562" y="130"/>
                  </a:lnTo>
                  <a:lnTo>
                    <a:pt x="574" y="144"/>
                  </a:lnTo>
                  <a:lnTo>
                    <a:pt x="586" y="160"/>
                  </a:lnTo>
                  <a:lnTo>
                    <a:pt x="594" y="176"/>
                  </a:lnTo>
                  <a:lnTo>
                    <a:pt x="602" y="194"/>
                  </a:lnTo>
                  <a:lnTo>
                    <a:pt x="610" y="212"/>
                  </a:lnTo>
                  <a:lnTo>
                    <a:pt x="614" y="232"/>
                  </a:lnTo>
                  <a:lnTo>
                    <a:pt x="614" y="232"/>
                  </a:lnTo>
                  <a:close/>
                  <a:moveTo>
                    <a:pt x="284" y="182"/>
                  </a:moveTo>
                  <a:lnTo>
                    <a:pt x="284" y="182"/>
                  </a:lnTo>
                  <a:lnTo>
                    <a:pt x="270" y="188"/>
                  </a:lnTo>
                  <a:lnTo>
                    <a:pt x="258" y="194"/>
                  </a:lnTo>
                  <a:lnTo>
                    <a:pt x="246" y="200"/>
                  </a:lnTo>
                  <a:lnTo>
                    <a:pt x="240" y="208"/>
                  </a:lnTo>
                  <a:lnTo>
                    <a:pt x="240" y="208"/>
                  </a:lnTo>
                  <a:lnTo>
                    <a:pt x="234" y="216"/>
                  </a:lnTo>
                  <a:lnTo>
                    <a:pt x="230" y="226"/>
                  </a:lnTo>
                  <a:lnTo>
                    <a:pt x="228" y="236"/>
                  </a:lnTo>
                  <a:lnTo>
                    <a:pt x="226" y="246"/>
                  </a:lnTo>
                  <a:lnTo>
                    <a:pt x="226" y="246"/>
                  </a:lnTo>
                  <a:lnTo>
                    <a:pt x="228" y="256"/>
                  </a:lnTo>
                  <a:lnTo>
                    <a:pt x="230" y="266"/>
                  </a:lnTo>
                  <a:lnTo>
                    <a:pt x="234" y="276"/>
                  </a:lnTo>
                  <a:lnTo>
                    <a:pt x="240" y="284"/>
                  </a:lnTo>
                  <a:lnTo>
                    <a:pt x="240" y="284"/>
                  </a:lnTo>
                  <a:lnTo>
                    <a:pt x="248" y="292"/>
                  </a:lnTo>
                  <a:lnTo>
                    <a:pt x="258" y="300"/>
                  </a:lnTo>
                  <a:lnTo>
                    <a:pt x="270" y="306"/>
                  </a:lnTo>
                  <a:lnTo>
                    <a:pt x="284" y="312"/>
                  </a:lnTo>
                  <a:lnTo>
                    <a:pt x="284" y="182"/>
                  </a:lnTo>
                  <a:close/>
                  <a:moveTo>
                    <a:pt x="358" y="686"/>
                  </a:moveTo>
                  <a:lnTo>
                    <a:pt x="358" y="686"/>
                  </a:lnTo>
                  <a:lnTo>
                    <a:pt x="378" y="680"/>
                  </a:lnTo>
                  <a:lnTo>
                    <a:pt x="396" y="672"/>
                  </a:lnTo>
                  <a:lnTo>
                    <a:pt x="410" y="664"/>
                  </a:lnTo>
                  <a:lnTo>
                    <a:pt x="422" y="654"/>
                  </a:lnTo>
                  <a:lnTo>
                    <a:pt x="422" y="654"/>
                  </a:lnTo>
                  <a:lnTo>
                    <a:pt x="432" y="642"/>
                  </a:lnTo>
                  <a:lnTo>
                    <a:pt x="438" y="630"/>
                  </a:lnTo>
                  <a:lnTo>
                    <a:pt x="442" y="618"/>
                  </a:lnTo>
                  <a:lnTo>
                    <a:pt x="442" y="604"/>
                  </a:lnTo>
                  <a:lnTo>
                    <a:pt x="442" y="604"/>
                  </a:lnTo>
                  <a:lnTo>
                    <a:pt x="442" y="592"/>
                  </a:lnTo>
                  <a:lnTo>
                    <a:pt x="438" y="580"/>
                  </a:lnTo>
                  <a:lnTo>
                    <a:pt x="434" y="570"/>
                  </a:lnTo>
                  <a:lnTo>
                    <a:pt x="426" y="560"/>
                  </a:lnTo>
                  <a:lnTo>
                    <a:pt x="426" y="560"/>
                  </a:lnTo>
                  <a:lnTo>
                    <a:pt x="416" y="550"/>
                  </a:lnTo>
                  <a:lnTo>
                    <a:pt x="400" y="540"/>
                  </a:lnTo>
                  <a:lnTo>
                    <a:pt x="382" y="530"/>
                  </a:lnTo>
                  <a:lnTo>
                    <a:pt x="358" y="522"/>
                  </a:lnTo>
                  <a:lnTo>
                    <a:pt x="358" y="686"/>
                  </a:lnTo>
                  <a:close/>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sz="2000">
                <a:solidFill>
                  <a:srgbClr val="018E7B"/>
                </a:solidFill>
                <a:latin charset="-122" panose="020b0503020204020204" pitchFamily="34" typeface="微软雅黑"/>
                <a:ea charset="-122" panose="020b0503020204020204" pitchFamily="34" typeface="微软雅黑"/>
              </a:endParaRPr>
            </a:p>
          </p:txBody>
        </p:sp>
        <p:sp>
          <p:nvSpPr>
            <p:cNvPr id="11" name="Freeform 544"/>
            <p:cNvSpPr>
              <a:spLocks noEditPoints="1"/>
            </p:cNvSpPr>
            <p:nvPr/>
          </p:nvSpPr>
          <p:spPr bwMode="auto">
            <a:xfrm>
              <a:off x="1693891" y="2219552"/>
              <a:ext cx="333601" cy="506412"/>
            </a:xfrm>
            <a:custGeom>
              <a:gdLst>
                <a:gd fmla="*/ 424 w 636" name="T0"/>
                <a:gd fmla="*/ 262 h 916" name="T1"/>
                <a:gd fmla="*/ 398 w 636" name="T2"/>
                <a:gd fmla="*/ 212 h 916" name="T3"/>
                <a:gd fmla="*/ 358 w 636" name="T4"/>
                <a:gd fmla="*/ 184 h 916" name="T5"/>
                <a:gd fmla="*/ 430 w 636" name="T6"/>
                <a:gd fmla="*/ 354 h 916" name="T7"/>
                <a:gd fmla="*/ 514 w 636" name="T8"/>
                <a:gd fmla="*/ 386 h 916" name="T9"/>
                <a:gd fmla="*/ 568 w 636" name="T10"/>
                <a:gd fmla="*/ 420 h 916" name="T11"/>
                <a:gd fmla="*/ 598 w 636" name="T12"/>
                <a:gd fmla="*/ 454 h 916" name="T13"/>
                <a:gd fmla="*/ 626 w 636" name="T14"/>
                <a:gd fmla="*/ 510 h 916" name="T15"/>
                <a:gd fmla="*/ 636 w 636" name="T16"/>
                <a:gd fmla="*/ 578 h 916" name="T17"/>
                <a:gd fmla="*/ 630 w 636" name="T18"/>
                <a:gd fmla="*/ 630 h 916" name="T19"/>
                <a:gd fmla="*/ 612 w 636" name="T20"/>
                <a:gd fmla="*/ 680 h 916" name="T21"/>
                <a:gd fmla="*/ 566 w 636" name="T22"/>
                <a:gd fmla="*/ 742 h 916" name="T23"/>
                <a:gd fmla="*/ 528 w 636" name="T24"/>
                <a:gd fmla="*/ 772 h 916" name="T25"/>
                <a:gd fmla="*/ 466 w 636" name="T26"/>
                <a:gd fmla="*/ 804 h 916" name="T27"/>
                <a:gd fmla="*/ 416 w 636" name="T28"/>
                <a:gd fmla="*/ 814 h 916" name="T29"/>
                <a:gd fmla="*/ 358 w 636" name="T30"/>
                <a:gd fmla="*/ 916 h 916" name="T31"/>
                <a:gd fmla="*/ 284 w 636" name="T32"/>
                <a:gd fmla="*/ 820 h 916" name="T33"/>
                <a:gd fmla="*/ 188 w 636" name="T34"/>
                <a:gd fmla="*/ 804 h 916" name="T35"/>
                <a:gd fmla="*/ 140 w 636" name="T36"/>
                <a:gd fmla="*/ 786 h 916" name="T37"/>
                <a:gd fmla="*/ 82 w 636" name="T38"/>
                <a:gd fmla="*/ 746 h 916" name="T39"/>
                <a:gd fmla="*/ 50 w 636" name="T40"/>
                <a:gd fmla="*/ 714 h 916" name="T41"/>
                <a:gd fmla="*/ 28 w 636" name="T42"/>
                <a:gd fmla="*/ 680 h 916" name="T43"/>
                <a:gd fmla="*/ 6 w 636" name="T44"/>
                <a:gd fmla="*/ 616 h 916" name="T45"/>
                <a:gd fmla="*/ 208 w 636" name="T46"/>
                <a:gd fmla="*/ 568 h 916" name="T47"/>
                <a:gd fmla="*/ 226 w 636" name="T48"/>
                <a:gd fmla="*/ 628 h 916" name="T49"/>
                <a:gd fmla="*/ 242 w 636" name="T50"/>
                <a:gd fmla="*/ 652 h 916" name="T51"/>
                <a:gd fmla="*/ 284 w 636" name="T52"/>
                <a:gd fmla="*/ 680 h 916" name="T53"/>
                <a:gd fmla="*/ 236 w 636" name="T54"/>
                <a:gd fmla="*/ 486 h 916" name="T55"/>
                <a:gd fmla="*/ 138 w 636" name="T56"/>
                <a:gd fmla="*/ 450 h 916" name="T57"/>
                <a:gd fmla="*/ 98 w 636" name="T58"/>
                <a:gd fmla="*/ 422 h 916" name="T59"/>
                <a:gd fmla="*/ 62 w 636" name="T60"/>
                <a:gd fmla="*/ 382 h 916" name="T61"/>
                <a:gd fmla="*/ 32 w 636" name="T62"/>
                <a:gd fmla="*/ 302 h 916" name="T63"/>
                <a:gd fmla="*/ 32 w 636" name="T64"/>
                <a:gd fmla="*/ 248 h 916" name="T65"/>
                <a:gd fmla="*/ 46 w 636" name="T66"/>
                <a:gd fmla="*/ 186 h 916" name="T67"/>
                <a:gd fmla="*/ 80 w 636" name="T68"/>
                <a:gd fmla="*/ 134 h 916" name="T69"/>
                <a:gd fmla="*/ 112 w 636" name="T70"/>
                <a:gd fmla="*/ 104 h 916" name="T71"/>
                <a:gd fmla="*/ 174 w 636" name="T72"/>
                <a:gd fmla="*/ 70 h 916" name="T73"/>
                <a:gd fmla="*/ 254 w 636" name="T74"/>
                <a:gd fmla="*/ 52 h 916" name="T75"/>
                <a:gd fmla="*/ 358 w 636" name="T76"/>
                <a:gd fmla="*/ 0 h 916" name="T77"/>
                <a:gd fmla="*/ 386 w 636" name="T78"/>
                <a:gd fmla="*/ 52 h 916" name="T79"/>
                <a:gd fmla="*/ 460 w 636" name="T80"/>
                <a:gd fmla="*/ 66 h 916" name="T81"/>
                <a:gd fmla="*/ 518 w 636" name="T82"/>
                <a:gd fmla="*/ 92 h 916" name="T83"/>
                <a:gd fmla="*/ 550 w 636" name="T84"/>
                <a:gd fmla="*/ 116 h 916" name="T85"/>
                <a:gd fmla="*/ 586 w 636" name="T86"/>
                <a:gd fmla="*/ 160 h 916" name="T87"/>
                <a:gd fmla="*/ 610 w 636" name="T88"/>
                <a:gd fmla="*/ 212 h 916" name="T89"/>
                <a:gd fmla="*/ 284 w 636" name="T90"/>
                <a:gd fmla="*/ 182 h 916" name="T91"/>
                <a:gd fmla="*/ 258 w 636" name="T92"/>
                <a:gd fmla="*/ 194 h 916" name="T93"/>
                <a:gd fmla="*/ 240 w 636" name="T94"/>
                <a:gd fmla="*/ 208 h 916" name="T95"/>
                <a:gd fmla="*/ 228 w 636" name="T96"/>
                <a:gd fmla="*/ 236 h 916" name="T97"/>
                <a:gd fmla="*/ 228 w 636" name="T98"/>
                <a:gd fmla="*/ 256 h 916" name="T99"/>
                <a:gd fmla="*/ 240 w 636" name="T100"/>
                <a:gd fmla="*/ 284 h 916" name="T101"/>
                <a:gd fmla="*/ 258 w 636" name="T102"/>
                <a:gd fmla="*/ 300 h 916" name="T103"/>
                <a:gd fmla="*/ 284 w 636" name="T104"/>
                <a:gd fmla="*/ 182 h 916" name="T105"/>
                <a:gd fmla="*/ 378 w 636" name="T106"/>
                <a:gd fmla="*/ 680 h 916" name="T107"/>
                <a:gd fmla="*/ 422 w 636" name="T108"/>
                <a:gd fmla="*/ 654 h 916" name="T109"/>
                <a:gd fmla="*/ 438 w 636" name="T110"/>
                <a:gd fmla="*/ 630 h 916" name="T111"/>
                <a:gd fmla="*/ 442 w 636" name="T112"/>
                <a:gd fmla="*/ 604 h 916" name="T113"/>
                <a:gd fmla="*/ 434 w 636" name="T114"/>
                <a:gd fmla="*/ 570 h 916" name="T115"/>
                <a:gd fmla="*/ 416 w 636" name="T116"/>
                <a:gd fmla="*/ 550 h 916" name="T117"/>
                <a:gd fmla="*/ 358 w 636" name="T118"/>
                <a:gd fmla="*/ 522 h 916" name="T11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b="b" l="0" r="r" t="0"/>
              <a:pathLst>
                <a:path h="916" w="636">
                  <a:moveTo>
                    <a:pt x="614" y="232"/>
                  </a:moveTo>
                  <a:lnTo>
                    <a:pt x="424" y="262"/>
                  </a:lnTo>
                  <a:lnTo>
                    <a:pt x="424" y="262"/>
                  </a:lnTo>
                  <a:lnTo>
                    <a:pt x="410" y="232"/>
                  </a:lnTo>
                  <a:lnTo>
                    <a:pt x="398" y="212"/>
                  </a:lnTo>
                  <a:lnTo>
                    <a:pt x="398" y="212"/>
                  </a:lnTo>
                  <a:lnTo>
                    <a:pt x="392" y="206"/>
                  </a:lnTo>
                  <a:lnTo>
                    <a:pt x="382" y="198"/>
                  </a:lnTo>
                  <a:lnTo>
                    <a:pt x="358" y="184"/>
                  </a:lnTo>
                  <a:lnTo>
                    <a:pt x="358" y="332"/>
                  </a:lnTo>
                  <a:lnTo>
                    <a:pt x="358" y="332"/>
                  </a:lnTo>
                  <a:lnTo>
                    <a:pt x="430" y="354"/>
                  </a:lnTo>
                  <a:lnTo>
                    <a:pt x="462" y="364"/>
                  </a:lnTo>
                  <a:lnTo>
                    <a:pt x="490" y="376"/>
                  </a:lnTo>
                  <a:lnTo>
                    <a:pt x="514" y="386"/>
                  </a:lnTo>
                  <a:lnTo>
                    <a:pt x="534" y="398"/>
                  </a:lnTo>
                  <a:lnTo>
                    <a:pt x="552" y="408"/>
                  </a:lnTo>
                  <a:lnTo>
                    <a:pt x="568" y="420"/>
                  </a:lnTo>
                  <a:lnTo>
                    <a:pt x="568" y="420"/>
                  </a:lnTo>
                  <a:lnTo>
                    <a:pt x="584" y="436"/>
                  </a:lnTo>
                  <a:lnTo>
                    <a:pt x="598" y="454"/>
                  </a:lnTo>
                  <a:lnTo>
                    <a:pt x="610" y="472"/>
                  </a:lnTo>
                  <a:lnTo>
                    <a:pt x="620" y="490"/>
                  </a:lnTo>
                  <a:lnTo>
                    <a:pt x="626" y="510"/>
                  </a:lnTo>
                  <a:lnTo>
                    <a:pt x="632" y="532"/>
                  </a:lnTo>
                  <a:lnTo>
                    <a:pt x="636" y="554"/>
                  </a:lnTo>
                  <a:lnTo>
                    <a:pt x="636" y="578"/>
                  </a:lnTo>
                  <a:lnTo>
                    <a:pt x="636" y="578"/>
                  </a:lnTo>
                  <a:lnTo>
                    <a:pt x="636" y="604"/>
                  </a:lnTo>
                  <a:lnTo>
                    <a:pt x="630" y="630"/>
                  </a:lnTo>
                  <a:lnTo>
                    <a:pt x="622" y="656"/>
                  </a:lnTo>
                  <a:lnTo>
                    <a:pt x="612" y="680"/>
                  </a:lnTo>
                  <a:lnTo>
                    <a:pt x="612" y="680"/>
                  </a:lnTo>
                  <a:lnTo>
                    <a:pt x="598" y="702"/>
                  </a:lnTo>
                  <a:lnTo>
                    <a:pt x="584" y="722"/>
                  </a:lnTo>
                  <a:lnTo>
                    <a:pt x="566" y="742"/>
                  </a:lnTo>
                  <a:lnTo>
                    <a:pt x="548" y="758"/>
                  </a:lnTo>
                  <a:lnTo>
                    <a:pt x="548" y="758"/>
                  </a:lnTo>
                  <a:lnTo>
                    <a:pt x="528" y="772"/>
                  </a:lnTo>
                  <a:lnTo>
                    <a:pt x="508" y="784"/>
                  </a:lnTo>
                  <a:lnTo>
                    <a:pt x="488" y="796"/>
                  </a:lnTo>
                  <a:lnTo>
                    <a:pt x="466" y="804"/>
                  </a:lnTo>
                  <a:lnTo>
                    <a:pt x="466" y="804"/>
                  </a:lnTo>
                  <a:lnTo>
                    <a:pt x="442" y="810"/>
                  </a:lnTo>
                  <a:lnTo>
                    <a:pt x="416" y="814"/>
                  </a:lnTo>
                  <a:lnTo>
                    <a:pt x="390" y="818"/>
                  </a:lnTo>
                  <a:lnTo>
                    <a:pt x="358" y="820"/>
                  </a:lnTo>
                  <a:lnTo>
                    <a:pt x="358" y="916"/>
                  </a:lnTo>
                  <a:lnTo>
                    <a:pt x="284" y="916"/>
                  </a:lnTo>
                  <a:lnTo>
                    <a:pt x="284" y="820"/>
                  </a:lnTo>
                  <a:lnTo>
                    <a:pt x="284" y="820"/>
                  </a:lnTo>
                  <a:lnTo>
                    <a:pt x="248" y="816"/>
                  </a:lnTo>
                  <a:lnTo>
                    <a:pt x="216" y="810"/>
                  </a:lnTo>
                  <a:lnTo>
                    <a:pt x="188" y="804"/>
                  </a:lnTo>
                  <a:lnTo>
                    <a:pt x="162" y="796"/>
                  </a:lnTo>
                  <a:lnTo>
                    <a:pt x="162" y="796"/>
                  </a:lnTo>
                  <a:lnTo>
                    <a:pt x="140" y="786"/>
                  </a:lnTo>
                  <a:lnTo>
                    <a:pt x="118" y="774"/>
                  </a:lnTo>
                  <a:lnTo>
                    <a:pt x="98" y="762"/>
                  </a:lnTo>
                  <a:lnTo>
                    <a:pt x="82" y="746"/>
                  </a:lnTo>
                  <a:lnTo>
                    <a:pt x="82" y="746"/>
                  </a:lnTo>
                  <a:lnTo>
                    <a:pt x="64" y="730"/>
                  </a:lnTo>
                  <a:lnTo>
                    <a:pt x="50" y="714"/>
                  </a:lnTo>
                  <a:lnTo>
                    <a:pt x="38" y="696"/>
                  </a:lnTo>
                  <a:lnTo>
                    <a:pt x="28" y="680"/>
                  </a:lnTo>
                  <a:lnTo>
                    <a:pt x="28" y="680"/>
                  </a:lnTo>
                  <a:lnTo>
                    <a:pt x="20" y="660"/>
                  </a:lnTo>
                  <a:lnTo>
                    <a:pt x="12" y="640"/>
                  </a:lnTo>
                  <a:lnTo>
                    <a:pt x="6" y="616"/>
                  </a:lnTo>
                  <a:lnTo>
                    <a:pt x="0" y="592"/>
                  </a:lnTo>
                  <a:lnTo>
                    <a:pt x="208" y="568"/>
                  </a:lnTo>
                  <a:lnTo>
                    <a:pt x="208" y="568"/>
                  </a:lnTo>
                  <a:lnTo>
                    <a:pt x="214" y="592"/>
                  </a:lnTo>
                  <a:lnTo>
                    <a:pt x="220" y="612"/>
                  </a:lnTo>
                  <a:lnTo>
                    <a:pt x="226" y="628"/>
                  </a:lnTo>
                  <a:lnTo>
                    <a:pt x="234" y="640"/>
                  </a:lnTo>
                  <a:lnTo>
                    <a:pt x="234" y="640"/>
                  </a:lnTo>
                  <a:lnTo>
                    <a:pt x="242" y="652"/>
                  </a:lnTo>
                  <a:lnTo>
                    <a:pt x="254" y="662"/>
                  </a:lnTo>
                  <a:lnTo>
                    <a:pt x="268" y="672"/>
                  </a:lnTo>
                  <a:lnTo>
                    <a:pt x="284" y="680"/>
                  </a:lnTo>
                  <a:lnTo>
                    <a:pt x="284" y="500"/>
                  </a:lnTo>
                  <a:lnTo>
                    <a:pt x="284" y="500"/>
                  </a:lnTo>
                  <a:lnTo>
                    <a:pt x="236" y="486"/>
                  </a:lnTo>
                  <a:lnTo>
                    <a:pt x="196" y="474"/>
                  </a:lnTo>
                  <a:lnTo>
                    <a:pt x="162" y="462"/>
                  </a:lnTo>
                  <a:lnTo>
                    <a:pt x="138" y="450"/>
                  </a:lnTo>
                  <a:lnTo>
                    <a:pt x="138" y="450"/>
                  </a:lnTo>
                  <a:lnTo>
                    <a:pt x="116" y="438"/>
                  </a:lnTo>
                  <a:lnTo>
                    <a:pt x="98" y="422"/>
                  </a:lnTo>
                  <a:lnTo>
                    <a:pt x="80" y="404"/>
                  </a:lnTo>
                  <a:lnTo>
                    <a:pt x="62" y="382"/>
                  </a:lnTo>
                  <a:lnTo>
                    <a:pt x="62" y="382"/>
                  </a:lnTo>
                  <a:lnTo>
                    <a:pt x="48" y="358"/>
                  </a:lnTo>
                  <a:lnTo>
                    <a:pt x="38" y="332"/>
                  </a:lnTo>
                  <a:lnTo>
                    <a:pt x="32" y="302"/>
                  </a:lnTo>
                  <a:lnTo>
                    <a:pt x="30" y="270"/>
                  </a:lnTo>
                  <a:lnTo>
                    <a:pt x="30" y="270"/>
                  </a:lnTo>
                  <a:lnTo>
                    <a:pt x="32" y="248"/>
                  </a:lnTo>
                  <a:lnTo>
                    <a:pt x="34" y="226"/>
                  </a:lnTo>
                  <a:lnTo>
                    <a:pt x="40" y="206"/>
                  </a:lnTo>
                  <a:lnTo>
                    <a:pt x="46" y="186"/>
                  </a:lnTo>
                  <a:lnTo>
                    <a:pt x="56" y="168"/>
                  </a:lnTo>
                  <a:lnTo>
                    <a:pt x="66" y="150"/>
                  </a:lnTo>
                  <a:lnTo>
                    <a:pt x="80" y="134"/>
                  </a:lnTo>
                  <a:lnTo>
                    <a:pt x="94" y="118"/>
                  </a:lnTo>
                  <a:lnTo>
                    <a:pt x="94" y="118"/>
                  </a:lnTo>
                  <a:lnTo>
                    <a:pt x="112" y="104"/>
                  </a:lnTo>
                  <a:lnTo>
                    <a:pt x="130" y="90"/>
                  </a:lnTo>
                  <a:lnTo>
                    <a:pt x="152" y="80"/>
                  </a:lnTo>
                  <a:lnTo>
                    <a:pt x="174" y="70"/>
                  </a:lnTo>
                  <a:lnTo>
                    <a:pt x="198" y="62"/>
                  </a:lnTo>
                  <a:lnTo>
                    <a:pt x="226" y="56"/>
                  </a:lnTo>
                  <a:lnTo>
                    <a:pt x="254" y="52"/>
                  </a:lnTo>
                  <a:lnTo>
                    <a:pt x="284" y="50"/>
                  </a:lnTo>
                  <a:lnTo>
                    <a:pt x="284" y="0"/>
                  </a:lnTo>
                  <a:lnTo>
                    <a:pt x="358" y="0"/>
                  </a:lnTo>
                  <a:lnTo>
                    <a:pt x="358" y="50"/>
                  </a:lnTo>
                  <a:lnTo>
                    <a:pt x="358" y="50"/>
                  </a:lnTo>
                  <a:lnTo>
                    <a:pt x="386" y="52"/>
                  </a:lnTo>
                  <a:lnTo>
                    <a:pt x="412" y="56"/>
                  </a:lnTo>
                  <a:lnTo>
                    <a:pt x="438" y="60"/>
                  </a:lnTo>
                  <a:lnTo>
                    <a:pt x="460" y="66"/>
                  </a:lnTo>
                  <a:lnTo>
                    <a:pt x="482" y="74"/>
                  </a:lnTo>
                  <a:lnTo>
                    <a:pt x="502" y="82"/>
                  </a:lnTo>
                  <a:lnTo>
                    <a:pt x="518" y="92"/>
                  </a:lnTo>
                  <a:lnTo>
                    <a:pt x="536" y="104"/>
                  </a:lnTo>
                  <a:lnTo>
                    <a:pt x="536" y="104"/>
                  </a:lnTo>
                  <a:lnTo>
                    <a:pt x="550" y="116"/>
                  </a:lnTo>
                  <a:lnTo>
                    <a:pt x="562" y="130"/>
                  </a:lnTo>
                  <a:lnTo>
                    <a:pt x="574" y="144"/>
                  </a:lnTo>
                  <a:lnTo>
                    <a:pt x="586" y="160"/>
                  </a:lnTo>
                  <a:lnTo>
                    <a:pt x="594" y="176"/>
                  </a:lnTo>
                  <a:lnTo>
                    <a:pt x="602" y="194"/>
                  </a:lnTo>
                  <a:lnTo>
                    <a:pt x="610" y="212"/>
                  </a:lnTo>
                  <a:lnTo>
                    <a:pt x="614" y="232"/>
                  </a:lnTo>
                  <a:lnTo>
                    <a:pt x="614" y="232"/>
                  </a:lnTo>
                  <a:close/>
                  <a:moveTo>
                    <a:pt x="284" y="182"/>
                  </a:moveTo>
                  <a:lnTo>
                    <a:pt x="284" y="182"/>
                  </a:lnTo>
                  <a:lnTo>
                    <a:pt x="270" y="188"/>
                  </a:lnTo>
                  <a:lnTo>
                    <a:pt x="258" y="194"/>
                  </a:lnTo>
                  <a:lnTo>
                    <a:pt x="246" y="200"/>
                  </a:lnTo>
                  <a:lnTo>
                    <a:pt x="240" y="208"/>
                  </a:lnTo>
                  <a:lnTo>
                    <a:pt x="240" y="208"/>
                  </a:lnTo>
                  <a:lnTo>
                    <a:pt x="234" y="216"/>
                  </a:lnTo>
                  <a:lnTo>
                    <a:pt x="230" y="226"/>
                  </a:lnTo>
                  <a:lnTo>
                    <a:pt x="228" y="236"/>
                  </a:lnTo>
                  <a:lnTo>
                    <a:pt x="226" y="246"/>
                  </a:lnTo>
                  <a:lnTo>
                    <a:pt x="226" y="246"/>
                  </a:lnTo>
                  <a:lnTo>
                    <a:pt x="228" y="256"/>
                  </a:lnTo>
                  <a:lnTo>
                    <a:pt x="230" y="266"/>
                  </a:lnTo>
                  <a:lnTo>
                    <a:pt x="234" y="276"/>
                  </a:lnTo>
                  <a:lnTo>
                    <a:pt x="240" y="284"/>
                  </a:lnTo>
                  <a:lnTo>
                    <a:pt x="240" y="284"/>
                  </a:lnTo>
                  <a:lnTo>
                    <a:pt x="248" y="292"/>
                  </a:lnTo>
                  <a:lnTo>
                    <a:pt x="258" y="300"/>
                  </a:lnTo>
                  <a:lnTo>
                    <a:pt x="270" y="306"/>
                  </a:lnTo>
                  <a:lnTo>
                    <a:pt x="284" y="312"/>
                  </a:lnTo>
                  <a:lnTo>
                    <a:pt x="284" y="182"/>
                  </a:lnTo>
                  <a:close/>
                  <a:moveTo>
                    <a:pt x="358" y="686"/>
                  </a:moveTo>
                  <a:lnTo>
                    <a:pt x="358" y="686"/>
                  </a:lnTo>
                  <a:lnTo>
                    <a:pt x="378" y="680"/>
                  </a:lnTo>
                  <a:lnTo>
                    <a:pt x="396" y="672"/>
                  </a:lnTo>
                  <a:lnTo>
                    <a:pt x="410" y="664"/>
                  </a:lnTo>
                  <a:lnTo>
                    <a:pt x="422" y="654"/>
                  </a:lnTo>
                  <a:lnTo>
                    <a:pt x="422" y="654"/>
                  </a:lnTo>
                  <a:lnTo>
                    <a:pt x="432" y="642"/>
                  </a:lnTo>
                  <a:lnTo>
                    <a:pt x="438" y="630"/>
                  </a:lnTo>
                  <a:lnTo>
                    <a:pt x="442" y="618"/>
                  </a:lnTo>
                  <a:lnTo>
                    <a:pt x="442" y="604"/>
                  </a:lnTo>
                  <a:lnTo>
                    <a:pt x="442" y="604"/>
                  </a:lnTo>
                  <a:lnTo>
                    <a:pt x="442" y="592"/>
                  </a:lnTo>
                  <a:lnTo>
                    <a:pt x="438" y="580"/>
                  </a:lnTo>
                  <a:lnTo>
                    <a:pt x="434" y="570"/>
                  </a:lnTo>
                  <a:lnTo>
                    <a:pt x="426" y="560"/>
                  </a:lnTo>
                  <a:lnTo>
                    <a:pt x="426" y="560"/>
                  </a:lnTo>
                  <a:lnTo>
                    <a:pt x="416" y="550"/>
                  </a:lnTo>
                  <a:lnTo>
                    <a:pt x="400" y="540"/>
                  </a:lnTo>
                  <a:lnTo>
                    <a:pt x="382" y="530"/>
                  </a:lnTo>
                  <a:lnTo>
                    <a:pt x="358" y="522"/>
                  </a:lnTo>
                  <a:lnTo>
                    <a:pt x="358" y="686"/>
                  </a:lnTo>
                  <a:close/>
                </a:path>
              </a:pathLst>
            </a:custGeom>
            <a:solidFill>
              <a:srgbClr val="00544A"/>
            </a:solidFill>
            <a:ln>
              <a:noFill/>
            </a:ln>
            <a:extLst>
              <a:ext uri="{91240B29-F687-4F45-9708-019B960494DF}">
                <a14:hiddenLine w="9525">
                  <a:solidFill>
                    <a:srgbClr val="000000"/>
                  </a:solidFill>
                  <a:round/>
                  <a:headEnd/>
                  <a:tailEnd/>
                </a14:hiddenLine>
              </a:ext>
            </a:extLst>
          </p:spPr>
          <p:txBody>
            <a:bodyPr anchor="t" anchorCtr="0" bIns="45720" compatLnSpc="1" lIns="91440" numCol="1" rIns="91440" tIns="45720" vert="horz" wrap="square">
              <a:prstTxWarp prst="textNoShape">
                <a:avLst/>
              </a:prstTxWarp>
            </a:bodyPr>
            <a:lstStyle/>
            <a:p>
              <a:endParaRPr altLang="en-US" lang="zh-CN" sz="2000">
                <a:solidFill>
                  <a:srgbClr val="018E7B"/>
                </a:solidFill>
                <a:latin charset="-122" panose="020b0503020204020204" pitchFamily="34" typeface="微软雅黑"/>
                <a:ea charset="-122" panose="020b0503020204020204" pitchFamily="34" typeface="微软雅黑"/>
              </a:endParaRPr>
            </a:p>
          </p:txBody>
        </p:sp>
        <p:sp>
          <p:nvSpPr>
            <p:cNvPr id="12" name="TextBox 3"/>
            <p:cNvSpPr txBox="1"/>
            <p:nvPr/>
          </p:nvSpPr>
          <p:spPr>
            <a:xfrm>
              <a:off x="878041" y="1279202"/>
              <a:ext cx="1920253" cy="458447"/>
            </a:xfrm>
            <a:prstGeom prst="rect">
              <a:avLst/>
            </a:prstGeom>
            <a:noFill/>
          </p:spPr>
          <p:txBody>
            <a:bodyPr rtlCol="0" wrap="square">
              <a:spAutoFit/>
            </a:bodyPr>
            <a:lstStyle/>
            <a:p>
              <a:pPr algn="ctr" fontAlgn="base">
                <a:spcBef>
                  <a:spcPct val="0"/>
                </a:spcBef>
                <a:spcAft>
                  <a:spcPct val="0"/>
                </a:spcAft>
              </a:pPr>
              <a:r>
                <a:rPr altLang="en-US" lang="zh-CN">
                  <a:solidFill>
                    <a:srgbClr val="403029"/>
                  </a:solidFill>
                  <a:latin charset="-122" panose="020b0503020204020204" pitchFamily="34" typeface="微软雅黑"/>
                  <a:ea charset="-122" panose="020b0503020204020204" pitchFamily="34" typeface="微软雅黑"/>
                </a:rPr>
                <a:t>融资难</a:t>
              </a:r>
            </a:p>
          </p:txBody>
        </p:sp>
      </p:grpSp>
      <p:grpSp>
        <p:nvGrpSpPr>
          <p:cNvPr id="13" name="组合 12"/>
          <p:cNvGrpSpPr/>
          <p:nvPr/>
        </p:nvGrpSpPr>
        <p:grpSpPr>
          <a:xfrm>
            <a:off x="5656067" y="699542"/>
            <a:ext cx="2736303" cy="1765792"/>
            <a:chOff x="5364088" y="841276"/>
            <a:chExt cx="3528392" cy="2193230"/>
          </a:xfrm>
        </p:grpSpPr>
        <p:sp>
          <p:nvSpPr>
            <p:cNvPr id="14" name="椭圆形标注 13"/>
            <p:cNvSpPr/>
            <p:nvPr/>
          </p:nvSpPr>
          <p:spPr>
            <a:xfrm>
              <a:off x="5364088" y="841276"/>
              <a:ext cx="3528392" cy="2193230"/>
            </a:xfrm>
            <a:prstGeom prst="wedgeEllipseCallout">
              <a:avLst>
                <a:gd fmla="val -51562" name="adj1"/>
                <a:gd fmla="val 59076" name="adj2"/>
              </a:avLst>
            </a:prstGeom>
            <a:no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sz="2000">
                <a:solidFill>
                  <a:srgbClr val="3C5E89"/>
                </a:solidFill>
                <a:latin charset="-122" panose="020b0503020204020204" pitchFamily="34" typeface="微软雅黑"/>
                <a:ea charset="-122" panose="020b0503020204020204" pitchFamily="34" typeface="微软雅黑"/>
              </a:endParaRPr>
            </a:p>
          </p:txBody>
        </p:sp>
        <p:sp>
          <p:nvSpPr>
            <p:cNvPr id="15" name="TextBox 3"/>
            <p:cNvSpPr txBox="1"/>
            <p:nvPr/>
          </p:nvSpPr>
          <p:spPr>
            <a:xfrm>
              <a:off x="6228185" y="1104092"/>
              <a:ext cx="1920253" cy="795022"/>
            </a:xfrm>
            <a:prstGeom prst="rect">
              <a:avLst/>
            </a:prstGeom>
            <a:noFill/>
          </p:spPr>
          <p:txBody>
            <a:bodyPr rtlCol="0" wrap="square">
              <a:spAutoFit/>
            </a:bodyPr>
            <a:lstStyle/>
            <a:p>
              <a:pPr algn="ctr" fontAlgn="base">
                <a:spcBef>
                  <a:spcPct val="0"/>
                </a:spcBef>
                <a:spcAft>
                  <a:spcPct val="0"/>
                </a:spcAft>
              </a:pPr>
              <a:r>
                <a:rPr altLang="en-US" lang="zh-CN">
                  <a:latin charset="-122" panose="020b0503020204020204" pitchFamily="34" typeface="微软雅黑"/>
                  <a:ea charset="-122" panose="020b0503020204020204" pitchFamily="34" typeface="微软雅黑"/>
                </a:rPr>
                <a:t>这里输入您的文字</a:t>
              </a:r>
            </a:p>
          </p:txBody>
        </p:sp>
        <p:grpSp>
          <p:nvGrpSpPr>
            <p:cNvPr id="16" name="组合 15"/>
            <p:cNvGrpSpPr/>
            <p:nvPr/>
          </p:nvGrpSpPr>
          <p:grpSpPr>
            <a:xfrm>
              <a:off x="5605406" y="1460182"/>
              <a:ext cx="972001" cy="972000"/>
              <a:chOff x="7926343" y="2054247"/>
              <a:chExt cx="972001" cy="972000"/>
            </a:xfrm>
          </p:grpSpPr>
          <p:sp>
            <p:nvSpPr>
              <p:cNvPr id="23" name="流程图: 联系 22"/>
              <p:cNvSpPr/>
              <p:nvPr/>
            </p:nvSpPr>
            <p:spPr>
              <a:xfrm>
                <a:off x="7926343" y="2054247"/>
                <a:ext cx="972000" cy="972000"/>
              </a:xfrm>
              <a:prstGeom prst="flowChartConnector">
                <a:avLst/>
              </a:prstGeom>
              <a:solidFill>
                <a:srgbClr val="00544A"/>
              </a:solid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4" name="TextBox 3"/>
              <p:cNvSpPr txBox="1"/>
              <p:nvPr/>
            </p:nvSpPr>
            <p:spPr>
              <a:xfrm>
                <a:off x="7926343" y="2262125"/>
                <a:ext cx="972000" cy="643589"/>
              </a:xfrm>
              <a:prstGeom prst="rect">
                <a:avLst/>
              </a:prstGeom>
              <a:noFill/>
            </p:spPr>
            <p:txBody>
              <a:bodyPr rtlCol="0" wrap="square">
                <a:spAutoFit/>
              </a:bodyPr>
              <a:lstStyle/>
              <a:p>
                <a:pPr algn="ctr" fontAlgn="base">
                  <a:spcBef>
                    <a:spcPct val="0"/>
                  </a:spcBef>
                  <a:spcAft>
                    <a:spcPct val="0"/>
                  </a:spcAft>
                </a:pPr>
                <a:r>
                  <a:rPr altLang="en-US" lang="zh-CN" sz="1400">
                    <a:solidFill>
                      <a:schemeClr val="bg1"/>
                    </a:solidFill>
                    <a:latin charset="-122" panose="020b0503020204020204" pitchFamily="34" typeface="微软雅黑"/>
                    <a:ea charset="-122" panose="020b0503020204020204" pitchFamily="34" typeface="微软雅黑"/>
                  </a:rPr>
                  <a:t>输入您的文字</a:t>
                </a:r>
              </a:p>
            </p:txBody>
          </p:sp>
        </p:grpSp>
        <p:grpSp>
          <p:nvGrpSpPr>
            <p:cNvPr id="17" name="组合 16"/>
            <p:cNvGrpSpPr/>
            <p:nvPr/>
          </p:nvGrpSpPr>
          <p:grpSpPr>
            <a:xfrm>
              <a:off x="6732240" y="1946182"/>
              <a:ext cx="972001" cy="972000"/>
              <a:chOff x="7926343" y="2054247"/>
              <a:chExt cx="972001" cy="972000"/>
            </a:xfrm>
          </p:grpSpPr>
          <p:sp>
            <p:nvSpPr>
              <p:cNvPr id="21" name="流程图: 联系 20"/>
              <p:cNvSpPr/>
              <p:nvPr/>
            </p:nvSpPr>
            <p:spPr>
              <a:xfrm>
                <a:off x="7926343" y="2054247"/>
                <a:ext cx="972000" cy="972000"/>
              </a:xfrm>
              <a:prstGeom prst="flowChartConnector">
                <a:avLst/>
              </a:prstGeom>
              <a:solidFill>
                <a:srgbClr val="00544A"/>
              </a:solid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2" name="TextBox 3"/>
              <p:cNvSpPr txBox="1"/>
              <p:nvPr/>
            </p:nvSpPr>
            <p:spPr>
              <a:xfrm>
                <a:off x="7926343" y="2262125"/>
                <a:ext cx="972000" cy="643589"/>
              </a:xfrm>
              <a:prstGeom prst="rect">
                <a:avLst/>
              </a:prstGeom>
              <a:noFill/>
            </p:spPr>
            <p:txBody>
              <a:bodyPr rtlCol="0" wrap="square">
                <a:spAutoFit/>
              </a:bodyPr>
              <a:lstStyle>
                <a:defPPr>
                  <a:defRPr lang="zh-CN"/>
                </a:defPPr>
                <a:lvl1pPr algn="ctr" fontAlgn="base">
                  <a:spcBef>
                    <a:spcPct val="0"/>
                  </a:spcBef>
                  <a:spcAft>
                    <a:spcPct val="0"/>
                  </a:spcAft>
                  <a:defRPr sz="1600">
                    <a:solidFill>
                      <a:schemeClr val="bg1"/>
                    </a:solidFill>
                    <a:latin charset="-122" panose="02000000000000000000" pitchFamily="2" typeface="方正正准黑简体"/>
                    <a:ea charset="-122" panose="02000000000000000000" pitchFamily="2" typeface="方正正准黑简体"/>
                  </a:defRPr>
                </a:lvl1pPr>
              </a:lstStyle>
              <a:p>
                <a:r>
                  <a:rPr altLang="en-US" lang="zh-CN" sz="1400">
                    <a:latin charset="-122" panose="020b0503020204020204" pitchFamily="34" typeface="微软雅黑"/>
                    <a:ea charset="-122" panose="020b0503020204020204" pitchFamily="34" typeface="微软雅黑"/>
                  </a:rPr>
                  <a:t>输入您的文字</a:t>
                </a:r>
              </a:p>
            </p:txBody>
          </p:sp>
        </p:grpSp>
        <p:grpSp>
          <p:nvGrpSpPr>
            <p:cNvPr id="18" name="组合 17"/>
            <p:cNvGrpSpPr/>
            <p:nvPr/>
          </p:nvGrpSpPr>
          <p:grpSpPr>
            <a:xfrm>
              <a:off x="7812360" y="1410311"/>
              <a:ext cx="972001" cy="972000"/>
              <a:chOff x="7926343" y="2054247"/>
              <a:chExt cx="972001" cy="972000"/>
            </a:xfrm>
          </p:grpSpPr>
          <p:sp>
            <p:nvSpPr>
              <p:cNvPr id="19" name="流程图: 联系 18"/>
              <p:cNvSpPr/>
              <p:nvPr/>
            </p:nvSpPr>
            <p:spPr>
              <a:xfrm>
                <a:off x="7926343" y="2054247"/>
                <a:ext cx="972000" cy="972000"/>
              </a:xfrm>
              <a:prstGeom prst="flowChartConnector">
                <a:avLst/>
              </a:prstGeom>
              <a:solidFill>
                <a:srgbClr val="00544A"/>
              </a:solid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0" name="TextBox 3"/>
              <p:cNvSpPr txBox="1"/>
              <p:nvPr/>
            </p:nvSpPr>
            <p:spPr>
              <a:xfrm>
                <a:off x="7926346" y="2262125"/>
                <a:ext cx="972000" cy="643589"/>
              </a:xfrm>
              <a:prstGeom prst="rect">
                <a:avLst/>
              </a:prstGeom>
              <a:noFill/>
            </p:spPr>
            <p:txBody>
              <a:bodyPr rtlCol="0" wrap="square">
                <a:spAutoFit/>
              </a:bodyPr>
              <a:lstStyle/>
              <a:p>
                <a:pPr algn="ctr" fontAlgn="base">
                  <a:spcBef>
                    <a:spcPct val="0"/>
                  </a:spcBef>
                  <a:spcAft>
                    <a:spcPct val="0"/>
                  </a:spcAft>
                </a:pPr>
                <a:r>
                  <a:rPr altLang="en-US" lang="zh-CN" sz="1400">
                    <a:solidFill>
                      <a:schemeClr val="bg1"/>
                    </a:solidFill>
                    <a:latin charset="-122" panose="020b0503020204020204" pitchFamily="34" typeface="微软雅黑"/>
                    <a:ea charset="-122" panose="020b0503020204020204" pitchFamily="34" typeface="微软雅黑"/>
                  </a:rPr>
                  <a:t>高额</a:t>
                </a:r>
              </a:p>
              <a:p>
                <a:pPr algn="ctr" fontAlgn="base">
                  <a:spcBef>
                    <a:spcPct val="0"/>
                  </a:spcBef>
                  <a:spcAft>
                    <a:spcPct val="0"/>
                  </a:spcAft>
                </a:pPr>
                <a:r>
                  <a:rPr altLang="en-US" lang="zh-CN" sz="1400">
                    <a:solidFill>
                      <a:schemeClr val="bg1"/>
                    </a:solidFill>
                    <a:latin charset="-122" panose="020b0503020204020204" pitchFamily="34" typeface="微软雅黑"/>
                    <a:ea charset="-122" panose="020b0503020204020204" pitchFamily="34" typeface="微软雅黑"/>
                  </a:rPr>
                  <a:t>税费</a:t>
                </a:r>
              </a:p>
            </p:txBody>
          </p:sp>
        </p:grpSp>
      </p:grpSp>
      <p:pic>
        <p:nvPicPr>
          <p:cNvPr id="25" name="Picture 2"/>
          <p:cNvPicPr>
            <a:picLocks noChangeArrowheads="1" noChangeAspect="1"/>
          </p:cNvPicPr>
          <p:nvPr/>
        </p:nvPicPr>
        <p:blipFill>
          <a:blip r:embed="rId4">
            <a:extLst>
              <a:ext uri="{28A0092B-C50C-407E-A947-70E740481C1C}">
                <a14:useLocalDpi val="0"/>
              </a:ext>
            </a:extLst>
          </a:blip>
          <a:stretch>
            <a:fillRect/>
          </a:stretch>
        </p:blipFill>
        <p:spPr bwMode="auto">
          <a:xfrm>
            <a:off x="1047750" y="2797952"/>
            <a:ext cx="8135938" cy="2219788"/>
          </a:xfrm>
          <a:prstGeom prst="rect">
            <a:avLst/>
          </a:prstGeom>
          <a:noFill/>
          <a:extLst>
            <a:ext uri="{909E8E84-426E-40DD-AFC4-6F175D3DCCD1}">
              <a14:hiddenFill>
                <a:solidFill>
                  <a:srgbClr val="FFFFFF"/>
                </a:solidFill>
              </a14:hiddenFill>
            </a:ext>
          </a:extLst>
        </p:spPr>
      </p:pic>
      <p:sp>
        <p:nvSpPr>
          <p:cNvPr id="26" name="矩形 25"/>
          <p:cNvSpPr/>
          <p:nvPr/>
        </p:nvSpPr>
        <p:spPr>
          <a:xfrm>
            <a:off x="1047750" y="3480432"/>
            <a:ext cx="8135938" cy="1008112"/>
          </a:xfrm>
          <a:prstGeom prst="rect">
            <a:avLst/>
          </a:prstGeom>
          <a:solidFill>
            <a:schemeClr val="bg1">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just"/>
            <a:r>
              <a:rPr altLang="en-US" lang="zh-CN">
                <a:solidFill>
                  <a:schemeClr val="tx1"/>
                </a:solidFill>
                <a:latin charset="-122" panose="020b0503020204020204" pitchFamily="34" typeface="微软雅黑"/>
                <a:ea charset="-122" panose="020b0503020204020204" pitchFamily="34" typeface="微软雅黑"/>
              </a:rPr>
              <a:t>       这里输入您的文字这里输入您的文字这里输入您的文字这里输入您的文字这里输入您的文字这里输入您的文字这里输入您的文字这里输入您的文字</a:t>
            </a:r>
          </a:p>
        </p:txBody>
      </p:sp>
    </p:spTree>
    <p:extLst>
      <p:ext uri="{BB962C8B-B14F-4D97-AF65-F5344CB8AC3E}">
        <p14:creationId val="4042698709"/>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42" presetSubtype="0">
                                  <p:stCondLst>
                                    <p:cond delay="0"/>
                                  </p:stCondLst>
                                  <p:childTnLst>
                                    <p:set>
                                      <p:cBhvr>
                                        <p:cTn dur="1" fill="hold" id="6">
                                          <p:stCondLst>
                                            <p:cond delay="0"/>
                                          </p:stCondLst>
                                        </p:cTn>
                                        <p:tgtEl>
                                          <p:spTgt spid="2"/>
                                        </p:tgtEl>
                                        <p:attrNameLst>
                                          <p:attrName>style.visibility</p:attrName>
                                        </p:attrNameLst>
                                      </p:cBhvr>
                                      <p:to>
                                        <p:strVal val="visible"/>
                                      </p:to>
                                    </p:set>
                                    <p:animEffect filter="fade" transition="in">
                                      <p:cBhvr>
                                        <p:cTn dur="500" id="7"/>
                                        <p:tgtEl>
                                          <p:spTgt spid="2"/>
                                        </p:tgtEl>
                                      </p:cBhvr>
                                    </p:animEffect>
                                    <p:anim calcmode="lin" valueType="num">
                                      <p:cBhvr>
                                        <p:cTn dur="500" fill="hold" id="8"/>
                                        <p:tgtEl>
                                          <p:spTgt spid="2"/>
                                        </p:tgtEl>
                                        <p:attrNameLst>
                                          <p:attrName>ppt_x</p:attrName>
                                        </p:attrNameLst>
                                      </p:cBhvr>
                                      <p:tavLst>
                                        <p:tav tm="0">
                                          <p:val>
                                            <p:strVal val="#ppt_x"/>
                                          </p:val>
                                        </p:tav>
                                        <p:tav tm="100000">
                                          <p:val>
                                            <p:strVal val="#ppt_x"/>
                                          </p:val>
                                        </p:tav>
                                      </p:tavLst>
                                    </p:anim>
                                    <p:anim calcmode="lin" valueType="num">
                                      <p:cBhvr>
                                        <p:cTn dur="500" fill="hold" id="9"/>
                                        <p:tgtEl>
                                          <p:spTgt spid="2"/>
                                        </p:tgtEl>
                                        <p:attrNameLst>
                                          <p:attrName>ppt_y</p:attrName>
                                        </p:attrNameLst>
                                      </p:cBhvr>
                                      <p:tavLst>
                                        <p:tav tm="0">
                                          <p:val>
                                            <p:strVal val="#ppt_y+.1"/>
                                          </p:val>
                                        </p:tav>
                                        <p:tav tm="100000">
                                          <p:val>
                                            <p:strVal val="#ppt_y"/>
                                          </p:val>
                                        </p:tav>
                                      </p:tavLst>
                                    </p:anim>
                                  </p:childTnLst>
                                </p:cTn>
                              </p:par>
                            </p:childTnLst>
                          </p:cTn>
                        </p:par>
                        <p:par>
                          <p:cTn fill="hold" id="10" nodeType="afterGroup">
                            <p:stCondLst>
                              <p:cond delay="500"/>
                            </p:stCondLst>
                            <p:childTnLst>
                              <p:par>
                                <p:cTn fill="hold" id="11" nodeType="afterEffect" presetClass="entr" presetID="53" presetSubtype="0">
                                  <p:stCondLst>
                                    <p:cond delay="0"/>
                                  </p:stCondLst>
                                  <p:childTnLst>
                                    <p:set>
                                      <p:cBhvr>
                                        <p:cTn dur="1" fill="hold" id="12">
                                          <p:stCondLst>
                                            <p:cond delay="0"/>
                                          </p:stCondLst>
                                        </p:cTn>
                                        <p:tgtEl>
                                          <p:spTgt spid="6"/>
                                        </p:tgtEl>
                                        <p:attrNameLst>
                                          <p:attrName>style.visibility</p:attrName>
                                        </p:attrNameLst>
                                      </p:cBhvr>
                                      <p:to>
                                        <p:strVal val="visible"/>
                                      </p:to>
                                    </p:set>
                                    <p:anim calcmode="lin" valueType="num">
                                      <p:cBhvr>
                                        <p:cTn dur="500" fill="hold" id="13"/>
                                        <p:tgtEl>
                                          <p:spTgt spid="6"/>
                                        </p:tgtEl>
                                        <p:attrNameLst>
                                          <p:attrName>ppt_w</p:attrName>
                                        </p:attrNameLst>
                                      </p:cBhvr>
                                      <p:tavLst>
                                        <p:tav tm="0">
                                          <p:val>
                                            <p:fltVal val="0"/>
                                          </p:val>
                                        </p:tav>
                                        <p:tav tm="100000">
                                          <p:val>
                                            <p:strVal val="#ppt_w"/>
                                          </p:val>
                                        </p:tav>
                                      </p:tavLst>
                                    </p:anim>
                                    <p:anim calcmode="lin" valueType="num">
                                      <p:cBhvr>
                                        <p:cTn dur="500" fill="hold" id="14"/>
                                        <p:tgtEl>
                                          <p:spTgt spid="6"/>
                                        </p:tgtEl>
                                        <p:attrNameLst>
                                          <p:attrName>ppt_h</p:attrName>
                                        </p:attrNameLst>
                                      </p:cBhvr>
                                      <p:tavLst>
                                        <p:tav tm="0">
                                          <p:val>
                                            <p:fltVal val="0"/>
                                          </p:val>
                                        </p:tav>
                                        <p:tav tm="100000">
                                          <p:val>
                                            <p:strVal val="#ppt_h"/>
                                          </p:val>
                                        </p:tav>
                                      </p:tavLst>
                                    </p:anim>
                                    <p:animEffect filter="fade" transition="in">
                                      <p:cBhvr>
                                        <p:cTn dur="500" id="15"/>
                                        <p:tgtEl>
                                          <p:spTgt spid="6"/>
                                        </p:tgtEl>
                                      </p:cBhvr>
                                    </p:animEffect>
                                  </p:childTnLst>
                                </p:cTn>
                              </p:par>
                            </p:childTnLst>
                          </p:cTn>
                        </p:par>
                        <p:par>
                          <p:cTn fill="hold" id="16" nodeType="afterGroup">
                            <p:stCondLst>
                              <p:cond delay="1000"/>
                            </p:stCondLst>
                            <p:childTnLst>
                              <p:par>
                                <p:cTn fill="hold" id="17" nodeType="afterEffect" presetClass="entr" presetID="53" presetSubtype="0">
                                  <p:stCondLst>
                                    <p:cond delay="0"/>
                                  </p:stCondLst>
                                  <p:childTnLst>
                                    <p:set>
                                      <p:cBhvr>
                                        <p:cTn dur="1" fill="hold" id="18">
                                          <p:stCondLst>
                                            <p:cond delay="0"/>
                                          </p:stCondLst>
                                        </p:cTn>
                                        <p:tgtEl>
                                          <p:spTgt spid="13"/>
                                        </p:tgtEl>
                                        <p:attrNameLst>
                                          <p:attrName>style.visibility</p:attrName>
                                        </p:attrNameLst>
                                      </p:cBhvr>
                                      <p:to>
                                        <p:strVal val="visible"/>
                                      </p:to>
                                    </p:set>
                                    <p:anim calcmode="lin" valueType="num">
                                      <p:cBhvr>
                                        <p:cTn dur="500" fill="hold" id="19"/>
                                        <p:tgtEl>
                                          <p:spTgt spid="13"/>
                                        </p:tgtEl>
                                        <p:attrNameLst>
                                          <p:attrName>ppt_w</p:attrName>
                                        </p:attrNameLst>
                                      </p:cBhvr>
                                      <p:tavLst>
                                        <p:tav tm="0">
                                          <p:val>
                                            <p:fltVal val="0"/>
                                          </p:val>
                                        </p:tav>
                                        <p:tav tm="100000">
                                          <p:val>
                                            <p:strVal val="#ppt_w"/>
                                          </p:val>
                                        </p:tav>
                                      </p:tavLst>
                                    </p:anim>
                                    <p:anim calcmode="lin" valueType="num">
                                      <p:cBhvr>
                                        <p:cTn dur="500" fill="hold" id="20"/>
                                        <p:tgtEl>
                                          <p:spTgt spid="13"/>
                                        </p:tgtEl>
                                        <p:attrNameLst>
                                          <p:attrName>ppt_h</p:attrName>
                                        </p:attrNameLst>
                                      </p:cBhvr>
                                      <p:tavLst>
                                        <p:tav tm="0">
                                          <p:val>
                                            <p:fltVal val="0"/>
                                          </p:val>
                                        </p:tav>
                                        <p:tav tm="100000">
                                          <p:val>
                                            <p:strVal val="#ppt_h"/>
                                          </p:val>
                                        </p:tav>
                                      </p:tavLst>
                                    </p:anim>
                                    <p:animEffect filter="fade" transition="in">
                                      <p:cBhvr>
                                        <p:cTn dur="500" id="21"/>
                                        <p:tgtEl>
                                          <p:spTgt spid="13"/>
                                        </p:tgtEl>
                                      </p:cBhvr>
                                    </p:animEffect>
                                  </p:childTnLst>
                                </p:cTn>
                              </p:par>
                            </p:childTnLst>
                          </p:cTn>
                        </p:par>
                        <p:par>
                          <p:cTn fill="hold" id="22" nodeType="afterGroup">
                            <p:stCondLst>
                              <p:cond delay="1500"/>
                            </p:stCondLst>
                            <p:childTnLst>
                              <p:par>
                                <p:cTn fill="hold" id="23" nodeType="afterEffect" presetClass="entr" presetID="16" presetSubtype="21">
                                  <p:stCondLst>
                                    <p:cond delay="0"/>
                                  </p:stCondLst>
                                  <p:childTnLst>
                                    <p:set>
                                      <p:cBhvr>
                                        <p:cTn dur="1" fill="hold" id="24">
                                          <p:stCondLst>
                                            <p:cond delay="0"/>
                                          </p:stCondLst>
                                        </p:cTn>
                                        <p:tgtEl>
                                          <p:spTgt spid="25"/>
                                        </p:tgtEl>
                                        <p:attrNameLst>
                                          <p:attrName>style.visibility</p:attrName>
                                        </p:attrNameLst>
                                      </p:cBhvr>
                                      <p:to>
                                        <p:strVal val="visible"/>
                                      </p:to>
                                    </p:set>
                                    <p:animEffect filter="barn(inVertical)" transition="in">
                                      <p:cBhvr>
                                        <p:cTn dur="500" id="25"/>
                                        <p:tgtEl>
                                          <p:spTgt spid="25"/>
                                        </p:tgtEl>
                                      </p:cBhvr>
                                    </p:animEffect>
                                  </p:childTnLst>
                                </p:cTn>
                              </p:par>
                            </p:childTnLst>
                          </p:cTn>
                        </p:par>
                        <p:par>
                          <p:cTn fill="hold" id="26" nodeType="afterGroup">
                            <p:stCondLst>
                              <p:cond delay="2000"/>
                            </p:stCondLst>
                            <p:childTnLst>
                              <p:par>
                                <p:cTn fill="hold" grpId="0" id="27" nodeType="afterEffect" presetClass="entr" presetID="16" presetSubtype="37">
                                  <p:stCondLst>
                                    <p:cond delay="0"/>
                                  </p:stCondLst>
                                  <p:childTnLst>
                                    <p:set>
                                      <p:cBhvr>
                                        <p:cTn dur="1" fill="hold" id="28">
                                          <p:stCondLst>
                                            <p:cond delay="0"/>
                                          </p:stCondLst>
                                        </p:cTn>
                                        <p:tgtEl>
                                          <p:spTgt spid="26"/>
                                        </p:tgtEl>
                                        <p:attrNameLst>
                                          <p:attrName>style.visibility</p:attrName>
                                        </p:attrNameLst>
                                      </p:cBhvr>
                                      <p:to>
                                        <p:strVal val="visible"/>
                                      </p:to>
                                    </p:set>
                                    <p:animEffect filter="barn(outVertical)" transition="in">
                                      <p:cBhvr>
                                        <p:cTn dur="500" id="29"/>
                                        <p:tgtEl>
                                          <p:spTgt spid="26"/>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6"/>
    </p:bldLst>
  </p:timing>
</p:sld>
</file>

<file path=ppt/slides/slide31.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4061026" y="858939"/>
            <a:ext cx="1811337" cy="1223963"/>
            <a:chOff x="3553023" y="1062220"/>
            <a:chExt cx="1811337" cy="1223963"/>
          </a:xfrm>
        </p:grpSpPr>
        <p:sp>
          <p:nvSpPr>
            <p:cNvPr id="3" name="五边形 2"/>
            <p:cNvSpPr>
              <a:spLocks noChangeArrowheads="1"/>
            </p:cNvSpPr>
            <p:nvPr/>
          </p:nvSpPr>
          <p:spPr bwMode="auto">
            <a:xfrm rot="16200000">
              <a:off x="3846710" y="768533"/>
              <a:ext cx="1223963" cy="1811337"/>
            </a:xfrm>
            <a:prstGeom prst="homePlate">
              <a:avLst>
                <a:gd fmla="val 31028" name="adj"/>
              </a:avLst>
            </a:prstGeom>
            <a:solidFill>
              <a:schemeClr val="bg1">
                <a:lumMod val="75000"/>
              </a:schemeClr>
            </a:solidFill>
            <a:ln>
              <a:noFill/>
            </a:ln>
            <a:extLst/>
          </p:spPr>
          <p:txBody>
            <a:bodyPr anchor="ct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a:endParaRPr altLang="en-US" lang="zh-CN">
                <a:solidFill>
                  <a:srgbClr val="48B3CC"/>
                </a:solidFill>
                <a:ea charset="-122" panose="020b0503020204020204" pitchFamily="34" typeface="微软雅黑"/>
              </a:endParaRPr>
            </a:p>
          </p:txBody>
        </p:sp>
        <p:sp>
          <p:nvSpPr>
            <p:cNvPr id="4" name="TextBox 6"/>
            <p:cNvSpPr txBox="1">
              <a:spLocks noChangeArrowheads="1"/>
            </p:cNvSpPr>
            <p:nvPr/>
          </p:nvSpPr>
          <p:spPr bwMode="auto">
            <a:xfrm>
              <a:off x="3995935" y="1565458"/>
              <a:ext cx="1050925" cy="45720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eaLnBrk="1" hangingPunct="1"/>
              <a:r>
                <a:rPr lang="en-US" sz="2400">
                  <a:solidFill>
                    <a:srgbClr val="F8F8F8"/>
                  </a:solidFill>
                </a:rPr>
                <a:t>20%</a:t>
              </a:r>
            </a:p>
          </p:txBody>
        </p:sp>
      </p:grpSp>
      <p:grpSp>
        <p:nvGrpSpPr>
          <p:cNvPr id="5" name="组合 4"/>
          <p:cNvGrpSpPr/>
          <p:nvPr/>
        </p:nvGrpSpPr>
        <p:grpSpPr>
          <a:xfrm>
            <a:off x="4061026" y="2227364"/>
            <a:ext cx="1811337" cy="2360613"/>
            <a:chOff x="3553023" y="2430645"/>
            <a:chExt cx="1811337" cy="2360613"/>
          </a:xfrm>
        </p:grpSpPr>
        <p:sp>
          <p:nvSpPr>
            <p:cNvPr id="6" name="五边形 5"/>
            <p:cNvSpPr>
              <a:spLocks noChangeArrowheads="1"/>
            </p:cNvSpPr>
            <p:nvPr/>
          </p:nvSpPr>
          <p:spPr bwMode="auto">
            <a:xfrm rot="5400000">
              <a:off x="3278385" y="2705283"/>
              <a:ext cx="2360613" cy="1811337"/>
            </a:xfrm>
            <a:prstGeom prst="homePlate">
              <a:avLst>
                <a:gd fmla="val 27573" name="adj"/>
              </a:avLst>
            </a:prstGeom>
            <a:solidFill>
              <a:srgbClr val="00544A"/>
            </a:solidFill>
            <a:ln>
              <a:noFill/>
            </a:ln>
            <a:extLst/>
          </p:spPr>
          <p:txBody>
            <a:bodyPr anchor="ctr" wrap="none"/>
            <a:lstStyle/>
            <a:p>
              <a:pPr fontAlgn="base">
                <a:spcBef>
                  <a:spcPct val="0"/>
                </a:spcBef>
                <a:spcAft>
                  <a:spcPct val="0"/>
                </a:spcAft>
              </a:pPr>
              <a:endParaRPr altLang="en-US" kern="0" lang="zh-CN">
                <a:solidFill>
                  <a:srgbClr val="000000"/>
                </a:solidFill>
                <a:latin charset="0" pitchFamily="34" typeface="Arial"/>
                <a:ea charset="-122" pitchFamily="2" typeface="华文细黑"/>
              </a:endParaRPr>
            </a:p>
          </p:txBody>
        </p:sp>
        <p:sp>
          <p:nvSpPr>
            <p:cNvPr id="7" name="TextBox 8"/>
            <p:cNvSpPr txBox="1">
              <a:spLocks noChangeArrowheads="1"/>
            </p:cNvSpPr>
            <p:nvPr/>
          </p:nvSpPr>
          <p:spPr bwMode="auto">
            <a:xfrm>
              <a:off x="3934023" y="2689409"/>
              <a:ext cx="1049337" cy="45720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eaLnBrk="1" hangingPunct="1"/>
              <a:r>
                <a:rPr lang="en-US" sz="2400">
                  <a:solidFill>
                    <a:srgbClr val="F8F8F8"/>
                  </a:solidFill>
                </a:rPr>
                <a:t>80%</a:t>
              </a:r>
            </a:p>
          </p:txBody>
        </p:sp>
        <p:sp>
          <p:nvSpPr>
            <p:cNvPr id="8" name="矩形 7"/>
            <p:cNvSpPr>
              <a:spLocks noChangeArrowheads="1"/>
            </p:cNvSpPr>
            <p:nvPr/>
          </p:nvSpPr>
          <p:spPr bwMode="auto">
            <a:xfrm>
              <a:off x="3553023" y="3286308"/>
              <a:ext cx="1811337" cy="57912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a:r>
                <a:rPr altLang="en-US" lang="zh-CN" sz="1600">
                  <a:solidFill>
                    <a:srgbClr val="F8F8F8"/>
                  </a:solidFill>
                  <a:latin charset="-122" panose="020b0503020204020204" pitchFamily="34" typeface="微软雅黑"/>
                  <a:ea charset="-122" panose="020b0503020204020204" pitchFamily="34" typeface="微软雅黑"/>
                </a:rPr>
                <a:t>单击此处添加文本</a:t>
              </a:r>
            </a:p>
            <a:p>
              <a:pPr algn="ctr"/>
              <a:r>
                <a:rPr altLang="en-US" lang="zh-CN" sz="1600">
                  <a:solidFill>
                    <a:srgbClr val="F8F8F8"/>
                  </a:solidFill>
                  <a:latin charset="-122" panose="020b0503020204020204" pitchFamily="34" typeface="微软雅黑"/>
                  <a:ea charset="-122" panose="020b0503020204020204" pitchFamily="34" typeface="微软雅黑"/>
                </a:rPr>
                <a:t>单击此处添加文本</a:t>
              </a:r>
            </a:p>
          </p:txBody>
        </p:sp>
      </p:grpSp>
      <p:grpSp>
        <p:nvGrpSpPr>
          <p:cNvPr id="9" name="组合 8"/>
          <p:cNvGrpSpPr/>
          <p:nvPr/>
        </p:nvGrpSpPr>
        <p:grpSpPr>
          <a:xfrm>
            <a:off x="1292423" y="1228827"/>
            <a:ext cx="2254250" cy="409575"/>
            <a:chOff x="784423" y="1432108"/>
            <a:chExt cx="2254250" cy="409575"/>
          </a:xfrm>
        </p:grpSpPr>
        <p:sp>
          <p:nvSpPr>
            <p:cNvPr id="10" name="矩形 3"/>
            <p:cNvSpPr/>
            <p:nvPr/>
          </p:nvSpPr>
          <p:spPr bwMode="auto">
            <a:xfrm flipH="1" flipV="1" rot="5400000">
              <a:off x="1706760" y="509771"/>
              <a:ext cx="409575" cy="2254250"/>
            </a:xfrm>
            <a:custGeom>
              <a:gdLst>
                <a:gd fmla="*/ 280750 w 280750" name="T0"/>
                <a:gd fmla="*/ 1391049 h 1542591" name="T1"/>
                <a:gd fmla="*/ 280750 w 280750" name="T2"/>
                <a:gd fmla="*/ 151543 h 1542591" name="T3"/>
                <a:gd fmla="*/ 280733 w 280750" name="T4"/>
                <a:gd fmla="*/ 151543 h 1542591" name="T5"/>
                <a:gd fmla="*/ 280591 w 280750" name="T6"/>
                <a:gd fmla="*/ 0 h 1542591" name="T7"/>
                <a:gd fmla="*/ 140374 w 280750" name="T8"/>
                <a:gd fmla="*/ 102981 h 1542591" name="T9"/>
                <a:gd fmla="*/ 158 w 280750" name="T10"/>
                <a:gd fmla="*/ 0 h 1542591" name="T11"/>
                <a:gd fmla="*/ 158 w 280750" name="T12"/>
                <a:gd fmla="*/ 151543 h 1542591" name="T13"/>
                <a:gd fmla="*/ 0 w 280750" name="T14"/>
                <a:gd fmla="*/ 151543 h 1542591" name="T15"/>
                <a:gd fmla="*/ 0 w 280750" name="T16"/>
                <a:gd fmla="*/ 1391049 h 1542591" name="T17"/>
                <a:gd fmla="*/ 158 w 280750" name="T18"/>
                <a:gd fmla="*/ 1391049 h 1542591" name="T19"/>
                <a:gd fmla="*/ 158 w 280750" name="T20"/>
                <a:gd fmla="*/ 1436588 h 1542591" name="T21"/>
                <a:gd fmla="*/ 138730 w 280750" name="T22"/>
                <a:gd fmla="*/ 1542591 h 1542591" name="T23"/>
                <a:gd fmla="*/ 280591 w 280750" name="T24"/>
                <a:gd fmla="*/ 1444187 h 1542591" name="T25"/>
                <a:gd fmla="*/ 280745 w 280750" name="T26"/>
                <a:gd fmla="*/ 1395154 h 1542591" name="T27"/>
                <a:gd fmla="*/ 280733 w 280750" name="T28"/>
                <a:gd fmla="*/ 1391049 h 1542591" name="T29"/>
                <a:gd fmla="*/ 280750 w 280750" name="T30"/>
                <a:gd fmla="*/ 1391049 h 1542591" name="T3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b="b" l="0" r="r" t="0"/>
              <a:pathLst>
                <a:path h="1542591" w="280750">
                  <a:moveTo>
                    <a:pt x="280750" y="1391049"/>
                  </a:moveTo>
                  <a:lnTo>
                    <a:pt x="280750" y="151543"/>
                  </a:lnTo>
                  <a:lnTo>
                    <a:pt x="280733" y="151543"/>
                  </a:lnTo>
                  <a:cubicBezTo>
                    <a:pt x="280668" y="100709"/>
                    <a:pt x="280191" y="44276"/>
                    <a:pt x="280591" y="0"/>
                  </a:cubicBezTo>
                  <a:lnTo>
                    <a:pt x="140374" y="102981"/>
                  </a:lnTo>
                  <a:lnTo>
                    <a:pt x="158" y="0"/>
                  </a:lnTo>
                  <a:lnTo>
                    <a:pt x="158" y="151543"/>
                  </a:lnTo>
                  <a:lnTo>
                    <a:pt x="0" y="151543"/>
                  </a:lnTo>
                  <a:lnTo>
                    <a:pt x="0" y="1391049"/>
                  </a:lnTo>
                  <a:lnTo>
                    <a:pt x="158" y="1391049"/>
                  </a:lnTo>
                  <a:lnTo>
                    <a:pt x="158" y="1436588"/>
                  </a:lnTo>
                  <a:lnTo>
                    <a:pt x="138730" y="1542591"/>
                  </a:lnTo>
                  <a:lnTo>
                    <a:pt x="280591" y="1444187"/>
                  </a:lnTo>
                  <a:cubicBezTo>
                    <a:pt x="280728" y="1429030"/>
                    <a:pt x="280763" y="1412448"/>
                    <a:pt x="280745" y="1395154"/>
                  </a:cubicBezTo>
                  <a:lnTo>
                    <a:pt x="280733" y="1391049"/>
                  </a:lnTo>
                  <a:lnTo>
                    <a:pt x="280750" y="1391049"/>
                  </a:lnTo>
                  <a:close/>
                </a:path>
              </a:pathLst>
            </a:custGeom>
            <a:solidFill>
              <a:srgbClr val="00544A"/>
            </a:solidFill>
            <a:ln>
              <a:noFill/>
            </a:ln>
            <a:extLst/>
          </p:spPr>
          <p:txBody>
            <a:bodyPr anchor="ctr" wrap="none"/>
            <a:lstStyle/>
            <a:p>
              <a:pPr fontAlgn="base">
                <a:spcBef>
                  <a:spcPct val="0"/>
                </a:spcBef>
                <a:spcAft>
                  <a:spcPct val="0"/>
                </a:spcAft>
              </a:pPr>
              <a:endParaRPr altLang="en-US" kern="0" lang="zh-CN">
                <a:solidFill>
                  <a:srgbClr val="000000"/>
                </a:solidFill>
                <a:latin charset="0" pitchFamily="34" typeface="Arial"/>
                <a:ea charset="-122" pitchFamily="2" typeface="华文细黑"/>
              </a:endParaRPr>
            </a:p>
          </p:txBody>
        </p:sp>
        <p:sp>
          <p:nvSpPr>
            <p:cNvPr id="11" name="TextBox 11"/>
            <p:cNvSpPr txBox="1">
              <a:spLocks noChangeArrowheads="1"/>
            </p:cNvSpPr>
            <p:nvPr/>
          </p:nvSpPr>
          <p:spPr bwMode="auto">
            <a:xfrm>
              <a:off x="828873" y="1468620"/>
              <a:ext cx="2108200" cy="36576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eaLnBrk="1" hangingPunct="1"/>
              <a:r>
                <a:rPr altLang="en-US" b="1" lang="zh-CN">
                  <a:solidFill>
                    <a:srgbClr val="F8F8F8"/>
                  </a:solidFill>
                  <a:latin charset="-122" panose="020b0503020204020204" pitchFamily="34" typeface="微软雅黑"/>
                  <a:ea charset="-122" panose="020b0503020204020204" pitchFamily="34" typeface="微软雅黑"/>
                </a:rPr>
                <a:t>单击添加标题</a:t>
              </a:r>
            </a:p>
          </p:txBody>
        </p:sp>
      </p:grpSp>
      <p:sp>
        <p:nvSpPr>
          <p:cNvPr id="12" name="矩形 11"/>
          <p:cNvSpPr>
            <a:spLocks noChangeArrowheads="1"/>
          </p:cNvSpPr>
          <p:nvPr/>
        </p:nvSpPr>
        <p:spPr bwMode="auto">
          <a:xfrm>
            <a:off x="1263848" y="1790802"/>
            <a:ext cx="2252662" cy="228600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endParaRPr altLang="en-US" lang="zh-CN" sz="1600">
              <a:latin charset="-122" panose="020b0503020204020204" pitchFamily="34" typeface="微软雅黑"/>
              <a:ea charset="-122" panose="020b0503020204020204" pitchFamily="34" typeface="微软雅黑"/>
            </a:endParaRP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p:txBody>
      </p:sp>
      <p:sp>
        <p:nvSpPr>
          <p:cNvPr id="13" name="矩形 12"/>
          <p:cNvSpPr>
            <a:spLocks noChangeArrowheads="1"/>
          </p:cNvSpPr>
          <p:nvPr/>
        </p:nvSpPr>
        <p:spPr bwMode="auto">
          <a:xfrm>
            <a:off x="6223199" y="1203427"/>
            <a:ext cx="2252662" cy="228600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endParaRPr altLang="en-US" lang="zh-CN" sz="1600">
              <a:latin charset="-122" panose="020b0503020204020204" pitchFamily="34" typeface="微软雅黑"/>
              <a:ea charset="-122" panose="020b0503020204020204" pitchFamily="34" typeface="微软雅黑"/>
            </a:endParaRP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a:p>
            <a:pPr algn="ctr"/>
            <a:r>
              <a:rPr altLang="en-US" lang="zh-CN" sz="1600">
                <a:latin charset="-122" panose="020b0503020204020204" pitchFamily="34" typeface="微软雅黑"/>
                <a:ea charset="-122" panose="020b0503020204020204" pitchFamily="34" typeface="微软雅黑"/>
              </a:rPr>
              <a:t>单击此处添加文本</a:t>
            </a:r>
          </a:p>
        </p:txBody>
      </p:sp>
      <p:sp>
        <p:nvSpPr>
          <p:cNvPr id="14" name="TextBox 20"/>
          <p:cNvSpPr txBox="1">
            <a:spLocks noChangeArrowheads="1"/>
          </p:cNvSpPr>
          <p:nvPr/>
        </p:nvSpPr>
        <p:spPr bwMode="auto">
          <a:xfrm>
            <a:off x="6294635" y="3667227"/>
            <a:ext cx="2109788" cy="36576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eaLnBrk="1" hangingPunct="1"/>
            <a:r>
              <a:rPr altLang="en-US" b="1" lang="zh-CN">
                <a:latin charset="-122" panose="020b0503020204020204" pitchFamily="34" typeface="微软雅黑"/>
                <a:ea charset="-122" panose="020b0503020204020204" pitchFamily="34" typeface="微软雅黑"/>
              </a:rPr>
              <a:t>单击添加标题</a:t>
            </a:r>
          </a:p>
        </p:txBody>
      </p:sp>
    </p:spTree>
    <p:extLst>
      <p:ext uri="{BB962C8B-B14F-4D97-AF65-F5344CB8AC3E}">
        <p14:creationId val="3157119494"/>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 presetSubtype="8">
                                  <p:stCondLst>
                                    <p:cond delay="0"/>
                                  </p:stCondLst>
                                  <p:childTnLst>
                                    <p:set>
                                      <p:cBhvr>
                                        <p:cTn dur="1" fill="hold" id="6">
                                          <p:stCondLst>
                                            <p:cond delay="0"/>
                                          </p:stCondLst>
                                        </p:cTn>
                                        <p:tgtEl>
                                          <p:spTgt spid="9"/>
                                        </p:tgtEl>
                                        <p:attrNameLst>
                                          <p:attrName>style.visibility</p:attrName>
                                        </p:attrNameLst>
                                      </p:cBhvr>
                                      <p:to>
                                        <p:strVal val="visible"/>
                                      </p:to>
                                    </p:set>
                                    <p:anim calcmode="lin" valueType="num">
                                      <p:cBhvr additive="base">
                                        <p:cTn dur="500" fill="hold" id="7"/>
                                        <p:tgtEl>
                                          <p:spTgt spid="9"/>
                                        </p:tgtEl>
                                        <p:attrNameLst>
                                          <p:attrName>ppt_x</p:attrName>
                                        </p:attrNameLst>
                                      </p:cBhvr>
                                      <p:tavLst>
                                        <p:tav tm="0">
                                          <p:val>
                                            <p:strVal val="0-#ppt_w/2"/>
                                          </p:val>
                                        </p:tav>
                                        <p:tav tm="100000">
                                          <p:val>
                                            <p:strVal val="#ppt_x"/>
                                          </p:val>
                                        </p:tav>
                                      </p:tavLst>
                                    </p:anim>
                                    <p:anim calcmode="lin" valueType="num">
                                      <p:cBhvr additive="base">
                                        <p:cTn dur="500" fill="hold" id="8"/>
                                        <p:tgtEl>
                                          <p:spTgt spid="9"/>
                                        </p:tgtEl>
                                        <p:attrNameLst>
                                          <p:attrName>ppt_y</p:attrName>
                                        </p:attrNameLst>
                                      </p:cBhvr>
                                      <p:tavLst>
                                        <p:tav tm="0">
                                          <p:val>
                                            <p:strVal val="#ppt_y"/>
                                          </p:val>
                                        </p:tav>
                                        <p:tav tm="100000">
                                          <p:val>
                                            <p:strVal val="#ppt_y"/>
                                          </p:val>
                                        </p:tav>
                                      </p:tavLst>
                                    </p:anim>
                                  </p:childTnLst>
                                </p:cTn>
                              </p:par>
                            </p:childTnLst>
                          </p:cTn>
                        </p:par>
                        <p:par>
                          <p:cTn fill="hold" id="9" nodeType="afterGroup">
                            <p:stCondLst>
                              <p:cond delay="500"/>
                            </p:stCondLst>
                            <p:childTnLst>
                              <p:par>
                                <p:cTn fill="hold" grpId="0" id="10" nodeType="afterEffect" presetClass="entr" presetID="12" presetSubtype="4">
                                  <p:stCondLst>
                                    <p:cond delay="0"/>
                                  </p:stCondLst>
                                  <p:childTnLst>
                                    <p:set>
                                      <p:cBhvr>
                                        <p:cTn dur="1" fill="hold" id="11">
                                          <p:stCondLst>
                                            <p:cond delay="0"/>
                                          </p:stCondLst>
                                        </p:cTn>
                                        <p:tgtEl>
                                          <p:spTgt spid="12"/>
                                        </p:tgtEl>
                                        <p:attrNameLst>
                                          <p:attrName>style.visibility</p:attrName>
                                        </p:attrNameLst>
                                      </p:cBhvr>
                                      <p:to>
                                        <p:strVal val="visible"/>
                                      </p:to>
                                    </p:set>
                                    <p:anim calcmode="lin" valueType="num">
                                      <p:cBhvr additive="base">
                                        <p:cTn dur="500" id="12"/>
                                        <p:tgtEl>
                                          <p:spTgt spid="12"/>
                                        </p:tgtEl>
                                        <p:attrNameLst>
                                          <p:attrName>ppt_y</p:attrName>
                                        </p:attrNameLst>
                                      </p:cBhvr>
                                      <p:tavLst>
                                        <p:tav tm="0">
                                          <p:val>
                                            <p:strVal val="#ppt_y+#ppt_h*1.125000"/>
                                          </p:val>
                                        </p:tav>
                                        <p:tav tm="100000">
                                          <p:val>
                                            <p:strVal val="#ppt_y"/>
                                          </p:val>
                                        </p:tav>
                                      </p:tavLst>
                                    </p:anim>
                                    <p:animEffect filter="wipe(up)" transition="in">
                                      <p:cBhvr>
                                        <p:cTn dur="500" id="13"/>
                                        <p:tgtEl>
                                          <p:spTgt spid="12"/>
                                        </p:tgtEl>
                                      </p:cBhvr>
                                    </p:animEffect>
                                  </p:childTnLst>
                                </p:cTn>
                              </p:par>
                            </p:childTnLst>
                          </p:cTn>
                        </p:par>
                        <p:par>
                          <p:cTn fill="hold" id="14" nodeType="afterGroup">
                            <p:stCondLst>
                              <p:cond delay="1000"/>
                            </p:stCondLst>
                            <p:childTnLst>
                              <p:par>
                                <p:cTn fill="hold" id="15" nodeType="afterEffect" presetClass="entr" presetID="10" presetSubtype="0">
                                  <p:stCondLst>
                                    <p:cond delay="0"/>
                                  </p:stCondLst>
                                  <p:childTnLst>
                                    <p:set>
                                      <p:cBhvr>
                                        <p:cTn dur="1" fill="hold" id="16">
                                          <p:stCondLst>
                                            <p:cond delay="0"/>
                                          </p:stCondLst>
                                        </p:cTn>
                                        <p:tgtEl>
                                          <p:spTgt spid="2"/>
                                        </p:tgtEl>
                                        <p:attrNameLst>
                                          <p:attrName>style.visibility</p:attrName>
                                        </p:attrNameLst>
                                      </p:cBhvr>
                                      <p:to>
                                        <p:strVal val="visible"/>
                                      </p:to>
                                    </p:set>
                                    <p:animEffect filter="fade" transition="in">
                                      <p:cBhvr>
                                        <p:cTn dur="500" id="17"/>
                                        <p:tgtEl>
                                          <p:spTgt spid="2"/>
                                        </p:tgtEl>
                                      </p:cBhvr>
                                    </p:animEffect>
                                  </p:childTnLst>
                                </p:cTn>
                              </p:par>
                            </p:childTnLst>
                          </p:cTn>
                        </p:par>
                        <p:par>
                          <p:cTn fill="hold" id="18" nodeType="afterGroup">
                            <p:stCondLst>
                              <p:cond delay="1500"/>
                            </p:stCondLst>
                            <p:childTnLst>
                              <p:par>
                                <p:cTn fill="hold" id="19" nodeType="afterEffect" presetClass="entr" presetID="10" presetSubtype="0">
                                  <p:stCondLst>
                                    <p:cond delay="0"/>
                                  </p:stCondLst>
                                  <p:childTnLst>
                                    <p:set>
                                      <p:cBhvr>
                                        <p:cTn dur="1" fill="hold" id="20">
                                          <p:stCondLst>
                                            <p:cond delay="0"/>
                                          </p:stCondLst>
                                        </p:cTn>
                                        <p:tgtEl>
                                          <p:spTgt spid="5"/>
                                        </p:tgtEl>
                                        <p:attrNameLst>
                                          <p:attrName>style.visibility</p:attrName>
                                        </p:attrNameLst>
                                      </p:cBhvr>
                                      <p:to>
                                        <p:strVal val="visible"/>
                                      </p:to>
                                    </p:set>
                                    <p:animEffect filter="fade" transition="in">
                                      <p:cBhvr>
                                        <p:cTn dur="500" id="21"/>
                                        <p:tgtEl>
                                          <p:spTgt spid="5"/>
                                        </p:tgtEl>
                                      </p:cBhvr>
                                    </p:animEffect>
                                  </p:childTnLst>
                                </p:cTn>
                              </p:par>
                            </p:childTnLst>
                          </p:cTn>
                        </p:par>
                        <p:par>
                          <p:cTn fill="hold" id="22" nodeType="afterGroup">
                            <p:stCondLst>
                              <p:cond delay="2000"/>
                            </p:stCondLst>
                            <p:childTnLst>
                              <p:par>
                                <p:cTn fill="hold" grpId="0" id="23" nodeType="afterEffect" presetClass="entr" presetID="2" presetSubtype="2">
                                  <p:stCondLst>
                                    <p:cond delay="0"/>
                                  </p:stCondLst>
                                  <p:childTnLst>
                                    <p:set>
                                      <p:cBhvr>
                                        <p:cTn dur="1" fill="hold" id="24">
                                          <p:stCondLst>
                                            <p:cond delay="0"/>
                                          </p:stCondLst>
                                        </p:cTn>
                                        <p:tgtEl>
                                          <p:spTgt spid="14"/>
                                        </p:tgtEl>
                                        <p:attrNameLst>
                                          <p:attrName>style.visibility</p:attrName>
                                        </p:attrNameLst>
                                      </p:cBhvr>
                                      <p:to>
                                        <p:strVal val="visible"/>
                                      </p:to>
                                    </p:set>
                                    <p:anim calcmode="lin" valueType="num">
                                      <p:cBhvr additive="base">
                                        <p:cTn dur="500" fill="hold" id="25"/>
                                        <p:tgtEl>
                                          <p:spTgt spid="14"/>
                                        </p:tgtEl>
                                        <p:attrNameLst>
                                          <p:attrName>ppt_x</p:attrName>
                                        </p:attrNameLst>
                                      </p:cBhvr>
                                      <p:tavLst>
                                        <p:tav tm="0">
                                          <p:val>
                                            <p:strVal val="1+#ppt_w/2"/>
                                          </p:val>
                                        </p:tav>
                                        <p:tav tm="100000">
                                          <p:val>
                                            <p:strVal val="#ppt_x"/>
                                          </p:val>
                                        </p:tav>
                                      </p:tavLst>
                                    </p:anim>
                                    <p:anim calcmode="lin" valueType="num">
                                      <p:cBhvr additive="base">
                                        <p:cTn dur="500" fill="hold" id="26"/>
                                        <p:tgtEl>
                                          <p:spTgt spid="14"/>
                                        </p:tgtEl>
                                        <p:attrNameLst>
                                          <p:attrName>ppt_y</p:attrName>
                                        </p:attrNameLst>
                                      </p:cBhvr>
                                      <p:tavLst>
                                        <p:tav tm="0">
                                          <p:val>
                                            <p:strVal val="#ppt_y"/>
                                          </p:val>
                                        </p:tav>
                                        <p:tav tm="100000">
                                          <p:val>
                                            <p:strVal val="#ppt_y"/>
                                          </p:val>
                                        </p:tav>
                                      </p:tavLst>
                                    </p:anim>
                                  </p:childTnLst>
                                </p:cTn>
                              </p:par>
                            </p:childTnLst>
                          </p:cTn>
                        </p:par>
                        <p:par>
                          <p:cTn fill="hold" id="27" nodeType="afterGroup">
                            <p:stCondLst>
                              <p:cond delay="2500"/>
                            </p:stCondLst>
                            <p:childTnLst>
                              <p:par>
                                <p:cTn fill="hold" grpId="0" id="28" nodeType="afterEffect" presetClass="entr" presetID="12" presetSubtype="4">
                                  <p:stCondLst>
                                    <p:cond delay="0"/>
                                  </p:stCondLst>
                                  <p:childTnLst>
                                    <p:set>
                                      <p:cBhvr>
                                        <p:cTn dur="1" fill="hold" id="29">
                                          <p:stCondLst>
                                            <p:cond delay="0"/>
                                          </p:stCondLst>
                                        </p:cTn>
                                        <p:tgtEl>
                                          <p:spTgt spid="13"/>
                                        </p:tgtEl>
                                        <p:attrNameLst>
                                          <p:attrName>style.visibility</p:attrName>
                                        </p:attrNameLst>
                                      </p:cBhvr>
                                      <p:to>
                                        <p:strVal val="visible"/>
                                      </p:to>
                                    </p:set>
                                    <p:anim calcmode="lin" valueType="num">
                                      <p:cBhvr additive="base">
                                        <p:cTn dur="500" id="30"/>
                                        <p:tgtEl>
                                          <p:spTgt spid="13"/>
                                        </p:tgtEl>
                                        <p:attrNameLst>
                                          <p:attrName>ppt_y</p:attrName>
                                        </p:attrNameLst>
                                      </p:cBhvr>
                                      <p:tavLst>
                                        <p:tav tm="0">
                                          <p:val>
                                            <p:strVal val="#ppt_y+#ppt_h*1.125000"/>
                                          </p:val>
                                        </p:tav>
                                        <p:tav tm="100000">
                                          <p:val>
                                            <p:strVal val="#ppt_y"/>
                                          </p:val>
                                        </p:tav>
                                      </p:tavLst>
                                    </p:anim>
                                    <p:animEffect filter="wipe(up)" transition="in">
                                      <p:cBhvr>
                                        <p:cTn dur="500" id="31"/>
                                        <p:tgtEl>
                                          <p:spTgt spid="13"/>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12"/>
      <p:bldP grpId="0" spid="13"/>
      <p:bldP grpId="0" spid="14"/>
    </p:bldLst>
  </p:timing>
</p:sld>
</file>

<file path=ppt/slides/slide32.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pic>
        <p:nvPicPr>
          <p:cNvPr id="2" name="图片 1"/>
          <p:cNvPicPr>
            <a:picLocks noChangeAspect="1"/>
          </p:cNvPicPr>
          <p:nvPr/>
        </p:nvPicPr>
        <p:blipFill>
          <a:blip r:embed="rId3">
            <a:duotone>
              <a:prstClr val="black"/>
              <a:schemeClr val="accent2">
                <a:tint val="45000"/>
                <a:satMod val="400000"/>
              </a:schemeClr>
            </a:duotone>
            <a:extLst>
              <a:ext uri="{28A0092B-C50C-407E-A947-70E740481C1C}">
                <a14:useLocalDpi val="0"/>
              </a:ext>
            </a:extLst>
          </a:blip>
          <a:srcRect b="13465"/>
          <a:stretch>
            <a:fillRect/>
          </a:stretch>
        </p:blipFill>
        <p:spPr>
          <a:xfrm>
            <a:off x="2847752" y="912920"/>
            <a:ext cx="4284312" cy="1944580"/>
          </a:xfrm>
          <a:prstGeom prst="rect">
            <a:avLst/>
          </a:prstGeom>
        </p:spPr>
      </p:pic>
      <p:grpSp>
        <p:nvGrpSpPr>
          <p:cNvPr id="3" name="组合 2"/>
          <p:cNvGrpSpPr/>
          <p:nvPr/>
        </p:nvGrpSpPr>
        <p:grpSpPr>
          <a:xfrm>
            <a:off x="2847752" y="3289548"/>
            <a:ext cx="4374324" cy="641872"/>
            <a:chOff x="2339752" y="3253723"/>
            <a:chExt cx="4374324" cy="748260"/>
          </a:xfrm>
          <a:solidFill>
            <a:srgbClr val="00544A"/>
          </a:solidFill>
        </p:grpSpPr>
        <p:grpSp>
          <p:nvGrpSpPr>
            <p:cNvPr id="4" name="组合 3"/>
            <p:cNvGrpSpPr/>
            <p:nvPr/>
          </p:nvGrpSpPr>
          <p:grpSpPr>
            <a:xfrm>
              <a:off x="2339752" y="3284933"/>
              <a:ext cx="607361" cy="717050"/>
              <a:chOff x="3710964" y="4592500"/>
              <a:chExt cx="607361" cy="812816"/>
            </a:xfrm>
            <a:grpFill/>
          </p:grpSpPr>
          <p:sp>
            <p:nvSpPr>
              <p:cNvPr id="35" name="Freeform 57"/>
              <p:cNvSpPr/>
              <p:nvPr/>
            </p:nvSpPr>
            <p:spPr bwMode="auto">
              <a:xfrm>
                <a:off x="3710964" y="5002303"/>
                <a:ext cx="184731" cy="376792"/>
              </a:xfrm>
              <a:custGeom>
                <a:gdLst>
                  <a:gd fmla="*/ 159 w 211" name="T0"/>
                  <a:gd fmla="*/ 465 h 493" name="T1"/>
                  <a:gd fmla="*/ 159 w 211" name="T2"/>
                  <a:gd fmla="*/ 81 h 493" name="T3"/>
                  <a:gd fmla="*/ 165 w 211" name="T4"/>
                  <a:gd fmla="*/ 69 h 493" name="T5"/>
                  <a:gd fmla="*/ 174 w 211" name="T6"/>
                  <a:gd fmla="*/ 78 h 493" name="T7"/>
                  <a:gd fmla="*/ 174 w 211" name="T8"/>
                  <a:gd fmla="*/ 219 h 493" name="T9"/>
                  <a:gd fmla="*/ 174 w 211" name="T10"/>
                  <a:gd fmla="*/ 231 h 493" name="T11"/>
                  <a:gd fmla="*/ 180 w 211" name="T12"/>
                  <a:gd fmla="*/ 237 h 493" name="T13"/>
                  <a:gd fmla="*/ 189 w 211" name="T14"/>
                  <a:gd fmla="*/ 243 h 493" name="T15"/>
                  <a:gd fmla="*/ 201 w 211" name="T16"/>
                  <a:gd fmla="*/ 240 h 493" name="T17"/>
                  <a:gd fmla="*/ 207 w 211" name="T18"/>
                  <a:gd fmla="*/ 231 h 493" name="T19"/>
                  <a:gd fmla="*/ 210 w 211" name="T20"/>
                  <a:gd fmla="*/ 216 h 493" name="T21"/>
                  <a:gd fmla="*/ 210 w 211" name="T22"/>
                  <a:gd fmla="*/ 54 h 493" name="T23"/>
                  <a:gd fmla="*/ 204 w 211" name="T24"/>
                  <a:gd fmla="*/ 36 h 493" name="T25"/>
                  <a:gd fmla="*/ 192 w 211" name="T26"/>
                  <a:gd fmla="*/ 21 h 493" name="T27"/>
                  <a:gd fmla="*/ 168 w 211" name="T28"/>
                  <a:gd fmla="*/ 6 h 493" name="T29"/>
                  <a:gd fmla="*/ 138 w 211" name="T30"/>
                  <a:gd fmla="*/ 0 h 493" name="T31"/>
                  <a:gd fmla="*/ 72 w 211" name="T32"/>
                  <a:gd fmla="*/ 0 h 493" name="T33"/>
                  <a:gd fmla="*/ 48 w 211" name="T34"/>
                  <a:gd fmla="*/ 3 h 493" name="T35"/>
                  <a:gd fmla="*/ 24 w 211" name="T36"/>
                  <a:gd fmla="*/ 15 h 493" name="T37"/>
                  <a:gd fmla="*/ 6 w 211" name="T38"/>
                  <a:gd fmla="*/ 33 h 493" name="T39"/>
                  <a:gd fmla="*/ 0 w 211" name="T40"/>
                  <a:gd fmla="*/ 57 h 493" name="T41"/>
                  <a:gd fmla="*/ 0 w 211" name="T42"/>
                  <a:gd fmla="*/ 219 h 493" name="T43"/>
                  <a:gd fmla="*/ 3 w 211" name="T44"/>
                  <a:gd fmla="*/ 234 h 493" name="T45"/>
                  <a:gd fmla="*/ 9 w 211" name="T46"/>
                  <a:gd fmla="*/ 246 h 493" name="T47"/>
                  <a:gd fmla="*/ 21 w 211" name="T48"/>
                  <a:gd fmla="*/ 249 h 493" name="T49"/>
                  <a:gd fmla="*/ 30 w 211" name="T50"/>
                  <a:gd fmla="*/ 243 h 493" name="T51"/>
                  <a:gd fmla="*/ 33 w 211" name="T52"/>
                  <a:gd fmla="*/ 234 h 493" name="T53"/>
                  <a:gd fmla="*/ 36 w 211" name="T54"/>
                  <a:gd fmla="*/ 219 h 493" name="T55"/>
                  <a:gd fmla="*/ 36 w 211" name="T56"/>
                  <a:gd fmla="*/ 78 h 493" name="T57"/>
                  <a:gd fmla="*/ 42 w 211" name="T58"/>
                  <a:gd fmla="*/ 69 h 493" name="T59"/>
                  <a:gd fmla="*/ 51 w 211" name="T60"/>
                  <a:gd fmla="*/ 81 h 493" name="T61"/>
                  <a:gd fmla="*/ 51 w 211" name="T62"/>
                  <a:gd fmla="*/ 465 h 493" name="T63"/>
                  <a:gd fmla="*/ 54 w 211" name="T64"/>
                  <a:gd fmla="*/ 480 h 493" name="T65"/>
                  <a:gd fmla="*/ 63 w 211" name="T66"/>
                  <a:gd fmla="*/ 489 h 493" name="T67"/>
                  <a:gd fmla="*/ 75 w 211" name="T68"/>
                  <a:gd fmla="*/ 492 h 493" name="T69"/>
                  <a:gd fmla="*/ 90 w 211" name="T70"/>
                  <a:gd fmla="*/ 489 h 493" name="T71"/>
                  <a:gd fmla="*/ 96 w 211" name="T72"/>
                  <a:gd fmla="*/ 483 h 493" name="T73"/>
                  <a:gd fmla="*/ 99 w 211" name="T74"/>
                  <a:gd fmla="*/ 465 h 493" name="T75"/>
                  <a:gd fmla="*/ 99 w 211" name="T76"/>
                  <a:gd fmla="*/ 234 h 493" name="T77"/>
                  <a:gd fmla="*/ 105 w 211" name="T78"/>
                  <a:gd fmla="*/ 228 h 493" name="T79"/>
                  <a:gd fmla="*/ 114 w 211" name="T80"/>
                  <a:gd fmla="*/ 234 h 493" name="T81"/>
                  <a:gd fmla="*/ 114 w 211" name="T82"/>
                  <a:gd fmla="*/ 465 h 493" name="T83"/>
                  <a:gd fmla="*/ 114 w 211" name="T84"/>
                  <a:gd fmla="*/ 480 h 493" name="T85"/>
                  <a:gd fmla="*/ 123 w 211" name="T86"/>
                  <a:gd fmla="*/ 489 h 493" name="T87"/>
                  <a:gd fmla="*/ 138 w 211" name="T88"/>
                  <a:gd fmla="*/ 492 h 493" name="T89"/>
                  <a:gd fmla="*/ 150 w 211" name="T90"/>
                  <a:gd fmla="*/ 489 h 493" name="T91"/>
                  <a:gd fmla="*/ 156 w 211" name="T92"/>
                  <a:gd fmla="*/ 480 h 493" name="T93"/>
                  <a:gd fmla="*/ 159 w 211" name="T94"/>
                  <a:gd fmla="*/ 465 h 493" name="T95"/>
                  <a:gd fmla="*/ 159 w 211" name="T96"/>
                  <a:gd fmla="*/ 465 h 493" name="T97"/>
                  <a:gd fmla="*/ 159 w 211" name="T98"/>
                  <a:gd fmla="*/ 465 h 493" name="T9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b="b" l="0" r="r" t="0"/>
                <a:pathLst>
                  <a:path h="492" w="211">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6" name="Oval 58"/>
              <p:cNvSpPr>
                <a:spLocks noChangeArrowheads="1"/>
              </p:cNvSpPr>
              <p:nvPr/>
            </p:nvSpPr>
            <p:spPr bwMode="auto">
              <a:xfrm>
                <a:off x="3710964" y="4596857"/>
                <a:ext cx="304985"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7" name="Freeform 56"/>
              <p:cNvSpPr/>
              <p:nvPr/>
            </p:nvSpPr>
            <p:spPr bwMode="auto">
              <a:xfrm>
                <a:off x="3990534" y="4981425"/>
                <a:ext cx="184731" cy="423891"/>
              </a:xfrm>
              <a:custGeom>
                <a:gdLst>
                  <a:gd fmla="*/ 180 w 292" name="T0"/>
                  <a:gd fmla="*/ 0 h 544" name="T1"/>
                  <a:gd fmla="*/ 120 w 292" name="T2"/>
                  <a:gd fmla="*/ 0 h 544" name="T3"/>
                  <a:gd fmla="*/ 93 w 292" name="T4"/>
                  <a:gd fmla="*/ 3 h 544" name="T5"/>
                  <a:gd fmla="*/ 75 w 292" name="T6"/>
                  <a:gd fmla="*/ 12 h 544" name="T7"/>
                  <a:gd fmla="*/ 60 w 292" name="T8"/>
                  <a:gd fmla="*/ 24 h 544" name="T9"/>
                  <a:gd fmla="*/ 51 w 292" name="T10"/>
                  <a:gd fmla="*/ 39 h 544" name="T11"/>
                  <a:gd fmla="*/ 42 w 292" name="T12"/>
                  <a:gd fmla="*/ 60 h 544" name="T13"/>
                  <a:gd fmla="*/ 0 w 292" name="T14"/>
                  <a:gd fmla="*/ 216 h 544" name="T15"/>
                  <a:gd fmla="*/ 0 w 292" name="T16"/>
                  <a:gd fmla="*/ 234 h 544" name="T17"/>
                  <a:gd fmla="*/ 6 w 292" name="T18"/>
                  <a:gd fmla="*/ 243 h 544" name="T19"/>
                  <a:gd fmla="*/ 21 w 292" name="T20"/>
                  <a:gd fmla="*/ 246 h 544" name="T21"/>
                  <a:gd fmla="*/ 33 w 292" name="T22"/>
                  <a:gd fmla="*/ 240 h 544" name="T23"/>
                  <a:gd fmla="*/ 39 w 292" name="T24"/>
                  <a:gd fmla="*/ 228 h 544" name="T25"/>
                  <a:gd fmla="*/ 75 w 292" name="T26"/>
                  <a:gd fmla="*/ 90 h 544" name="T27"/>
                  <a:gd fmla="*/ 81 w 292" name="T28"/>
                  <a:gd fmla="*/ 96 h 544" name="T29"/>
                  <a:gd fmla="*/ 87 w 292" name="T30"/>
                  <a:gd fmla="*/ 129 h 544" name="T31"/>
                  <a:gd fmla="*/ 90 w 292" name="T32"/>
                  <a:gd fmla="*/ 165 h 544" name="T33"/>
                  <a:gd fmla="*/ 42 w 292" name="T34"/>
                  <a:gd fmla="*/ 312 h 544" name="T35"/>
                  <a:gd fmla="*/ 87 w 292" name="T36"/>
                  <a:gd fmla="*/ 312 h 544" name="T37"/>
                  <a:gd fmla="*/ 87 w 292" name="T38"/>
                  <a:gd fmla="*/ 513 h 544" name="T39"/>
                  <a:gd fmla="*/ 87 w 292" name="T40"/>
                  <a:gd fmla="*/ 528 h 544" name="T41"/>
                  <a:gd fmla="*/ 93 w 292" name="T42"/>
                  <a:gd fmla="*/ 537 h 544" name="T43"/>
                  <a:gd fmla="*/ 102 w 292" name="T44"/>
                  <a:gd fmla="*/ 543 h 544" name="T45"/>
                  <a:gd fmla="*/ 120 w 292" name="T46"/>
                  <a:gd fmla="*/ 543 h 544" name="T47"/>
                  <a:gd fmla="*/ 129 w 292" name="T48"/>
                  <a:gd fmla="*/ 537 h 544" name="T49"/>
                  <a:gd fmla="*/ 132 w 292" name="T50"/>
                  <a:gd fmla="*/ 528 h 544" name="T51"/>
                  <a:gd fmla="*/ 135 w 292" name="T52"/>
                  <a:gd fmla="*/ 513 h 544" name="T53"/>
                  <a:gd fmla="*/ 135 w 292" name="T54"/>
                  <a:gd fmla="*/ 324 h 544" name="T55"/>
                  <a:gd fmla="*/ 135 w 292" name="T56"/>
                  <a:gd fmla="*/ 321 h 544" name="T57"/>
                  <a:gd fmla="*/ 144 w 292" name="T58"/>
                  <a:gd fmla="*/ 315 h 544" name="T59"/>
                  <a:gd fmla="*/ 150 w 292" name="T60"/>
                  <a:gd fmla="*/ 321 h 544" name="T61"/>
                  <a:gd fmla="*/ 150 w 292" name="T62"/>
                  <a:gd fmla="*/ 324 h 544" name="T63"/>
                  <a:gd fmla="*/ 150 w 292" name="T64"/>
                  <a:gd fmla="*/ 513 h 544" name="T65"/>
                  <a:gd fmla="*/ 153 w 292" name="T66"/>
                  <a:gd fmla="*/ 528 h 544" name="T67"/>
                  <a:gd fmla="*/ 159 w 292" name="T68"/>
                  <a:gd fmla="*/ 537 h 544" name="T69"/>
                  <a:gd fmla="*/ 171 w 292" name="T70"/>
                  <a:gd fmla="*/ 543 h 544" name="T71"/>
                  <a:gd fmla="*/ 189 w 292" name="T72"/>
                  <a:gd fmla="*/ 543 h 544" name="T73"/>
                  <a:gd fmla="*/ 198 w 292" name="T74"/>
                  <a:gd fmla="*/ 537 h 544" name="T75"/>
                  <a:gd fmla="*/ 201 w 292" name="T76"/>
                  <a:gd fmla="*/ 528 h 544" name="T77"/>
                  <a:gd fmla="*/ 204 w 292" name="T78"/>
                  <a:gd fmla="*/ 513 h 544" name="T79"/>
                  <a:gd fmla="*/ 204 w 292" name="T80"/>
                  <a:gd fmla="*/ 312 h 544" name="T81"/>
                  <a:gd fmla="*/ 249 w 292" name="T82"/>
                  <a:gd fmla="*/ 312 h 544" name="T83"/>
                  <a:gd fmla="*/ 198 w 292" name="T84"/>
                  <a:gd fmla="*/ 165 h 544" name="T85"/>
                  <a:gd fmla="*/ 198 w 292" name="T86"/>
                  <a:gd fmla="*/ 141 h 544" name="T87"/>
                  <a:gd fmla="*/ 201 w 292" name="T88"/>
                  <a:gd fmla="*/ 117 h 544" name="T89"/>
                  <a:gd fmla="*/ 204 w 292" name="T90"/>
                  <a:gd fmla="*/ 99 h 544" name="T91"/>
                  <a:gd fmla="*/ 210 w 292" name="T92"/>
                  <a:gd fmla="*/ 90 h 544" name="T93"/>
                  <a:gd fmla="*/ 252 w 292" name="T94"/>
                  <a:gd fmla="*/ 234 h 544" name="T95"/>
                  <a:gd fmla="*/ 261 w 292" name="T96"/>
                  <a:gd fmla="*/ 249 h 544" name="T97"/>
                  <a:gd fmla="*/ 276 w 292" name="T98"/>
                  <a:gd fmla="*/ 252 h 544" name="T99"/>
                  <a:gd fmla="*/ 288 w 292" name="T100"/>
                  <a:gd fmla="*/ 249 h 544" name="T101"/>
                  <a:gd fmla="*/ 291 w 292" name="T102"/>
                  <a:gd fmla="*/ 240 h 544" name="T103"/>
                  <a:gd fmla="*/ 291 w 292" name="T104"/>
                  <a:gd fmla="*/ 225 h 544" name="T105"/>
                  <a:gd fmla="*/ 243 w 292" name="T106"/>
                  <a:gd fmla="*/ 60 h 544" name="T107"/>
                  <a:gd fmla="*/ 237 w 292" name="T108"/>
                  <a:gd fmla="*/ 39 h 544" name="T109"/>
                  <a:gd fmla="*/ 225 w 292" name="T110"/>
                  <a:gd fmla="*/ 21 h 544" name="T111"/>
                  <a:gd fmla="*/ 207 w 292" name="T112"/>
                  <a:gd fmla="*/ 9 h 544" name="T113"/>
                  <a:gd fmla="*/ 180 w 292" name="T114"/>
                  <a:gd fmla="*/ 0 h 544" name="T11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b="b" l="0" r="r" t="0"/>
                <a:pathLst>
                  <a:path h="544" w="292">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8" name="Oval 59"/>
              <p:cNvSpPr>
                <a:spLocks noChangeArrowheads="1"/>
              </p:cNvSpPr>
              <p:nvPr/>
            </p:nvSpPr>
            <p:spPr bwMode="auto">
              <a:xfrm>
                <a:off x="4058559" y="4592500"/>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5" name="组合 4"/>
            <p:cNvGrpSpPr/>
            <p:nvPr/>
          </p:nvGrpSpPr>
          <p:grpSpPr>
            <a:xfrm>
              <a:off x="2955219" y="3277347"/>
              <a:ext cx="607361" cy="717050"/>
              <a:chOff x="3710964" y="4592500"/>
              <a:chExt cx="607361" cy="812816"/>
            </a:xfrm>
            <a:grpFill/>
          </p:grpSpPr>
          <p:sp>
            <p:nvSpPr>
              <p:cNvPr id="31" name="Freeform 57"/>
              <p:cNvSpPr/>
              <p:nvPr/>
            </p:nvSpPr>
            <p:spPr bwMode="auto">
              <a:xfrm>
                <a:off x="3710964" y="4978753"/>
                <a:ext cx="184731" cy="423891"/>
              </a:xfrm>
              <a:custGeom>
                <a:gdLst>
                  <a:gd fmla="*/ 159 w 211" name="T0"/>
                  <a:gd fmla="*/ 465 h 493" name="T1"/>
                  <a:gd fmla="*/ 159 w 211" name="T2"/>
                  <a:gd fmla="*/ 81 h 493" name="T3"/>
                  <a:gd fmla="*/ 165 w 211" name="T4"/>
                  <a:gd fmla="*/ 69 h 493" name="T5"/>
                  <a:gd fmla="*/ 174 w 211" name="T6"/>
                  <a:gd fmla="*/ 78 h 493" name="T7"/>
                  <a:gd fmla="*/ 174 w 211" name="T8"/>
                  <a:gd fmla="*/ 219 h 493" name="T9"/>
                  <a:gd fmla="*/ 174 w 211" name="T10"/>
                  <a:gd fmla="*/ 231 h 493" name="T11"/>
                  <a:gd fmla="*/ 180 w 211" name="T12"/>
                  <a:gd fmla="*/ 237 h 493" name="T13"/>
                  <a:gd fmla="*/ 189 w 211" name="T14"/>
                  <a:gd fmla="*/ 243 h 493" name="T15"/>
                  <a:gd fmla="*/ 201 w 211" name="T16"/>
                  <a:gd fmla="*/ 240 h 493" name="T17"/>
                  <a:gd fmla="*/ 207 w 211" name="T18"/>
                  <a:gd fmla="*/ 231 h 493" name="T19"/>
                  <a:gd fmla="*/ 210 w 211" name="T20"/>
                  <a:gd fmla="*/ 216 h 493" name="T21"/>
                  <a:gd fmla="*/ 210 w 211" name="T22"/>
                  <a:gd fmla="*/ 54 h 493" name="T23"/>
                  <a:gd fmla="*/ 204 w 211" name="T24"/>
                  <a:gd fmla="*/ 36 h 493" name="T25"/>
                  <a:gd fmla="*/ 192 w 211" name="T26"/>
                  <a:gd fmla="*/ 21 h 493" name="T27"/>
                  <a:gd fmla="*/ 168 w 211" name="T28"/>
                  <a:gd fmla="*/ 6 h 493" name="T29"/>
                  <a:gd fmla="*/ 138 w 211" name="T30"/>
                  <a:gd fmla="*/ 0 h 493" name="T31"/>
                  <a:gd fmla="*/ 72 w 211" name="T32"/>
                  <a:gd fmla="*/ 0 h 493" name="T33"/>
                  <a:gd fmla="*/ 48 w 211" name="T34"/>
                  <a:gd fmla="*/ 3 h 493" name="T35"/>
                  <a:gd fmla="*/ 24 w 211" name="T36"/>
                  <a:gd fmla="*/ 15 h 493" name="T37"/>
                  <a:gd fmla="*/ 6 w 211" name="T38"/>
                  <a:gd fmla="*/ 33 h 493" name="T39"/>
                  <a:gd fmla="*/ 0 w 211" name="T40"/>
                  <a:gd fmla="*/ 57 h 493" name="T41"/>
                  <a:gd fmla="*/ 0 w 211" name="T42"/>
                  <a:gd fmla="*/ 219 h 493" name="T43"/>
                  <a:gd fmla="*/ 3 w 211" name="T44"/>
                  <a:gd fmla="*/ 234 h 493" name="T45"/>
                  <a:gd fmla="*/ 9 w 211" name="T46"/>
                  <a:gd fmla="*/ 246 h 493" name="T47"/>
                  <a:gd fmla="*/ 21 w 211" name="T48"/>
                  <a:gd fmla="*/ 249 h 493" name="T49"/>
                  <a:gd fmla="*/ 30 w 211" name="T50"/>
                  <a:gd fmla="*/ 243 h 493" name="T51"/>
                  <a:gd fmla="*/ 33 w 211" name="T52"/>
                  <a:gd fmla="*/ 234 h 493" name="T53"/>
                  <a:gd fmla="*/ 36 w 211" name="T54"/>
                  <a:gd fmla="*/ 219 h 493" name="T55"/>
                  <a:gd fmla="*/ 36 w 211" name="T56"/>
                  <a:gd fmla="*/ 78 h 493" name="T57"/>
                  <a:gd fmla="*/ 42 w 211" name="T58"/>
                  <a:gd fmla="*/ 69 h 493" name="T59"/>
                  <a:gd fmla="*/ 51 w 211" name="T60"/>
                  <a:gd fmla="*/ 81 h 493" name="T61"/>
                  <a:gd fmla="*/ 51 w 211" name="T62"/>
                  <a:gd fmla="*/ 465 h 493" name="T63"/>
                  <a:gd fmla="*/ 54 w 211" name="T64"/>
                  <a:gd fmla="*/ 480 h 493" name="T65"/>
                  <a:gd fmla="*/ 63 w 211" name="T66"/>
                  <a:gd fmla="*/ 489 h 493" name="T67"/>
                  <a:gd fmla="*/ 75 w 211" name="T68"/>
                  <a:gd fmla="*/ 492 h 493" name="T69"/>
                  <a:gd fmla="*/ 90 w 211" name="T70"/>
                  <a:gd fmla="*/ 489 h 493" name="T71"/>
                  <a:gd fmla="*/ 96 w 211" name="T72"/>
                  <a:gd fmla="*/ 483 h 493" name="T73"/>
                  <a:gd fmla="*/ 99 w 211" name="T74"/>
                  <a:gd fmla="*/ 465 h 493" name="T75"/>
                  <a:gd fmla="*/ 99 w 211" name="T76"/>
                  <a:gd fmla="*/ 234 h 493" name="T77"/>
                  <a:gd fmla="*/ 105 w 211" name="T78"/>
                  <a:gd fmla="*/ 228 h 493" name="T79"/>
                  <a:gd fmla="*/ 114 w 211" name="T80"/>
                  <a:gd fmla="*/ 234 h 493" name="T81"/>
                  <a:gd fmla="*/ 114 w 211" name="T82"/>
                  <a:gd fmla="*/ 465 h 493" name="T83"/>
                  <a:gd fmla="*/ 114 w 211" name="T84"/>
                  <a:gd fmla="*/ 480 h 493" name="T85"/>
                  <a:gd fmla="*/ 123 w 211" name="T86"/>
                  <a:gd fmla="*/ 489 h 493" name="T87"/>
                  <a:gd fmla="*/ 138 w 211" name="T88"/>
                  <a:gd fmla="*/ 492 h 493" name="T89"/>
                  <a:gd fmla="*/ 150 w 211" name="T90"/>
                  <a:gd fmla="*/ 489 h 493" name="T91"/>
                  <a:gd fmla="*/ 156 w 211" name="T92"/>
                  <a:gd fmla="*/ 480 h 493" name="T93"/>
                  <a:gd fmla="*/ 159 w 211" name="T94"/>
                  <a:gd fmla="*/ 465 h 493" name="T95"/>
                  <a:gd fmla="*/ 159 w 211" name="T96"/>
                  <a:gd fmla="*/ 465 h 493" name="T97"/>
                  <a:gd fmla="*/ 159 w 211" name="T98"/>
                  <a:gd fmla="*/ 465 h 493" name="T9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b="b" l="0" r="r" t="0"/>
                <a:pathLst>
                  <a:path h="492" w="211">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2" name="Oval 58"/>
              <p:cNvSpPr>
                <a:spLocks noChangeArrowheads="1"/>
              </p:cNvSpPr>
              <p:nvPr/>
            </p:nvSpPr>
            <p:spPr bwMode="auto">
              <a:xfrm>
                <a:off x="3756183" y="4596857"/>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3" name="Freeform 56"/>
              <p:cNvSpPr/>
              <p:nvPr/>
            </p:nvSpPr>
            <p:spPr bwMode="auto">
              <a:xfrm>
                <a:off x="3990534" y="4981425"/>
                <a:ext cx="184731" cy="423891"/>
              </a:xfrm>
              <a:custGeom>
                <a:gdLst>
                  <a:gd fmla="*/ 180 w 292" name="T0"/>
                  <a:gd fmla="*/ 0 h 544" name="T1"/>
                  <a:gd fmla="*/ 120 w 292" name="T2"/>
                  <a:gd fmla="*/ 0 h 544" name="T3"/>
                  <a:gd fmla="*/ 93 w 292" name="T4"/>
                  <a:gd fmla="*/ 3 h 544" name="T5"/>
                  <a:gd fmla="*/ 75 w 292" name="T6"/>
                  <a:gd fmla="*/ 12 h 544" name="T7"/>
                  <a:gd fmla="*/ 60 w 292" name="T8"/>
                  <a:gd fmla="*/ 24 h 544" name="T9"/>
                  <a:gd fmla="*/ 51 w 292" name="T10"/>
                  <a:gd fmla="*/ 39 h 544" name="T11"/>
                  <a:gd fmla="*/ 42 w 292" name="T12"/>
                  <a:gd fmla="*/ 60 h 544" name="T13"/>
                  <a:gd fmla="*/ 0 w 292" name="T14"/>
                  <a:gd fmla="*/ 216 h 544" name="T15"/>
                  <a:gd fmla="*/ 0 w 292" name="T16"/>
                  <a:gd fmla="*/ 234 h 544" name="T17"/>
                  <a:gd fmla="*/ 6 w 292" name="T18"/>
                  <a:gd fmla="*/ 243 h 544" name="T19"/>
                  <a:gd fmla="*/ 21 w 292" name="T20"/>
                  <a:gd fmla="*/ 246 h 544" name="T21"/>
                  <a:gd fmla="*/ 33 w 292" name="T22"/>
                  <a:gd fmla="*/ 240 h 544" name="T23"/>
                  <a:gd fmla="*/ 39 w 292" name="T24"/>
                  <a:gd fmla="*/ 228 h 544" name="T25"/>
                  <a:gd fmla="*/ 75 w 292" name="T26"/>
                  <a:gd fmla="*/ 90 h 544" name="T27"/>
                  <a:gd fmla="*/ 81 w 292" name="T28"/>
                  <a:gd fmla="*/ 96 h 544" name="T29"/>
                  <a:gd fmla="*/ 87 w 292" name="T30"/>
                  <a:gd fmla="*/ 129 h 544" name="T31"/>
                  <a:gd fmla="*/ 90 w 292" name="T32"/>
                  <a:gd fmla="*/ 165 h 544" name="T33"/>
                  <a:gd fmla="*/ 42 w 292" name="T34"/>
                  <a:gd fmla="*/ 312 h 544" name="T35"/>
                  <a:gd fmla="*/ 87 w 292" name="T36"/>
                  <a:gd fmla="*/ 312 h 544" name="T37"/>
                  <a:gd fmla="*/ 87 w 292" name="T38"/>
                  <a:gd fmla="*/ 513 h 544" name="T39"/>
                  <a:gd fmla="*/ 87 w 292" name="T40"/>
                  <a:gd fmla="*/ 528 h 544" name="T41"/>
                  <a:gd fmla="*/ 93 w 292" name="T42"/>
                  <a:gd fmla="*/ 537 h 544" name="T43"/>
                  <a:gd fmla="*/ 102 w 292" name="T44"/>
                  <a:gd fmla="*/ 543 h 544" name="T45"/>
                  <a:gd fmla="*/ 120 w 292" name="T46"/>
                  <a:gd fmla="*/ 543 h 544" name="T47"/>
                  <a:gd fmla="*/ 129 w 292" name="T48"/>
                  <a:gd fmla="*/ 537 h 544" name="T49"/>
                  <a:gd fmla="*/ 132 w 292" name="T50"/>
                  <a:gd fmla="*/ 528 h 544" name="T51"/>
                  <a:gd fmla="*/ 135 w 292" name="T52"/>
                  <a:gd fmla="*/ 513 h 544" name="T53"/>
                  <a:gd fmla="*/ 135 w 292" name="T54"/>
                  <a:gd fmla="*/ 324 h 544" name="T55"/>
                  <a:gd fmla="*/ 135 w 292" name="T56"/>
                  <a:gd fmla="*/ 321 h 544" name="T57"/>
                  <a:gd fmla="*/ 144 w 292" name="T58"/>
                  <a:gd fmla="*/ 315 h 544" name="T59"/>
                  <a:gd fmla="*/ 150 w 292" name="T60"/>
                  <a:gd fmla="*/ 321 h 544" name="T61"/>
                  <a:gd fmla="*/ 150 w 292" name="T62"/>
                  <a:gd fmla="*/ 324 h 544" name="T63"/>
                  <a:gd fmla="*/ 150 w 292" name="T64"/>
                  <a:gd fmla="*/ 513 h 544" name="T65"/>
                  <a:gd fmla="*/ 153 w 292" name="T66"/>
                  <a:gd fmla="*/ 528 h 544" name="T67"/>
                  <a:gd fmla="*/ 159 w 292" name="T68"/>
                  <a:gd fmla="*/ 537 h 544" name="T69"/>
                  <a:gd fmla="*/ 171 w 292" name="T70"/>
                  <a:gd fmla="*/ 543 h 544" name="T71"/>
                  <a:gd fmla="*/ 189 w 292" name="T72"/>
                  <a:gd fmla="*/ 543 h 544" name="T73"/>
                  <a:gd fmla="*/ 198 w 292" name="T74"/>
                  <a:gd fmla="*/ 537 h 544" name="T75"/>
                  <a:gd fmla="*/ 201 w 292" name="T76"/>
                  <a:gd fmla="*/ 528 h 544" name="T77"/>
                  <a:gd fmla="*/ 204 w 292" name="T78"/>
                  <a:gd fmla="*/ 513 h 544" name="T79"/>
                  <a:gd fmla="*/ 204 w 292" name="T80"/>
                  <a:gd fmla="*/ 312 h 544" name="T81"/>
                  <a:gd fmla="*/ 249 w 292" name="T82"/>
                  <a:gd fmla="*/ 312 h 544" name="T83"/>
                  <a:gd fmla="*/ 198 w 292" name="T84"/>
                  <a:gd fmla="*/ 165 h 544" name="T85"/>
                  <a:gd fmla="*/ 198 w 292" name="T86"/>
                  <a:gd fmla="*/ 141 h 544" name="T87"/>
                  <a:gd fmla="*/ 201 w 292" name="T88"/>
                  <a:gd fmla="*/ 117 h 544" name="T89"/>
                  <a:gd fmla="*/ 204 w 292" name="T90"/>
                  <a:gd fmla="*/ 99 h 544" name="T91"/>
                  <a:gd fmla="*/ 210 w 292" name="T92"/>
                  <a:gd fmla="*/ 90 h 544" name="T93"/>
                  <a:gd fmla="*/ 252 w 292" name="T94"/>
                  <a:gd fmla="*/ 234 h 544" name="T95"/>
                  <a:gd fmla="*/ 261 w 292" name="T96"/>
                  <a:gd fmla="*/ 249 h 544" name="T97"/>
                  <a:gd fmla="*/ 276 w 292" name="T98"/>
                  <a:gd fmla="*/ 252 h 544" name="T99"/>
                  <a:gd fmla="*/ 288 w 292" name="T100"/>
                  <a:gd fmla="*/ 249 h 544" name="T101"/>
                  <a:gd fmla="*/ 291 w 292" name="T102"/>
                  <a:gd fmla="*/ 240 h 544" name="T103"/>
                  <a:gd fmla="*/ 291 w 292" name="T104"/>
                  <a:gd fmla="*/ 225 h 544" name="T105"/>
                  <a:gd fmla="*/ 243 w 292" name="T106"/>
                  <a:gd fmla="*/ 60 h 544" name="T107"/>
                  <a:gd fmla="*/ 237 w 292" name="T108"/>
                  <a:gd fmla="*/ 39 h 544" name="T109"/>
                  <a:gd fmla="*/ 225 w 292" name="T110"/>
                  <a:gd fmla="*/ 21 h 544" name="T111"/>
                  <a:gd fmla="*/ 207 w 292" name="T112"/>
                  <a:gd fmla="*/ 9 h 544" name="T113"/>
                  <a:gd fmla="*/ 180 w 292" name="T114"/>
                  <a:gd fmla="*/ 0 h 544" name="T11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b="b" l="0" r="r" t="0"/>
                <a:pathLst>
                  <a:path h="544" w="292">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4" name="Oval 59"/>
              <p:cNvSpPr>
                <a:spLocks noChangeArrowheads="1"/>
              </p:cNvSpPr>
              <p:nvPr/>
            </p:nvSpPr>
            <p:spPr bwMode="auto">
              <a:xfrm>
                <a:off x="4058559" y="4592500"/>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6" name="组合 5"/>
            <p:cNvGrpSpPr/>
            <p:nvPr/>
          </p:nvGrpSpPr>
          <p:grpSpPr>
            <a:xfrm>
              <a:off x="3584390" y="3272001"/>
              <a:ext cx="607361" cy="717050"/>
              <a:chOff x="3710964" y="4592500"/>
              <a:chExt cx="607361" cy="812816"/>
            </a:xfrm>
            <a:grpFill/>
          </p:grpSpPr>
          <p:sp>
            <p:nvSpPr>
              <p:cNvPr id="27" name="Freeform 57"/>
              <p:cNvSpPr/>
              <p:nvPr/>
            </p:nvSpPr>
            <p:spPr bwMode="auto">
              <a:xfrm>
                <a:off x="3710964" y="4978753"/>
                <a:ext cx="184731" cy="423891"/>
              </a:xfrm>
              <a:custGeom>
                <a:gdLst>
                  <a:gd fmla="*/ 159 w 211" name="T0"/>
                  <a:gd fmla="*/ 465 h 493" name="T1"/>
                  <a:gd fmla="*/ 159 w 211" name="T2"/>
                  <a:gd fmla="*/ 81 h 493" name="T3"/>
                  <a:gd fmla="*/ 165 w 211" name="T4"/>
                  <a:gd fmla="*/ 69 h 493" name="T5"/>
                  <a:gd fmla="*/ 174 w 211" name="T6"/>
                  <a:gd fmla="*/ 78 h 493" name="T7"/>
                  <a:gd fmla="*/ 174 w 211" name="T8"/>
                  <a:gd fmla="*/ 219 h 493" name="T9"/>
                  <a:gd fmla="*/ 174 w 211" name="T10"/>
                  <a:gd fmla="*/ 231 h 493" name="T11"/>
                  <a:gd fmla="*/ 180 w 211" name="T12"/>
                  <a:gd fmla="*/ 237 h 493" name="T13"/>
                  <a:gd fmla="*/ 189 w 211" name="T14"/>
                  <a:gd fmla="*/ 243 h 493" name="T15"/>
                  <a:gd fmla="*/ 201 w 211" name="T16"/>
                  <a:gd fmla="*/ 240 h 493" name="T17"/>
                  <a:gd fmla="*/ 207 w 211" name="T18"/>
                  <a:gd fmla="*/ 231 h 493" name="T19"/>
                  <a:gd fmla="*/ 210 w 211" name="T20"/>
                  <a:gd fmla="*/ 216 h 493" name="T21"/>
                  <a:gd fmla="*/ 210 w 211" name="T22"/>
                  <a:gd fmla="*/ 54 h 493" name="T23"/>
                  <a:gd fmla="*/ 204 w 211" name="T24"/>
                  <a:gd fmla="*/ 36 h 493" name="T25"/>
                  <a:gd fmla="*/ 192 w 211" name="T26"/>
                  <a:gd fmla="*/ 21 h 493" name="T27"/>
                  <a:gd fmla="*/ 168 w 211" name="T28"/>
                  <a:gd fmla="*/ 6 h 493" name="T29"/>
                  <a:gd fmla="*/ 138 w 211" name="T30"/>
                  <a:gd fmla="*/ 0 h 493" name="T31"/>
                  <a:gd fmla="*/ 72 w 211" name="T32"/>
                  <a:gd fmla="*/ 0 h 493" name="T33"/>
                  <a:gd fmla="*/ 48 w 211" name="T34"/>
                  <a:gd fmla="*/ 3 h 493" name="T35"/>
                  <a:gd fmla="*/ 24 w 211" name="T36"/>
                  <a:gd fmla="*/ 15 h 493" name="T37"/>
                  <a:gd fmla="*/ 6 w 211" name="T38"/>
                  <a:gd fmla="*/ 33 h 493" name="T39"/>
                  <a:gd fmla="*/ 0 w 211" name="T40"/>
                  <a:gd fmla="*/ 57 h 493" name="T41"/>
                  <a:gd fmla="*/ 0 w 211" name="T42"/>
                  <a:gd fmla="*/ 219 h 493" name="T43"/>
                  <a:gd fmla="*/ 3 w 211" name="T44"/>
                  <a:gd fmla="*/ 234 h 493" name="T45"/>
                  <a:gd fmla="*/ 9 w 211" name="T46"/>
                  <a:gd fmla="*/ 246 h 493" name="T47"/>
                  <a:gd fmla="*/ 21 w 211" name="T48"/>
                  <a:gd fmla="*/ 249 h 493" name="T49"/>
                  <a:gd fmla="*/ 30 w 211" name="T50"/>
                  <a:gd fmla="*/ 243 h 493" name="T51"/>
                  <a:gd fmla="*/ 33 w 211" name="T52"/>
                  <a:gd fmla="*/ 234 h 493" name="T53"/>
                  <a:gd fmla="*/ 36 w 211" name="T54"/>
                  <a:gd fmla="*/ 219 h 493" name="T55"/>
                  <a:gd fmla="*/ 36 w 211" name="T56"/>
                  <a:gd fmla="*/ 78 h 493" name="T57"/>
                  <a:gd fmla="*/ 42 w 211" name="T58"/>
                  <a:gd fmla="*/ 69 h 493" name="T59"/>
                  <a:gd fmla="*/ 51 w 211" name="T60"/>
                  <a:gd fmla="*/ 81 h 493" name="T61"/>
                  <a:gd fmla="*/ 51 w 211" name="T62"/>
                  <a:gd fmla="*/ 465 h 493" name="T63"/>
                  <a:gd fmla="*/ 54 w 211" name="T64"/>
                  <a:gd fmla="*/ 480 h 493" name="T65"/>
                  <a:gd fmla="*/ 63 w 211" name="T66"/>
                  <a:gd fmla="*/ 489 h 493" name="T67"/>
                  <a:gd fmla="*/ 75 w 211" name="T68"/>
                  <a:gd fmla="*/ 492 h 493" name="T69"/>
                  <a:gd fmla="*/ 90 w 211" name="T70"/>
                  <a:gd fmla="*/ 489 h 493" name="T71"/>
                  <a:gd fmla="*/ 96 w 211" name="T72"/>
                  <a:gd fmla="*/ 483 h 493" name="T73"/>
                  <a:gd fmla="*/ 99 w 211" name="T74"/>
                  <a:gd fmla="*/ 465 h 493" name="T75"/>
                  <a:gd fmla="*/ 99 w 211" name="T76"/>
                  <a:gd fmla="*/ 234 h 493" name="T77"/>
                  <a:gd fmla="*/ 105 w 211" name="T78"/>
                  <a:gd fmla="*/ 228 h 493" name="T79"/>
                  <a:gd fmla="*/ 114 w 211" name="T80"/>
                  <a:gd fmla="*/ 234 h 493" name="T81"/>
                  <a:gd fmla="*/ 114 w 211" name="T82"/>
                  <a:gd fmla="*/ 465 h 493" name="T83"/>
                  <a:gd fmla="*/ 114 w 211" name="T84"/>
                  <a:gd fmla="*/ 480 h 493" name="T85"/>
                  <a:gd fmla="*/ 123 w 211" name="T86"/>
                  <a:gd fmla="*/ 489 h 493" name="T87"/>
                  <a:gd fmla="*/ 138 w 211" name="T88"/>
                  <a:gd fmla="*/ 492 h 493" name="T89"/>
                  <a:gd fmla="*/ 150 w 211" name="T90"/>
                  <a:gd fmla="*/ 489 h 493" name="T91"/>
                  <a:gd fmla="*/ 156 w 211" name="T92"/>
                  <a:gd fmla="*/ 480 h 493" name="T93"/>
                  <a:gd fmla="*/ 159 w 211" name="T94"/>
                  <a:gd fmla="*/ 465 h 493" name="T95"/>
                  <a:gd fmla="*/ 159 w 211" name="T96"/>
                  <a:gd fmla="*/ 465 h 493" name="T97"/>
                  <a:gd fmla="*/ 159 w 211" name="T98"/>
                  <a:gd fmla="*/ 465 h 493" name="T9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b="b" l="0" r="r" t="0"/>
                <a:pathLst>
                  <a:path h="492" w="211">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8" name="Oval 58"/>
              <p:cNvSpPr>
                <a:spLocks noChangeArrowheads="1"/>
              </p:cNvSpPr>
              <p:nvPr/>
            </p:nvSpPr>
            <p:spPr bwMode="auto">
              <a:xfrm>
                <a:off x="3756183" y="4596857"/>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9" name="Freeform 56"/>
              <p:cNvSpPr/>
              <p:nvPr/>
            </p:nvSpPr>
            <p:spPr bwMode="auto">
              <a:xfrm>
                <a:off x="3990534" y="4981425"/>
                <a:ext cx="184731" cy="423891"/>
              </a:xfrm>
              <a:custGeom>
                <a:gdLst>
                  <a:gd fmla="*/ 180 w 292" name="T0"/>
                  <a:gd fmla="*/ 0 h 544" name="T1"/>
                  <a:gd fmla="*/ 120 w 292" name="T2"/>
                  <a:gd fmla="*/ 0 h 544" name="T3"/>
                  <a:gd fmla="*/ 93 w 292" name="T4"/>
                  <a:gd fmla="*/ 3 h 544" name="T5"/>
                  <a:gd fmla="*/ 75 w 292" name="T6"/>
                  <a:gd fmla="*/ 12 h 544" name="T7"/>
                  <a:gd fmla="*/ 60 w 292" name="T8"/>
                  <a:gd fmla="*/ 24 h 544" name="T9"/>
                  <a:gd fmla="*/ 51 w 292" name="T10"/>
                  <a:gd fmla="*/ 39 h 544" name="T11"/>
                  <a:gd fmla="*/ 42 w 292" name="T12"/>
                  <a:gd fmla="*/ 60 h 544" name="T13"/>
                  <a:gd fmla="*/ 0 w 292" name="T14"/>
                  <a:gd fmla="*/ 216 h 544" name="T15"/>
                  <a:gd fmla="*/ 0 w 292" name="T16"/>
                  <a:gd fmla="*/ 234 h 544" name="T17"/>
                  <a:gd fmla="*/ 6 w 292" name="T18"/>
                  <a:gd fmla="*/ 243 h 544" name="T19"/>
                  <a:gd fmla="*/ 21 w 292" name="T20"/>
                  <a:gd fmla="*/ 246 h 544" name="T21"/>
                  <a:gd fmla="*/ 33 w 292" name="T22"/>
                  <a:gd fmla="*/ 240 h 544" name="T23"/>
                  <a:gd fmla="*/ 39 w 292" name="T24"/>
                  <a:gd fmla="*/ 228 h 544" name="T25"/>
                  <a:gd fmla="*/ 75 w 292" name="T26"/>
                  <a:gd fmla="*/ 90 h 544" name="T27"/>
                  <a:gd fmla="*/ 81 w 292" name="T28"/>
                  <a:gd fmla="*/ 96 h 544" name="T29"/>
                  <a:gd fmla="*/ 87 w 292" name="T30"/>
                  <a:gd fmla="*/ 129 h 544" name="T31"/>
                  <a:gd fmla="*/ 90 w 292" name="T32"/>
                  <a:gd fmla="*/ 165 h 544" name="T33"/>
                  <a:gd fmla="*/ 42 w 292" name="T34"/>
                  <a:gd fmla="*/ 312 h 544" name="T35"/>
                  <a:gd fmla="*/ 87 w 292" name="T36"/>
                  <a:gd fmla="*/ 312 h 544" name="T37"/>
                  <a:gd fmla="*/ 87 w 292" name="T38"/>
                  <a:gd fmla="*/ 513 h 544" name="T39"/>
                  <a:gd fmla="*/ 87 w 292" name="T40"/>
                  <a:gd fmla="*/ 528 h 544" name="T41"/>
                  <a:gd fmla="*/ 93 w 292" name="T42"/>
                  <a:gd fmla="*/ 537 h 544" name="T43"/>
                  <a:gd fmla="*/ 102 w 292" name="T44"/>
                  <a:gd fmla="*/ 543 h 544" name="T45"/>
                  <a:gd fmla="*/ 120 w 292" name="T46"/>
                  <a:gd fmla="*/ 543 h 544" name="T47"/>
                  <a:gd fmla="*/ 129 w 292" name="T48"/>
                  <a:gd fmla="*/ 537 h 544" name="T49"/>
                  <a:gd fmla="*/ 132 w 292" name="T50"/>
                  <a:gd fmla="*/ 528 h 544" name="T51"/>
                  <a:gd fmla="*/ 135 w 292" name="T52"/>
                  <a:gd fmla="*/ 513 h 544" name="T53"/>
                  <a:gd fmla="*/ 135 w 292" name="T54"/>
                  <a:gd fmla="*/ 324 h 544" name="T55"/>
                  <a:gd fmla="*/ 135 w 292" name="T56"/>
                  <a:gd fmla="*/ 321 h 544" name="T57"/>
                  <a:gd fmla="*/ 144 w 292" name="T58"/>
                  <a:gd fmla="*/ 315 h 544" name="T59"/>
                  <a:gd fmla="*/ 150 w 292" name="T60"/>
                  <a:gd fmla="*/ 321 h 544" name="T61"/>
                  <a:gd fmla="*/ 150 w 292" name="T62"/>
                  <a:gd fmla="*/ 324 h 544" name="T63"/>
                  <a:gd fmla="*/ 150 w 292" name="T64"/>
                  <a:gd fmla="*/ 513 h 544" name="T65"/>
                  <a:gd fmla="*/ 153 w 292" name="T66"/>
                  <a:gd fmla="*/ 528 h 544" name="T67"/>
                  <a:gd fmla="*/ 159 w 292" name="T68"/>
                  <a:gd fmla="*/ 537 h 544" name="T69"/>
                  <a:gd fmla="*/ 171 w 292" name="T70"/>
                  <a:gd fmla="*/ 543 h 544" name="T71"/>
                  <a:gd fmla="*/ 189 w 292" name="T72"/>
                  <a:gd fmla="*/ 543 h 544" name="T73"/>
                  <a:gd fmla="*/ 198 w 292" name="T74"/>
                  <a:gd fmla="*/ 537 h 544" name="T75"/>
                  <a:gd fmla="*/ 201 w 292" name="T76"/>
                  <a:gd fmla="*/ 528 h 544" name="T77"/>
                  <a:gd fmla="*/ 204 w 292" name="T78"/>
                  <a:gd fmla="*/ 513 h 544" name="T79"/>
                  <a:gd fmla="*/ 204 w 292" name="T80"/>
                  <a:gd fmla="*/ 312 h 544" name="T81"/>
                  <a:gd fmla="*/ 249 w 292" name="T82"/>
                  <a:gd fmla="*/ 312 h 544" name="T83"/>
                  <a:gd fmla="*/ 198 w 292" name="T84"/>
                  <a:gd fmla="*/ 165 h 544" name="T85"/>
                  <a:gd fmla="*/ 198 w 292" name="T86"/>
                  <a:gd fmla="*/ 141 h 544" name="T87"/>
                  <a:gd fmla="*/ 201 w 292" name="T88"/>
                  <a:gd fmla="*/ 117 h 544" name="T89"/>
                  <a:gd fmla="*/ 204 w 292" name="T90"/>
                  <a:gd fmla="*/ 99 h 544" name="T91"/>
                  <a:gd fmla="*/ 210 w 292" name="T92"/>
                  <a:gd fmla="*/ 90 h 544" name="T93"/>
                  <a:gd fmla="*/ 252 w 292" name="T94"/>
                  <a:gd fmla="*/ 234 h 544" name="T95"/>
                  <a:gd fmla="*/ 261 w 292" name="T96"/>
                  <a:gd fmla="*/ 249 h 544" name="T97"/>
                  <a:gd fmla="*/ 276 w 292" name="T98"/>
                  <a:gd fmla="*/ 252 h 544" name="T99"/>
                  <a:gd fmla="*/ 288 w 292" name="T100"/>
                  <a:gd fmla="*/ 249 h 544" name="T101"/>
                  <a:gd fmla="*/ 291 w 292" name="T102"/>
                  <a:gd fmla="*/ 240 h 544" name="T103"/>
                  <a:gd fmla="*/ 291 w 292" name="T104"/>
                  <a:gd fmla="*/ 225 h 544" name="T105"/>
                  <a:gd fmla="*/ 243 w 292" name="T106"/>
                  <a:gd fmla="*/ 60 h 544" name="T107"/>
                  <a:gd fmla="*/ 237 w 292" name="T108"/>
                  <a:gd fmla="*/ 39 h 544" name="T109"/>
                  <a:gd fmla="*/ 225 w 292" name="T110"/>
                  <a:gd fmla="*/ 21 h 544" name="T111"/>
                  <a:gd fmla="*/ 207 w 292" name="T112"/>
                  <a:gd fmla="*/ 9 h 544" name="T113"/>
                  <a:gd fmla="*/ 180 w 292" name="T114"/>
                  <a:gd fmla="*/ 0 h 544" name="T11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b="b" l="0" r="r" t="0"/>
                <a:pathLst>
                  <a:path h="544" w="292">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30" name="Oval 59"/>
              <p:cNvSpPr>
                <a:spLocks noChangeArrowheads="1"/>
              </p:cNvSpPr>
              <p:nvPr/>
            </p:nvSpPr>
            <p:spPr bwMode="auto">
              <a:xfrm>
                <a:off x="4058559" y="4592500"/>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7" name="组合 6"/>
            <p:cNvGrpSpPr/>
            <p:nvPr/>
          </p:nvGrpSpPr>
          <p:grpSpPr>
            <a:xfrm>
              <a:off x="4232906" y="3266655"/>
              <a:ext cx="607361" cy="717050"/>
              <a:chOff x="3710964" y="4592500"/>
              <a:chExt cx="607361" cy="812816"/>
            </a:xfrm>
            <a:grpFill/>
          </p:grpSpPr>
          <p:sp>
            <p:nvSpPr>
              <p:cNvPr id="23" name="Freeform 57"/>
              <p:cNvSpPr/>
              <p:nvPr/>
            </p:nvSpPr>
            <p:spPr bwMode="auto">
              <a:xfrm>
                <a:off x="3710964" y="4978753"/>
                <a:ext cx="184731" cy="423891"/>
              </a:xfrm>
              <a:custGeom>
                <a:gdLst>
                  <a:gd fmla="*/ 159 w 211" name="T0"/>
                  <a:gd fmla="*/ 465 h 493" name="T1"/>
                  <a:gd fmla="*/ 159 w 211" name="T2"/>
                  <a:gd fmla="*/ 81 h 493" name="T3"/>
                  <a:gd fmla="*/ 165 w 211" name="T4"/>
                  <a:gd fmla="*/ 69 h 493" name="T5"/>
                  <a:gd fmla="*/ 174 w 211" name="T6"/>
                  <a:gd fmla="*/ 78 h 493" name="T7"/>
                  <a:gd fmla="*/ 174 w 211" name="T8"/>
                  <a:gd fmla="*/ 219 h 493" name="T9"/>
                  <a:gd fmla="*/ 174 w 211" name="T10"/>
                  <a:gd fmla="*/ 231 h 493" name="T11"/>
                  <a:gd fmla="*/ 180 w 211" name="T12"/>
                  <a:gd fmla="*/ 237 h 493" name="T13"/>
                  <a:gd fmla="*/ 189 w 211" name="T14"/>
                  <a:gd fmla="*/ 243 h 493" name="T15"/>
                  <a:gd fmla="*/ 201 w 211" name="T16"/>
                  <a:gd fmla="*/ 240 h 493" name="T17"/>
                  <a:gd fmla="*/ 207 w 211" name="T18"/>
                  <a:gd fmla="*/ 231 h 493" name="T19"/>
                  <a:gd fmla="*/ 210 w 211" name="T20"/>
                  <a:gd fmla="*/ 216 h 493" name="T21"/>
                  <a:gd fmla="*/ 210 w 211" name="T22"/>
                  <a:gd fmla="*/ 54 h 493" name="T23"/>
                  <a:gd fmla="*/ 204 w 211" name="T24"/>
                  <a:gd fmla="*/ 36 h 493" name="T25"/>
                  <a:gd fmla="*/ 192 w 211" name="T26"/>
                  <a:gd fmla="*/ 21 h 493" name="T27"/>
                  <a:gd fmla="*/ 168 w 211" name="T28"/>
                  <a:gd fmla="*/ 6 h 493" name="T29"/>
                  <a:gd fmla="*/ 138 w 211" name="T30"/>
                  <a:gd fmla="*/ 0 h 493" name="T31"/>
                  <a:gd fmla="*/ 72 w 211" name="T32"/>
                  <a:gd fmla="*/ 0 h 493" name="T33"/>
                  <a:gd fmla="*/ 48 w 211" name="T34"/>
                  <a:gd fmla="*/ 3 h 493" name="T35"/>
                  <a:gd fmla="*/ 24 w 211" name="T36"/>
                  <a:gd fmla="*/ 15 h 493" name="T37"/>
                  <a:gd fmla="*/ 6 w 211" name="T38"/>
                  <a:gd fmla="*/ 33 h 493" name="T39"/>
                  <a:gd fmla="*/ 0 w 211" name="T40"/>
                  <a:gd fmla="*/ 57 h 493" name="T41"/>
                  <a:gd fmla="*/ 0 w 211" name="T42"/>
                  <a:gd fmla="*/ 219 h 493" name="T43"/>
                  <a:gd fmla="*/ 3 w 211" name="T44"/>
                  <a:gd fmla="*/ 234 h 493" name="T45"/>
                  <a:gd fmla="*/ 9 w 211" name="T46"/>
                  <a:gd fmla="*/ 246 h 493" name="T47"/>
                  <a:gd fmla="*/ 21 w 211" name="T48"/>
                  <a:gd fmla="*/ 249 h 493" name="T49"/>
                  <a:gd fmla="*/ 30 w 211" name="T50"/>
                  <a:gd fmla="*/ 243 h 493" name="T51"/>
                  <a:gd fmla="*/ 33 w 211" name="T52"/>
                  <a:gd fmla="*/ 234 h 493" name="T53"/>
                  <a:gd fmla="*/ 36 w 211" name="T54"/>
                  <a:gd fmla="*/ 219 h 493" name="T55"/>
                  <a:gd fmla="*/ 36 w 211" name="T56"/>
                  <a:gd fmla="*/ 78 h 493" name="T57"/>
                  <a:gd fmla="*/ 42 w 211" name="T58"/>
                  <a:gd fmla="*/ 69 h 493" name="T59"/>
                  <a:gd fmla="*/ 51 w 211" name="T60"/>
                  <a:gd fmla="*/ 81 h 493" name="T61"/>
                  <a:gd fmla="*/ 51 w 211" name="T62"/>
                  <a:gd fmla="*/ 465 h 493" name="T63"/>
                  <a:gd fmla="*/ 54 w 211" name="T64"/>
                  <a:gd fmla="*/ 480 h 493" name="T65"/>
                  <a:gd fmla="*/ 63 w 211" name="T66"/>
                  <a:gd fmla="*/ 489 h 493" name="T67"/>
                  <a:gd fmla="*/ 75 w 211" name="T68"/>
                  <a:gd fmla="*/ 492 h 493" name="T69"/>
                  <a:gd fmla="*/ 90 w 211" name="T70"/>
                  <a:gd fmla="*/ 489 h 493" name="T71"/>
                  <a:gd fmla="*/ 96 w 211" name="T72"/>
                  <a:gd fmla="*/ 483 h 493" name="T73"/>
                  <a:gd fmla="*/ 99 w 211" name="T74"/>
                  <a:gd fmla="*/ 465 h 493" name="T75"/>
                  <a:gd fmla="*/ 99 w 211" name="T76"/>
                  <a:gd fmla="*/ 234 h 493" name="T77"/>
                  <a:gd fmla="*/ 105 w 211" name="T78"/>
                  <a:gd fmla="*/ 228 h 493" name="T79"/>
                  <a:gd fmla="*/ 114 w 211" name="T80"/>
                  <a:gd fmla="*/ 234 h 493" name="T81"/>
                  <a:gd fmla="*/ 114 w 211" name="T82"/>
                  <a:gd fmla="*/ 465 h 493" name="T83"/>
                  <a:gd fmla="*/ 114 w 211" name="T84"/>
                  <a:gd fmla="*/ 480 h 493" name="T85"/>
                  <a:gd fmla="*/ 123 w 211" name="T86"/>
                  <a:gd fmla="*/ 489 h 493" name="T87"/>
                  <a:gd fmla="*/ 138 w 211" name="T88"/>
                  <a:gd fmla="*/ 492 h 493" name="T89"/>
                  <a:gd fmla="*/ 150 w 211" name="T90"/>
                  <a:gd fmla="*/ 489 h 493" name="T91"/>
                  <a:gd fmla="*/ 156 w 211" name="T92"/>
                  <a:gd fmla="*/ 480 h 493" name="T93"/>
                  <a:gd fmla="*/ 159 w 211" name="T94"/>
                  <a:gd fmla="*/ 465 h 493" name="T95"/>
                  <a:gd fmla="*/ 159 w 211" name="T96"/>
                  <a:gd fmla="*/ 465 h 493" name="T97"/>
                  <a:gd fmla="*/ 159 w 211" name="T98"/>
                  <a:gd fmla="*/ 465 h 493" name="T9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b="b" l="0" r="r" t="0"/>
                <a:pathLst>
                  <a:path h="492" w="211">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4" name="Oval 58"/>
              <p:cNvSpPr>
                <a:spLocks noChangeArrowheads="1"/>
              </p:cNvSpPr>
              <p:nvPr/>
            </p:nvSpPr>
            <p:spPr bwMode="auto">
              <a:xfrm>
                <a:off x="3756183" y="4596857"/>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5" name="Freeform 56"/>
              <p:cNvSpPr/>
              <p:nvPr/>
            </p:nvSpPr>
            <p:spPr bwMode="auto">
              <a:xfrm>
                <a:off x="3990534" y="4981425"/>
                <a:ext cx="184731" cy="423891"/>
              </a:xfrm>
              <a:custGeom>
                <a:gdLst>
                  <a:gd fmla="*/ 180 w 292" name="T0"/>
                  <a:gd fmla="*/ 0 h 544" name="T1"/>
                  <a:gd fmla="*/ 120 w 292" name="T2"/>
                  <a:gd fmla="*/ 0 h 544" name="T3"/>
                  <a:gd fmla="*/ 93 w 292" name="T4"/>
                  <a:gd fmla="*/ 3 h 544" name="T5"/>
                  <a:gd fmla="*/ 75 w 292" name="T6"/>
                  <a:gd fmla="*/ 12 h 544" name="T7"/>
                  <a:gd fmla="*/ 60 w 292" name="T8"/>
                  <a:gd fmla="*/ 24 h 544" name="T9"/>
                  <a:gd fmla="*/ 51 w 292" name="T10"/>
                  <a:gd fmla="*/ 39 h 544" name="T11"/>
                  <a:gd fmla="*/ 42 w 292" name="T12"/>
                  <a:gd fmla="*/ 60 h 544" name="T13"/>
                  <a:gd fmla="*/ 0 w 292" name="T14"/>
                  <a:gd fmla="*/ 216 h 544" name="T15"/>
                  <a:gd fmla="*/ 0 w 292" name="T16"/>
                  <a:gd fmla="*/ 234 h 544" name="T17"/>
                  <a:gd fmla="*/ 6 w 292" name="T18"/>
                  <a:gd fmla="*/ 243 h 544" name="T19"/>
                  <a:gd fmla="*/ 21 w 292" name="T20"/>
                  <a:gd fmla="*/ 246 h 544" name="T21"/>
                  <a:gd fmla="*/ 33 w 292" name="T22"/>
                  <a:gd fmla="*/ 240 h 544" name="T23"/>
                  <a:gd fmla="*/ 39 w 292" name="T24"/>
                  <a:gd fmla="*/ 228 h 544" name="T25"/>
                  <a:gd fmla="*/ 75 w 292" name="T26"/>
                  <a:gd fmla="*/ 90 h 544" name="T27"/>
                  <a:gd fmla="*/ 81 w 292" name="T28"/>
                  <a:gd fmla="*/ 96 h 544" name="T29"/>
                  <a:gd fmla="*/ 87 w 292" name="T30"/>
                  <a:gd fmla="*/ 129 h 544" name="T31"/>
                  <a:gd fmla="*/ 90 w 292" name="T32"/>
                  <a:gd fmla="*/ 165 h 544" name="T33"/>
                  <a:gd fmla="*/ 42 w 292" name="T34"/>
                  <a:gd fmla="*/ 312 h 544" name="T35"/>
                  <a:gd fmla="*/ 87 w 292" name="T36"/>
                  <a:gd fmla="*/ 312 h 544" name="T37"/>
                  <a:gd fmla="*/ 87 w 292" name="T38"/>
                  <a:gd fmla="*/ 513 h 544" name="T39"/>
                  <a:gd fmla="*/ 87 w 292" name="T40"/>
                  <a:gd fmla="*/ 528 h 544" name="T41"/>
                  <a:gd fmla="*/ 93 w 292" name="T42"/>
                  <a:gd fmla="*/ 537 h 544" name="T43"/>
                  <a:gd fmla="*/ 102 w 292" name="T44"/>
                  <a:gd fmla="*/ 543 h 544" name="T45"/>
                  <a:gd fmla="*/ 120 w 292" name="T46"/>
                  <a:gd fmla="*/ 543 h 544" name="T47"/>
                  <a:gd fmla="*/ 129 w 292" name="T48"/>
                  <a:gd fmla="*/ 537 h 544" name="T49"/>
                  <a:gd fmla="*/ 132 w 292" name="T50"/>
                  <a:gd fmla="*/ 528 h 544" name="T51"/>
                  <a:gd fmla="*/ 135 w 292" name="T52"/>
                  <a:gd fmla="*/ 513 h 544" name="T53"/>
                  <a:gd fmla="*/ 135 w 292" name="T54"/>
                  <a:gd fmla="*/ 324 h 544" name="T55"/>
                  <a:gd fmla="*/ 135 w 292" name="T56"/>
                  <a:gd fmla="*/ 321 h 544" name="T57"/>
                  <a:gd fmla="*/ 144 w 292" name="T58"/>
                  <a:gd fmla="*/ 315 h 544" name="T59"/>
                  <a:gd fmla="*/ 150 w 292" name="T60"/>
                  <a:gd fmla="*/ 321 h 544" name="T61"/>
                  <a:gd fmla="*/ 150 w 292" name="T62"/>
                  <a:gd fmla="*/ 324 h 544" name="T63"/>
                  <a:gd fmla="*/ 150 w 292" name="T64"/>
                  <a:gd fmla="*/ 513 h 544" name="T65"/>
                  <a:gd fmla="*/ 153 w 292" name="T66"/>
                  <a:gd fmla="*/ 528 h 544" name="T67"/>
                  <a:gd fmla="*/ 159 w 292" name="T68"/>
                  <a:gd fmla="*/ 537 h 544" name="T69"/>
                  <a:gd fmla="*/ 171 w 292" name="T70"/>
                  <a:gd fmla="*/ 543 h 544" name="T71"/>
                  <a:gd fmla="*/ 189 w 292" name="T72"/>
                  <a:gd fmla="*/ 543 h 544" name="T73"/>
                  <a:gd fmla="*/ 198 w 292" name="T74"/>
                  <a:gd fmla="*/ 537 h 544" name="T75"/>
                  <a:gd fmla="*/ 201 w 292" name="T76"/>
                  <a:gd fmla="*/ 528 h 544" name="T77"/>
                  <a:gd fmla="*/ 204 w 292" name="T78"/>
                  <a:gd fmla="*/ 513 h 544" name="T79"/>
                  <a:gd fmla="*/ 204 w 292" name="T80"/>
                  <a:gd fmla="*/ 312 h 544" name="T81"/>
                  <a:gd fmla="*/ 249 w 292" name="T82"/>
                  <a:gd fmla="*/ 312 h 544" name="T83"/>
                  <a:gd fmla="*/ 198 w 292" name="T84"/>
                  <a:gd fmla="*/ 165 h 544" name="T85"/>
                  <a:gd fmla="*/ 198 w 292" name="T86"/>
                  <a:gd fmla="*/ 141 h 544" name="T87"/>
                  <a:gd fmla="*/ 201 w 292" name="T88"/>
                  <a:gd fmla="*/ 117 h 544" name="T89"/>
                  <a:gd fmla="*/ 204 w 292" name="T90"/>
                  <a:gd fmla="*/ 99 h 544" name="T91"/>
                  <a:gd fmla="*/ 210 w 292" name="T92"/>
                  <a:gd fmla="*/ 90 h 544" name="T93"/>
                  <a:gd fmla="*/ 252 w 292" name="T94"/>
                  <a:gd fmla="*/ 234 h 544" name="T95"/>
                  <a:gd fmla="*/ 261 w 292" name="T96"/>
                  <a:gd fmla="*/ 249 h 544" name="T97"/>
                  <a:gd fmla="*/ 276 w 292" name="T98"/>
                  <a:gd fmla="*/ 252 h 544" name="T99"/>
                  <a:gd fmla="*/ 288 w 292" name="T100"/>
                  <a:gd fmla="*/ 249 h 544" name="T101"/>
                  <a:gd fmla="*/ 291 w 292" name="T102"/>
                  <a:gd fmla="*/ 240 h 544" name="T103"/>
                  <a:gd fmla="*/ 291 w 292" name="T104"/>
                  <a:gd fmla="*/ 225 h 544" name="T105"/>
                  <a:gd fmla="*/ 243 w 292" name="T106"/>
                  <a:gd fmla="*/ 60 h 544" name="T107"/>
                  <a:gd fmla="*/ 237 w 292" name="T108"/>
                  <a:gd fmla="*/ 39 h 544" name="T109"/>
                  <a:gd fmla="*/ 225 w 292" name="T110"/>
                  <a:gd fmla="*/ 21 h 544" name="T111"/>
                  <a:gd fmla="*/ 207 w 292" name="T112"/>
                  <a:gd fmla="*/ 9 h 544" name="T113"/>
                  <a:gd fmla="*/ 180 w 292" name="T114"/>
                  <a:gd fmla="*/ 0 h 544" name="T11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b="b" l="0" r="r" t="0"/>
                <a:pathLst>
                  <a:path h="544" w="292">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6" name="Oval 59"/>
              <p:cNvSpPr>
                <a:spLocks noChangeArrowheads="1"/>
              </p:cNvSpPr>
              <p:nvPr/>
            </p:nvSpPr>
            <p:spPr bwMode="auto">
              <a:xfrm>
                <a:off x="4058559" y="4592500"/>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8" name="组合 7"/>
            <p:cNvGrpSpPr/>
            <p:nvPr/>
          </p:nvGrpSpPr>
          <p:grpSpPr>
            <a:xfrm>
              <a:off x="4848373" y="3259069"/>
              <a:ext cx="607361" cy="717050"/>
              <a:chOff x="3710964" y="4592500"/>
              <a:chExt cx="607361" cy="812816"/>
            </a:xfrm>
            <a:grpFill/>
          </p:grpSpPr>
          <p:sp>
            <p:nvSpPr>
              <p:cNvPr id="19" name="Freeform 57"/>
              <p:cNvSpPr/>
              <p:nvPr/>
            </p:nvSpPr>
            <p:spPr bwMode="auto">
              <a:xfrm>
                <a:off x="3710964" y="4978753"/>
                <a:ext cx="184731" cy="423891"/>
              </a:xfrm>
              <a:custGeom>
                <a:gdLst>
                  <a:gd fmla="*/ 159 w 211" name="T0"/>
                  <a:gd fmla="*/ 465 h 493" name="T1"/>
                  <a:gd fmla="*/ 159 w 211" name="T2"/>
                  <a:gd fmla="*/ 81 h 493" name="T3"/>
                  <a:gd fmla="*/ 165 w 211" name="T4"/>
                  <a:gd fmla="*/ 69 h 493" name="T5"/>
                  <a:gd fmla="*/ 174 w 211" name="T6"/>
                  <a:gd fmla="*/ 78 h 493" name="T7"/>
                  <a:gd fmla="*/ 174 w 211" name="T8"/>
                  <a:gd fmla="*/ 219 h 493" name="T9"/>
                  <a:gd fmla="*/ 174 w 211" name="T10"/>
                  <a:gd fmla="*/ 231 h 493" name="T11"/>
                  <a:gd fmla="*/ 180 w 211" name="T12"/>
                  <a:gd fmla="*/ 237 h 493" name="T13"/>
                  <a:gd fmla="*/ 189 w 211" name="T14"/>
                  <a:gd fmla="*/ 243 h 493" name="T15"/>
                  <a:gd fmla="*/ 201 w 211" name="T16"/>
                  <a:gd fmla="*/ 240 h 493" name="T17"/>
                  <a:gd fmla="*/ 207 w 211" name="T18"/>
                  <a:gd fmla="*/ 231 h 493" name="T19"/>
                  <a:gd fmla="*/ 210 w 211" name="T20"/>
                  <a:gd fmla="*/ 216 h 493" name="T21"/>
                  <a:gd fmla="*/ 210 w 211" name="T22"/>
                  <a:gd fmla="*/ 54 h 493" name="T23"/>
                  <a:gd fmla="*/ 204 w 211" name="T24"/>
                  <a:gd fmla="*/ 36 h 493" name="T25"/>
                  <a:gd fmla="*/ 192 w 211" name="T26"/>
                  <a:gd fmla="*/ 21 h 493" name="T27"/>
                  <a:gd fmla="*/ 168 w 211" name="T28"/>
                  <a:gd fmla="*/ 6 h 493" name="T29"/>
                  <a:gd fmla="*/ 138 w 211" name="T30"/>
                  <a:gd fmla="*/ 0 h 493" name="T31"/>
                  <a:gd fmla="*/ 72 w 211" name="T32"/>
                  <a:gd fmla="*/ 0 h 493" name="T33"/>
                  <a:gd fmla="*/ 48 w 211" name="T34"/>
                  <a:gd fmla="*/ 3 h 493" name="T35"/>
                  <a:gd fmla="*/ 24 w 211" name="T36"/>
                  <a:gd fmla="*/ 15 h 493" name="T37"/>
                  <a:gd fmla="*/ 6 w 211" name="T38"/>
                  <a:gd fmla="*/ 33 h 493" name="T39"/>
                  <a:gd fmla="*/ 0 w 211" name="T40"/>
                  <a:gd fmla="*/ 57 h 493" name="T41"/>
                  <a:gd fmla="*/ 0 w 211" name="T42"/>
                  <a:gd fmla="*/ 219 h 493" name="T43"/>
                  <a:gd fmla="*/ 3 w 211" name="T44"/>
                  <a:gd fmla="*/ 234 h 493" name="T45"/>
                  <a:gd fmla="*/ 9 w 211" name="T46"/>
                  <a:gd fmla="*/ 246 h 493" name="T47"/>
                  <a:gd fmla="*/ 21 w 211" name="T48"/>
                  <a:gd fmla="*/ 249 h 493" name="T49"/>
                  <a:gd fmla="*/ 30 w 211" name="T50"/>
                  <a:gd fmla="*/ 243 h 493" name="T51"/>
                  <a:gd fmla="*/ 33 w 211" name="T52"/>
                  <a:gd fmla="*/ 234 h 493" name="T53"/>
                  <a:gd fmla="*/ 36 w 211" name="T54"/>
                  <a:gd fmla="*/ 219 h 493" name="T55"/>
                  <a:gd fmla="*/ 36 w 211" name="T56"/>
                  <a:gd fmla="*/ 78 h 493" name="T57"/>
                  <a:gd fmla="*/ 42 w 211" name="T58"/>
                  <a:gd fmla="*/ 69 h 493" name="T59"/>
                  <a:gd fmla="*/ 51 w 211" name="T60"/>
                  <a:gd fmla="*/ 81 h 493" name="T61"/>
                  <a:gd fmla="*/ 51 w 211" name="T62"/>
                  <a:gd fmla="*/ 465 h 493" name="T63"/>
                  <a:gd fmla="*/ 54 w 211" name="T64"/>
                  <a:gd fmla="*/ 480 h 493" name="T65"/>
                  <a:gd fmla="*/ 63 w 211" name="T66"/>
                  <a:gd fmla="*/ 489 h 493" name="T67"/>
                  <a:gd fmla="*/ 75 w 211" name="T68"/>
                  <a:gd fmla="*/ 492 h 493" name="T69"/>
                  <a:gd fmla="*/ 90 w 211" name="T70"/>
                  <a:gd fmla="*/ 489 h 493" name="T71"/>
                  <a:gd fmla="*/ 96 w 211" name="T72"/>
                  <a:gd fmla="*/ 483 h 493" name="T73"/>
                  <a:gd fmla="*/ 99 w 211" name="T74"/>
                  <a:gd fmla="*/ 465 h 493" name="T75"/>
                  <a:gd fmla="*/ 99 w 211" name="T76"/>
                  <a:gd fmla="*/ 234 h 493" name="T77"/>
                  <a:gd fmla="*/ 105 w 211" name="T78"/>
                  <a:gd fmla="*/ 228 h 493" name="T79"/>
                  <a:gd fmla="*/ 114 w 211" name="T80"/>
                  <a:gd fmla="*/ 234 h 493" name="T81"/>
                  <a:gd fmla="*/ 114 w 211" name="T82"/>
                  <a:gd fmla="*/ 465 h 493" name="T83"/>
                  <a:gd fmla="*/ 114 w 211" name="T84"/>
                  <a:gd fmla="*/ 480 h 493" name="T85"/>
                  <a:gd fmla="*/ 123 w 211" name="T86"/>
                  <a:gd fmla="*/ 489 h 493" name="T87"/>
                  <a:gd fmla="*/ 138 w 211" name="T88"/>
                  <a:gd fmla="*/ 492 h 493" name="T89"/>
                  <a:gd fmla="*/ 150 w 211" name="T90"/>
                  <a:gd fmla="*/ 489 h 493" name="T91"/>
                  <a:gd fmla="*/ 156 w 211" name="T92"/>
                  <a:gd fmla="*/ 480 h 493" name="T93"/>
                  <a:gd fmla="*/ 159 w 211" name="T94"/>
                  <a:gd fmla="*/ 465 h 493" name="T95"/>
                  <a:gd fmla="*/ 159 w 211" name="T96"/>
                  <a:gd fmla="*/ 465 h 493" name="T97"/>
                  <a:gd fmla="*/ 159 w 211" name="T98"/>
                  <a:gd fmla="*/ 465 h 493" name="T9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b="b" l="0" r="r" t="0"/>
                <a:pathLst>
                  <a:path h="492" w="211">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0" name="Oval 58"/>
              <p:cNvSpPr>
                <a:spLocks noChangeArrowheads="1"/>
              </p:cNvSpPr>
              <p:nvPr/>
            </p:nvSpPr>
            <p:spPr bwMode="auto">
              <a:xfrm>
                <a:off x="3756183" y="4596857"/>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1" name="Freeform 56"/>
              <p:cNvSpPr/>
              <p:nvPr/>
            </p:nvSpPr>
            <p:spPr bwMode="auto">
              <a:xfrm>
                <a:off x="3990534" y="4981425"/>
                <a:ext cx="184731" cy="423891"/>
              </a:xfrm>
              <a:custGeom>
                <a:gdLst>
                  <a:gd fmla="*/ 180 w 292" name="T0"/>
                  <a:gd fmla="*/ 0 h 544" name="T1"/>
                  <a:gd fmla="*/ 120 w 292" name="T2"/>
                  <a:gd fmla="*/ 0 h 544" name="T3"/>
                  <a:gd fmla="*/ 93 w 292" name="T4"/>
                  <a:gd fmla="*/ 3 h 544" name="T5"/>
                  <a:gd fmla="*/ 75 w 292" name="T6"/>
                  <a:gd fmla="*/ 12 h 544" name="T7"/>
                  <a:gd fmla="*/ 60 w 292" name="T8"/>
                  <a:gd fmla="*/ 24 h 544" name="T9"/>
                  <a:gd fmla="*/ 51 w 292" name="T10"/>
                  <a:gd fmla="*/ 39 h 544" name="T11"/>
                  <a:gd fmla="*/ 42 w 292" name="T12"/>
                  <a:gd fmla="*/ 60 h 544" name="T13"/>
                  <a:gd fmla="*/ 0 w 292" name="T14"/>
                  <a:gd fmla="*/ 216 h 544" name="T15"/>
                  <a:gd fmla="*/ 0 w 292" name="T16"/>
                  <a:gd fmla="*/ 234 h 544" name="T17"/>
                  <a:gd fmla="*/ 6 w 292" name="T18"/>
                  <a:gd fmla="*/ 243 h 544" name="T19"/>
                  <a:gd fmla="*/ 21 w 292" name="T20"/>
                  <a:gd fmla="*/ 246 h 544" name="T21"/>
                  <a:gd fmla="*/ 33 w 292" name="T22"/>
                  <a:gd fmla="*/ 240 h 544" name="T23"/>
                  <a:gd fmla="*/ 39 w 292" name="T24"/>
                  <a:gd fmla="*/ 228 h 544" name="T25"/>
                  <a:gd fmla="*/ 75 w 292" name="T26"/>
                  <a:gd fmla="*/ 90 h 544" name="T27"/>
                  <a:gd fmla="*/ 81 w 292" name="T28"/>
                  <a:gd fmla="*/ 96 h 544" name="T29"/>
                  <a:gd fmla="*/ 87 w 292" name="T30"/>
                  <a:gd fmla="*/ 129 h 544" name="T31"/>
                  <a:gd fmla="*/ 90 w 292" name="T32"/>
                  <a:gd fmla="*/ 165 h 544" name="T33"/>
                  <a:gd fmla="*/ 42 w 292" name="T34"/>
                  <a:gd fmla="*/ 312 h 544" name="T35"/>
                  <a:gd fmla="*/ 87 w 292" name="T36"/>
                  <a:gd fmla="*/ 312 h 544" name="T37"/>
                  <a:gd fmla="*/ 87 w 292" name="T38"/>
                  <a:gd fmla="*/ 513 h 544" name="T39"/>
                  <a:gd fmla="*/ 87 w 292" name="T40"/>
                  <a:gd fmla="*/ 528 h 544" name="T41"/>
                  <a:gd fmla="*/ 93 w 292" name="T42"/>
                  <a:gd fmla="*/ 537 h 544" name="T43"/>
                  <a:gd fmla="*/ 102 w 292" name="T44"/>
                  <a:gd fmla="*/ 543 h 544" name="T45"/>
                  <a:gd fmla="*/ 120 w 292" name="T46"/>
                  <a:gd fmla="*/ 543 h 544" name="T47"/>
                  <a:gd fmla="*/ 129 w 292" name="T48"/>
                  <a:gd fmla="*/ 537 h 544" name="T49"/>
                  <a:gd fmla="*/ 132 w 292" name="T50"/>
                  <a:gd fmla="*/ 528 h 544" name="T51"/>
                  <a:gd fmla="*/ 135 w 292" name="T52"/>
                  <a:gd fmla="*/ 513 h 544" name="T53"/>
                  <a:gd fmla="*/ 135 w 292" name="T54"/>
                  <a:gd fmla="*/ 324 h 544" name="T55"/>
                  <a:gd fmla="*/ 135 w 292" name="T56"/>
                  <a:gd fmla="*/ 321 h 544" name="T57"/>
                  <a:gd fmla="*/ 144 w 292" name="T58"/>
                  <a:gd fmla="*/ 315 h 544" name="T59"/>
                  <a:gd fmla="*/ 150 w 292" name="T60"/>
                  <a:gd fmla="*/ 321 h 544" name="T61"/>
                  <a:gd fmla="*/ 150 w 292" name="T62"/>
                  <a:gd fmla="*/ 324 h 544" name="T63"/>
                  <a:gd fmla="*/ 150 w 292" name="T64"/>
                  <a:gd fmla="*/ 513 h 544" name="T65"/>
                  <a:gd fmla="*/ 153 w 292" name="T66"/>
                  <a:gd fmla="*/ 528 h 544" name="T67"/>
                  <a:gd fmla="*/ 159 w 292" name="T68"/>
                  <a:gd fmla="*/ 537 h 544" name="T69"/>
                  <a:gd fmla="*/ 171 w 292" name="T70"/>
                  <a:gd fmla="*/ 543 h 544" name="T71"/>
                  <a:gd fmla="*/ 189 w 292" name="T72"/>
                  <a:gd fmla="*/ 543 h 544" name="T73"/>
                  <a:gd fmla="*/ 198 w 292" name="T74"/>
                  <a:gd fmla="*/ 537 h 544" name="T75"/>
                  <a:gd fmla="*/ 201 w 292" name="T76"/>
                  <a:gd fmla="*/ 528 h 544" name="T77"/>
                  <a:gd fmla="*/ 204 w 292" name="T78"/>
                  <a:gd fmla="*/ 513 h 544" name="T79"/>
                  <a:gd fmla="*/ 204 w 292" name="T80"/>
                  <a:gd fmla="*/ 312 h 544" name="T81"/>
                  <a:gd fmla="*/ 249 w 292" name="T82"/>
                  <a:gd fmla="*/ 312 h 544" name="T83"/>
                  <a:gd fmla="*/ 198 w 292" name="T84"/>
                  <a:gd fmla="*/ 165 h 544" name="T85"/>
                  <a:gd fmla="*/ 198 w 292" name="T86"/>
                  <a:gd fmla="*/ 141 h 544" name="T87"/>
                  <a:gd fmla="*/ 201 w 292" name="T88"/>
                  <a:gd fmla="*/ 117 h 544" name="T89"/>
                  <a:gd fmla="*/ 204 w 292" name="T90"/>
                  <a:gd fmla="*/ 99 h 544" name="T91"/>
                  <a:gd fmla="*/ 210 w 292" name="T92"/>
                  <a:gd fmla="*/ 90 h 544" name="T93"/>
                  <a:gd fmla="*/ 252 w 292" name="T94"/>
                  <a:gd fmla="*/ 234 h 544" name="T95"/>
                  <a:gd fmla="*/ 261 w 292" name="T96"/>
                  <a:gd fmla="*/ 249 h 544" name="T97"/>
                  <a:gd fmla="*/ 276 w 292" name="T98"/>
                  <a:gd fmla="*/ 252 h 544" name="T99"/>
                  <a:gd fmla="*/ 288 w 292" name="T100"/>
                  <a:gd fmla="*/ 249 h 544" name="T101"/>
                  <a:gd fmla="*/ 291 w 292" name="T102"/>
                  <a:gd fmla="*/ 240 h 544" name="T103"/>
                  <a:gd fmla="*/ 291 w 292" name="T104"/>
                  <a:gd fmla="*/ 225 h 544" name="T105"/>
                  <a:gd fmla="*/ 243 w 292" name="T106"/>
                  <a:gd fmla="*/ 60 h 544" name="T107"/>
                  <a:gd fmla="*/ 237 w 292" name="T108"/>
                  <a:gd fmla="*/ 39 h 544" name="T109"/>
                  <a:gd fmla="*/ 225 w 292" name="T110"/>
                  <a:gd fmla="*/ 21 h 544" name="T111"/>
                  <a:gd fmla="*/ 207 w 292" name="T112"/>
                  <a:gd fmla="*/ 9 h 544" name="T113"/>
                  <a:gd fmla="*/ 180 w 292" name="T114"/>
                  <a:gd fmla="*/ 0 h 544" name="T11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b="b" l="0" r="r" t="0"/>
                <a:pathLst>
                  <a:path h="544" w="292">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22" name="Oval 59"/>
              <p:cNvSpPr>
                <a:spLocks noChangeArrowheads="1"/>
              </p:cNvSpPr>
              <p:nvPr/>
            </p:nvSpPr>
            <p:spPr bwMode="auto">
              <a:xfrm>
                <a:off x="4058559" y="4592500"/>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9" name="组合 8"/>
            <p:cNvGrpSpPr/>
            <p:nvPr/>
          </p:nvGrpSpPr>
          <p:grpSpPr>
            <a:xfrm>
              <a:off x="5477544" y="3253723"/>
              <a:ext cx="607361" cy="717050"/>
              <a:chOff x="3710964" y="4592500"/>
              <a:chExt cx="607361" cy="812816"/>
            </a:xfrm>
            <a:grpFill/>
          </p:grpSpPr>
          <p:sp>
            <p:nvSpPr>
              <p:cNvPr id="15" name="Freeform 57"/>
              <p:cNvSpPr/>
              <p:nvPr/>
            </p:nvSpPr>
            <p:spPr bwMode="auto">
              <a:xfrm>
                <a:off x="3710964" y="4978753"/>
                <a:ext cx="184731" cy="423891"/>
              </a:xfrm>
              <a:custGeom>
                <a:gdLst>
                  <a:gd fmla="*/ 159 w 211" name="T0"/>
                  <a:gd fmla="*/ 465 h 493" name="T1"/>
                  <a:gd fmla="*/ 159 w 211" name="T2"/>
                  <a:gd fmla="*/ 81 h 493" name="T3"/>
                  <a:gd fmla="*/ 165 w 211" name="T4"/>
                  <a:gd fmla="*/ 69 h 493" name="T5"/>
                  <a:gd fmla="*/ 174 w 211" name="T6"/>
                  <a:gd fmla="*/ 78 h 493" name="T7"/>
                  <a:gd fmla="*/ 174 w 211" name="T8"/>
                  <a:gd fmla="*/ 219 h 493" name="T9"/>
                  <a:gd fmla="*/ 174 w 211" name="T10"/>
                  <a:gd fmla="*/ 231 h 493" name="T11"/>
                  <a:gd fmla="*/ 180 w 211" name="T12"/>
                  <a:gd fmla="*/ 237 h 493" name="T13"/>
                  <a:gd fmla="*/ 189 w 211" name="T14"/>
                  <a:gd fmla="*/ 243 h 493" name="T15"/>
                  <a:gd fmla="*/ 201 w 211" name="T16"/>
                  <a:gd fmla="*/ 240 h 493" name="T17"/>
                  <a:gd fmla="*/ 207 w 211" name="T18"/>
                  <a:gd fmla="*/ 231 h 493" name="T19"/>
                  <a:gd fmla="*/ 210 w 211" name="T20"/>
                  <a:gd fmla="*/ 216 h 493" name="T21"/>
                  <a:gd fmla="*/ 210 w 211" name="T22"/>
                  <a:gd fmla="*/ 54 h 493" name="T23"/>
                  <a:gd fmla="*/ 204 w 211" name="T24"/>
                  <a:gd fmla="*/ 36 h 493" name="T25"/>
                  <a:gd fmla="*/ 192 w 211" name="T26"/>
                  <a:gd fmla="*/ 21 h 493" name="T27"/>
                  <a:gd fmla="*/ 168 w 211" name="T28"/>
                  <a:gd fmla="*/ 6 h 493" name="T29"/>
                  <a:gd fmla="*/ 138 w 211" name="T30"/>
                  <a:gd fmla="*/ 0 h 493" name="T31"/>
                  <a:gd fmla="*/ 72 w 211" name="T32"/>
                  <a:gd fmla="*/ 0 h 493" name="T33"/>
                  <a:gd fmla="*/ 48 w 211" name="T34"/>
                  <a:gd fmla="*/ 3 h 493" name="T35"/>
                  <a:gd fmla="*/ 24 w 211" name="T36"/>
                  <a:gd fmla="*/ 15 h 493" name="T37"/>
                  <a:gd fmla="*/ 6 w 211" name="T38"/>
                  <a:gd fmla="*/ 33 h 493" name="T39"/>
                  <a:gd fmla="*/ 0 w 211" name="T40"/>
                  <a:gd fmla="*/ 57 h 493" name="T41"/>
                  <a:gd fmla="*/ 0 w 211" name="T42"/>
                  <a:gd fmla="*/ 219 h 493" name="T43"/>
                  <a:gd fmla="*/ 3 w 211" name="T44"/>
                  <a:gd fmla="*/ 234 h 493" name="T45"/>
                  <a:gd fmla="*/ 9 w 211" name="T46"/>
                  <a:gd fmla="*/ 246 h 493" name="T47"/>
                  <a:gd fmla="*/ 21 w 211" name="T48"/>
                  <a:gd fmla="*/ 249 h 493" name="T49"/>
                  <a:gd fmla="*/ 30 w 211" name="T50"/>
                  <a:gd fmla="*/ 243 h 493" name="T51"/>
                  <a:gd fmla="*/ 33 w 211" name="T52"/>
                  <a:gd fmla="*/ 234 h 493" name="T53"/>
                  <a:gd fmla="*/ 36 w 211" name="T54"/>
                  <a:gd fmla="*/ 219 h 493" name="T55"/>
                  <a:gd fmla="*/ 36 w 211" name="T56"/>
                  <a:gd fmla="*/ 78 h 493" name="T57"/>
                  <a:gd fmla="*/ 42 w 211" name="T58"/>
                  <a:gd fmla="*/ 69 h 493" name="T59"/>
                  <a:gd fmla="*/ 51 w 211" name="T60"/>
                  <a:gd fmla="*/ 81 h 493" name="T61"/>
                  <a:gd fmla="*/ 51 w 211" name="T62"/>
                  <a:gd fmla="*/ 465 h 493" name="T63"/>
                  <a:gd fmla="*/ 54 w 211" name="T64"/>
                  <a:gd fmla="*/ 480 h 493" name="T65"/>
                  <a:gd fmla="*/ 63 w 211" name="T66"/>
                  <a:gd fmla="*/ 489 h 493" name="T67"/>
                  <a:gd fmla="*/ 75 w 211" name="T68"/>
                  <a:gd fmla="*/ 492 h 493" name="T69"/>
                  <a:gd fmla="*/ 90 w 211" name="T70"/>
                  <a:gd fmla="*/ 489 h 493" name="T71"/>
                  <a:gd fmla="*/ 96 w 211" name="T72"/>
                  <a:gd fmla="*/ 483 h 493" name="T73"/>
                  <a:gd fmla="*/ 99 w 211" name="T74"/>
                  <a:gd fmla="*/ 465 h 493" name="T75"/>
                  <a:gd fmla="*/ 99 w 211" name="T76"/>
                  <a:gd fmla="*/ 234 h 493" name="T77"/>
                  <a:gd fmla="*/ 105 w 211" name="T78"/>
                  <a:gd fmla="*/ 228 h 493" name="T79"/>
                  <a:gd fmla="*/ 114 w 211" name="T80"/>
                  <a:gd fmla="*/ 234 h 493" name="T81"/>
                  <a:gd fmla="*/ 114 w 211" name="T82"/>
                  <a:gd fmla="*/ 465 h 493" name="T83"/>
                  <a:gd fmla="*/ 114 w 211" name="T84"/>
                  <a:gd fmla="*/ 480 h 493" name="T85"/>
                  <a:gd fmla="*/ 123 w 211" name="T86"/>
                  <a:gd fmla="*/ 489 h 493" name="T87"/>
                  <a:gd fmla="*/ 138 w 211" name="T88"/>
                  <a:gd fmla="*/ 492 h 493" name="T89"/>
                  <a:gd fmla="*/ 150 w 211" name="T90"/>
                  <a:gd fmla="*/ 489 h 493" name="T91"/>
                  <a:gd fmla="*/ 156 w 211" name="T92"/>
                  <a:gd fmla="*/ 480 h 493" name="T93"/>
                  <a:gd fmla="*/ 159 w 211" name="T94"/>
                  <a:gd fmla="*/ 465 h 493" name="T95"/>
                  <a:gd fmla="*/ 159 w 211" name="T96"/>
                  <a:gd fmla="*/ 465 h 493" name="T97"/>
                  <a:gd fmla="*/ 159 w 211" name="T98"/>
                  <a:gd fmla="*/ 465 h 493" name="T9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b="b" l="0" r="r" t="0"/>
                <a:pathLst>
                  <a:path h="492" w="211">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6" name="Oval 58"/>
              <p:cNvSpPr>
                <a:spLocks noChangeArrowheads="1"/>
              </p:cNvSpPr>
              <p:nvPr/>
            </p:nvSpPr>
            <p:spPr bwMode="auto">
              <a:xfrm>
                <a:off x="3756183" y="4596857"/>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7" name="Freeform 56"/>
              <p:cNvSpPr/>
              <p:nvPr/>
            </p:nvSpPr>
            <p:spPr bwMode="auto">
              <a:xfrm>
                <a:off x="3990534" y="4981425"/>
                <a:ext cx="184731" cy="423891"/>
              </a:xfrm>
              <a:custGeom>
                <a:gdLst>
                  <a:gd fmla="*/ 180 w 292" name="T0"/>
                  <a:gd fmla="*/ 0 h 544" name="T1"/>
                  <a:gd fmla="*/ 120 w 292" name="T2"/>
                  <a:gd fmla="*/ 0 h 544" name="T3"/>
                  <a:gd fmla="*/ 93 w 292" name="T4"/>
                  <a:gd fmla="*/ 3 h 544" name="T5"/>
                  <a:gd fmla="*/ 75 w 292" name="T6"/>
                  <a:gd fmla="*/ 12 h 544" name="T7"/>
                  <a:gd fmla="*/ 60 w 292" name="T8"/>
                  <a:gd fmla="*/ 24 h 544" name="T9"/>
                  <a:gd fmla="*/ 51 w 292" name="T10"/>
                  <a:gd fmla="*/ 39 h 544" name="T11"/>
                  <a:gd fmla="*/ 42 w 292" name="T12"/>
                  <a:gd fmla="*/ 60 h 544" name="T13"/>
                  <a:gd fmla="*/ 0 w 292" name="T14"/>
                  <a:gd fmla="*/ 216 h 544" name="T15"/>
                  <a:gd fmla="*/ 0 w 292" name="T16"/>
                  <a:gd fmla="*/ 234 h 544" name="T17"/>
                  <a:gd fmla="*/ 6 w 292" name="T18"/>
                  <a:gd fmla="*/ 243 h 544" name="T19"/>
                  <a:gd fmla="*/ 21 w 292" name="T20"/>
                  <a:gd fmla="*/ 246 h 544" name="T21"/>
                  <a:gd fmla="*/ 33 w 292" name="T22"/>
                  <a:gd fmla="*/ 240 h 544" name="T23"/>
                  <a:gd fmla="*/ 39 w 292" name="T24"/>
                  <a:gd fmla="*/ 228 h 544" name="T25"/>
                  <a:gd fmla="*/ 75 w 292" name="T26"/>
                  <a:gd fmla="*/ 90 h 544" name="T27"/>
                  <a:gd fmla="*/ 81 w 292" name="T28"/>
                  <a:gd fmla="*/ 96 h 544" name="T29"/>
                  <a:gd fmla="*/ 87 w 292" name="T30"/>
                  <a:gd fmla="*/ 129 h 544" name="T31"/>
                  <a:gd fmla="*/ 90 w 292" name="T32"/>
                  <a:gd fmla="*/ 165 h 544" name="T33"/>
                  <a:gd fmla="*/ 42 w 292" name="T34"/>
                  <a:gd fmla="*/ 312 h 544" name="T35"/>
                  <a:gd fmla="*/ 87 w 292" name="T36"/>
                  <a:gd fmla="*/ 312 h 544" name="T37"/>
                  <a:gd fmla="*/ 87 w 292" name="T38"/>
                  <a:gd fmla="*/ 513 h 544" name="T39"/>
                  <a:gd fmla="*/ 87 w 292" name="T40"/>
                  <a:gd fmla="*/ 528 h 544" name="T41"/>
                  <a:gd fmla="*/ 93 w 292" name="T42"/>
                  <a:gd fmla="*/ 537 h 544" name="T43"/>
                  <a:gd fmla="*/ 102 w 292" name="T44"/>
                  <a:gd fmla="*/ 543 h 544" name="T45"/>
                  <a:gd fmla="*/ 120 w 292" name="T46"/>
                  <a:gd fmla="*/ 543 h 544" name="T47"/>
                  <a:gd fmla="*/ 129 w 292" name="T48"/>
                  <a:gd fmla="*/ 537 h 544" name="T49"/>
                  <a:gd fmla="*/ 132 w 292" name="T50"/>
                  <a:gd fmla="*/ 528 h 544" name="T51"/>
                  <a:gd fmla="*/ 135 w 292" name="T52"/>
                  <a:gd fmla="*/ 513 h 544" name="T53"/>
                  <a:gd fmla="*/ 135 w 292" name="T54"/>
                  <a:gd fmla="*/ 324 h 544" name="T55"/>
                  <a:gd fmla="*/ 135 w 292" name="T56"/>
                  <a:gd fmla="*/ 321 h 544" name="T57"/>
                  <a:gd fmla="*/ 144 w 292" name="T58"/>
                  <a:gd fmla="*/ 315 h 544" name="T59"/>
                  <a:gd fmla="*/ 150 w 292" name="T60"/>
                  <a:gd fmla="*/ 321 h 544" name="T61"/>
                  <a:gd fmla="*/ 150 w 292" name="T62"/>
                  <a:gd fmla="*/ 324 h 544" name="T63"/>
                  <a:gd fmla="*/ 150 w 292" name="T64"/>
                  <a:gd fmla="*/ 513 h 544" name="T65"/>
                  <a:gd fmla="*/ 153 w 292" name="T66"/>
                  <a:gd fmla="*/ 528 h 544" name="T67"/>
                  <a:gd fmla="*/ 159 w 292" name="T68"/>
                  <a:gd fmla="*/ 537 h 544" name="T69"/>
                  <a:gd fmla="*/ 171 w 292" name="T70"/>
                  <a:gd fmla="*/ 543 h 544" name="T71"/>
                  <a:gd fmla="*/ 189 w 292" name="T72"/>
                  <a:gd fmla="*/ 543 h 544" name="T73"/>
                  <a:gd fmla="*/ 198 w 292" name="T74"/>
                  <a:gd fmla="*/ 537 h 544" name="T75"/>
                  <a:gd fmla="*/ 201 w 292" name="T76"/>
                  <a:gd fmla="*/ 528 h 544" name="T77"/>
                  <a:gd fmla="*/ 204 w 292" name="T78"/>
                  <a:gd fmla="*/ 513 h 544" name="T79"/>
                  <a:gd fmla="*/ 204 w 292" name="T80"/>
                  <a:gd fmla="*/ 312 h 544" name="T81"/>
                  <a:gd fmla="*/ 249 w 292" name="T82"/>
                  <a:gd fmla="*/ 312 h 544" name="T83"/>
                  <a:gd fmla="*/ 198 w 292" name="T84"/>
                  <a:gd fmla="*/ 165 h 544" name="T85"/>
                  <a:gd fmla="*/ 198 w 292" name="T86"/>
                  <a:gd fmla="*/ 141 h 544" name="T87"/>
                  <a:gd fmla="*/ 201 w 292" name="T88"/>
                  <a:gd fmla="*/ 117 h 544" name="T89"/>
                  <a:gd fmla="*/ 204 w 292" name="T90"/>
                  <a:gd fmla="*/ 99 h 544" name="T91"/>
                  <a:gd fmla="*/ 210 w 292" name="T92"/>
                  <a:gd fmla="*/ 90 h 544" name="T93"/>
                  <a:gd fmla="*/ 252 w 292" name="T94"/>
                  <a:gd fmla="*/ 234 h 544" name="T95"/>
                  <a:gd fmla="*/ 261 w 292" name="T96"/>
                  <a:gd fmla="*/ 249 h 544" name="T97"/>
                  <a:gd fmla="*/ 276 w 292" name="T98"/>
                  <a:gd fmla="*/ 252 h 544" name="T99"/>
                  <a:gd fmla="*/ 288 w 292" name="T100"/>
                  <a:gd fmla="*/ 249 h 544" name="T101"/>
                  <a:gd fmla="*/ 291 w 292" name="T102"/>
                  <a:gd fmla="*/ 240 h 544" name="T103"/>
                  <a:gd fmla="*/ 291 w 292" name="T104"/>
                  <a:gd fmla="*/ 225 h 544" name="T105"/>
                  <a:gd fmla="*/ 243 w 292" name="T106"/>
                  <a:gd fmla="*/ 60 h 544" name="T107"/>
                  <a:gd fmla="*/ 237 w 292" name="T108"/>
                  <a:gd fmla="*/ 39 h 544" name="T109"/>
                  <a:gd fmla="*/ 225 w 292" name="T110"/>
                  <a:gd fmla="*/ 21 h 544" name="T111"/>
                  <a:gd fmla="*/ 207 w 292" name="T112"/>
                  <a:gd fmla="*/ 9 h 544" name="T113"/>
                  <a:gd fmla="*/ 180 w 292" name="T114"/>
                  <a:gd fmla="*/ 0 h 544" name="T11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b="b" l="0" r="r" t="0"/>
                <a:pathLst>
                  <a:path h="544" w="292">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8" name="Oval 59"/>
              <p:cNvSpPr>
                <a:spLocks noChangeArrowheads="1"/>
              </p:cNvSpPr>
              <p:nvPr/>
            </p:nvSpPr>
            <p:spPr bwMode="auto">
              <a:xfrm>
                <a:off x="4058559" y="4592500"/>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nvGrpSpPr>
            <p:cNvPr id="10" name="组合 9"/>
            <p:cNvGrpSpPr/>
            <p:nvPr/>
          </p:nvGrpSpPr>
          <p:grpSpPr>
            <a:xfrm>
              <a:off x="6106715" y="3266655"/>
              <a:ext cx="607361" cy="717050"/>
              <a:chOff x="3710964" y="4592500"/>
              <a:chExt cx="607361" cy="812816"/>
            </a:xfrm>
            <a:grpFill/>
          </p:grpSpPr>
          <p:sp>
            <p:nvSpPr>
              <p:cNvPr id="11" name="Freeform 57"/>
              <p:cNvSpPr/>
              <p:nvPr/>
            </p:nvSpPr>
            <p:spPr bwMode="auto">
              <a:xfrm>
                <a:off x="3710964" y="4978753"/>
                <a:ext cx="184731" cy="423891"/>
              </a:xfrm>
              <a:custGeom>
                <a:gdLst>
                  <a:gd fmla="*/ 159 w 211" name="T0"/>
                  <a:gd fmla="*/ 465 h 493" name="T1"/>
                  <a:gd fmla="*/ 159 w 211" name="T2"/>
                  <a:gd fmla="*/ 81 h 493" name="T3"/>
                  <a:gd fmla="*/ 165 w 211" name="T4"/>
                  <a:gd fmla="*/ 69 h 493" name="T5"/>
                  <a:gd fmla="*/ 174 w 211" name="T6"/>
                  <a:gd fmla="*/ 78 h 493" name="T7"/>
                  <a:gd fmla="*/ 174 w 211" name="T8"/>
                  <a:gd fmla="*/ 219 h 493" name="T9"/>
                  <a:gd fmla="*/ 174 w 211" name="T10"/>
                  <a:gd fmla="*/ 231 h 493" name="T11"/>
                  <a:gd fmla="*/ 180 w 211" name="T12"/>
                  <a:gd fmla="*/ 237 h 493" name="T13"/>
                  <a:gd fmla="*/ 189 w 211" name="T14"/>
                  <a:gd fmla="*/ 243 h 493" name="T15"/>
                  <a:gd fmla="*/ 201 w 211" name="T16"/>
                  <a:gd fmla="*/ 240 h 493" name="T17"/>
                  <a:gd fmla="*/ 207 w 211" name="T18"/>
                  <a:gd fmla="*/ 231 h 493" name="T19"/>
                  <a:gd fmla="*/ 210 w 211" name="T20"/>
                  <a:gd fmla="*/ 216 h 493" name="T21"/>
                  <a:gd fmla="*/ 210 w 211" name="T22"/>
                  <a:gd fmla="*/ 54 h 493" name="T23"/>
                  <a:gd fmla="*/ 204 w 211" name="T24"/>
                  <a:gd fmla="*/ 36 h 493" name="T25"/>
                  <a:gd fmla="*/ 192 w 211" name="T26"/>
                  <a:gd fmla="*/ 21 h 493" name="T27"/>
                  <a:gd fmla="*/ 168 w 211" name="T28"/>
                  <a:gd fmla="*/ 6 h 493" name="T29"/>
                  <a:gd fmla="*/ 138 w 211" name="T30"/>
                  <a:gd fmla="*/ 0 h 493" name="T31"/>
                  <a:gd fmla="*/ 72 w 211" name="T32"/>
                  <a:gd fmla="*/ 0 h 493" name="T33"/>
                  <a:gd fmla="*/ 48 w 211" name="T34"/>
                  <a:gd fmla="*/ 3 h 493" name="T35"/>
                  <a:gd fmla="*/ 24 w 211" name="T36"/>
                  <a:gd fmla="*/ 15 h 493" name="T37"/>
                  <a:gd fmla="*/ 6 w 211" name="T38"/>
                  <a:gd fmla="*/ 33 h 493" name="T39"/>
                  <a:gd fmla="*/ 0 w 211" name="T40"/>
                  <a:gd fmla="*/ 57 h 493" name="T41"/>
                  <a:gd fmla="*/ 0 w 211" name="T42"/>
                  <a:gd fmla="*/ 219 h 493" name="T43"/>
                  <a:gd fmla="*/ 3 w 211" name="T44"/>
                  <a:gd fmla="*/ 234 h 493" name="T45"/>
                  <a:gd fmla="*/ 9 w 211" name="T46"/>
                  <a:gd fmla="*/ 246 h 493" name="T47"/>
                  <a:gd fmla="*/ 21 w 211" name="T48"/>
                  <a:gd fmla="*/ 249 h 493" name="T49"/>
                  <a:gd fmla="*/ 30 w 211" name="T50"/>
                  <a:gd fmla="*/ 243 h 493" name="T51"/>
                  <a:gd fmla="*/ 33 w 211" name="T52"/>
                  <a:gd fmla="*/ 234 h 493" name="T53"/>
                  <a:gd fmla="*/ 36 w 211" name="T54"/>
                  <a:gd fmla="*/ 219 h 493" name="T55"/>
                  <a:gd fmla="*/ 36 w 211" name="T56"/>
                  <a:gd fmla="*/ 78 h 493" name="T57"/>
                  <a:gd fmla="*/ 42 w 211" name="T58"/>
                  <a:gd fmla="*/ 69 h 493" name="T59"/>
                  <a:gd fmla="*/ 51 w 211" name="T60"/>
                  <a:gd fmla="*/ 81 h 493" name="T61"/>
                  <a:gd fmla="*/ 51 w 211" name="T62"/>
                  <a:gd fmla="*/ 465 h 493" name="T63"/>
                  <a:gd fmla="*/ 54 w 211" name="T64"/>
                  <a:gd fmla="*/ 480 h 493" name="T65"/>
                  <a:gd fmla="*/ 63 w 211" name="T66"/>
                  <a:gd fmla="*/ 489 h 493" name="T67"/>
                  <a:gd fmla="*/ 75 w 211" name="T68"/>
                  <a:gd fmla="*/ 492 h 493" name="T69"/>
                  <a:gd fmla="*/ 90 w 211" name="T70"/>
                  <a:gd fmla="*/ 489 h 493" name="T71"/>
                  <a:gd fmla="*/ 96 w 211" name="T72"/>
                  <a:gd fmla="*/ 483 h 493" name="T73"/>
                  <a:gd fmla="*/ 99 w 211" name="T74"/>
                  <a:gd fmla="*/ 465 h 493" name="T75"/>
                  <a:gd fmla="*/ 99 w 211" name="T76"/>
                  <a:gd fmla="*/ 234 h 493" name="T77"/>
                  <a:gd fmla="*/ 105 w 211" name="T78"/>
                  <a:gd fmla="*/ 228 h 493" name="T79"/>
                  <a:gd fmla="*/ 114 w 211" name="T80"/>
                  <a:gd fmla="*/ 234 h 493" name="T81"/>
                  <a:gd fmla="*/ 114 w 211" name="T82"/>
                  <a:gd fmla="*/ 465 h 493" name="T83"/>
                  <a:gd fmla="*/ 114 w 211" name="T84"/>
                  <a:gd fmla="*/ 480 h 493" name="T85"/>
                  <a:gd fmla="*/ 123 w 211" name="T86"/>
                  <a:gd fmla="*/ 489 h 493" name="T87"/>
                  <a:gd fmla="*/ 138 w 211" name="T88"/>
                  <a:gd fmla="*/ 492 h 493" name="T89"/>
                  <a:gd fmla="*/ 150 w 211" name="T90"/>
                  <a:gd fmla="*/ 489 h 493" name="T91"/>
                  <a:gd fmla="*/ 156 w 211" name="T92"/>
                  <a:gd fmla="*/ 480 h 493" name="T93"/>
                  <a:gd fmla="*/ 159 w 211" name="T94"/>
                  <a:gd fmla="*/ 465 h 493" name="T95"/>
                  <a:gd fmla="*/ 159 w 211" name="T96"/>
                  <a:gd fmla="*/ 465 h 493" name="T97"/>
                  <a:gd fmla="*/ 159 w 211" name="T98"/>
                  <a:gd fmla="*/ 465 h 493" name="T99"/>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b="b" l="0" r="r" t="0"/>
                <a:pathLst>
                  <a:path h="492" w="211">
                    <a:moveTo>
                      <a:pt x="159" y="465"/>
                    </a:moveTo>
                    <a:lnTo>
                      <a:pt x="159" y="81"/>
                    </a:lnTo>
                    <a:lnTo>
                      <a:pt x="165" y="69"/>
                    </a:lnTo>
                    <a:lnTo>
                      <a:pt x="174" y="78"/>
                    </a:lnTo>
                    <a:lnTo>
                      <a:pt x="174" y="219"/>
                    </a:lnTo>
                    <a:lnTo>
                      <a:pt x="174" y="231"/>
                    </a:lnTo>
                    <a:lnTo>
                      <a:pt x="180" y="237"/>
                    </a:lnTo>
                    <a:lnTo>
                      <a:pt x="189" y="243"/>
                    </a:lnTo>
                    <a:lnTo>
                      <a:pt x="201" y="240"/>
                    </a:lnTo>
                    <a:lnTo>
                      <a:pt x="207" y="231"/>
                    </a:lnTo>
                    <a:lnTo>
                      <a:pt x="210" y="216"/>
                    </a:lnTo>
                    <a:lnTo>
                      <a:pt x="210" y="54"/>
                    </a:lnTo>
                    <a:lnTo>
                      <a:pt x="204" y="36"/>
                    </a:lnTo>
                    <a:lnTo>
                      <a:pt x="192" y="21"/>
                    </a:lnTo>
                    <a:lnTo>
                      <a:pt x="168" y="6"/>
                    </a:lnTo>
                    <a:lnTo>
                      <a:pt x="138" y="0"/>
                    </a:lnTo>
                    <a:lnTo>
                      <a:pt x="72" y="0"/>
                    </a:lnTo>
                    <a:lnTo>
                      <a:pt x="48" y="3"/>
                    </a:lnTo>
                    <a:lnTo>
                      <a:pt x="24" y="15"/>
                    </a:lnTo>
                    <a:lnTo>
                      <a:pt x="6" y="33"/>
                    </a:lnTo>
                    <a:lnTo>
                      <a:pt x="0" y="57"/>
                    </a:lnTo>
                    <a:lnTo>
                      <a:pt x="0" y="219"/>
                    </a:lnTo>
                    <a:lnTo>
                      <a:pt x="3" y="234"/>
                    </a:lnTo>
                    <a:lnTo>
                      <a:pt x="9" y="246"/>
                    </a:lnTo>
                    <a:lnTo>
                      <a:pt x="21" y="249"/>
                    </a:lnTo>
                    <a:lnTo>
                      <a:pt x="30" y="243"/>
                    </a:lnTo>
                    <a:lnTo>
                      <a:pt x="33" y="234"/>
                    </a:lnTo>
                    <a:lnTo>
                      <a:pt x="36" y="219"/>
                    </a:lnTo>
                    <a:lnTo>
                      <a:pt x="36" y="78"/>
                    </a:lnTo>
                    <a:lnTo>
                      <a:pt x="42" y="69"/>
                    </a:lnTo>
                    <a:lnTo>
                      <a:pt x="51" y="81"/>
                    </a:lnTo>
                    <a:lnTo>
                      <a:pt x="51" y="465"/>
                    </a:lnTo>
                    <a:lnTo>
                      <a:pt x="54" y="480"/>
                    </a:lnTo>
                    <a:lnTo>
                      <a:pt x="63" y="489"/>
                    </a:lnTo>
                    <a:lnTo>
                      <a:pt x="75" y="492"/>
                    </a:lnTo>
                    <a:lnTo>
                      <a:pt x="90" y="489"/>
                    </a:lnTo>
                    <a:lnTo>
                      <a:pt x="96" y="483"/>
                    </a:lnTo>
                    <a:lnTo>
                      <a:pt x="99" y="465"/>
                    </a:lnTo>
                    <a:lnTo>
                      <a:pt x="99" y="234"/>
                    </a:lnTo>
                    <a:lnTo>
                      <a:pt x="105" y="228"/>
                    </a:lnTo>
                    <a:lnTo>
                      <a:pt x="114" y="234"/>
                    </a:lnTo>
                    <a:lnTo>
                      <a:pt x="114" y="465"/>
                    </a:lnTo>
                    <a:lnTo>
                      <a:pt x="114" y="480"/>
                    </a:lnTo>
                    <a:lnTo>
                      <a:pt x="123" y="489"/>
                    </a:lnTo>
                    <a:lnTo>
                      <a:pt x="138" y="492"/>
                    </a:lnTo>
                    <a:lnTo>
                      <a:pt x="150" y="489"/>
                    </a:lnTo>
                    <a:lnTo>
                      <a:pt x="156" y="480"/>
                    </a:lnTo>
                    <a:lnTo>
                      <a:pt x="159" y="465"/>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2" name="Oval 58"/>
              <p:cNvSpPr>
                <a:spLocks noChangeArrowheads="1"/>
              </p:cNvSpPr>
              <p:nvPr/>
            </p:nvSpPr>
            <p:spPr bwMode="auto">
              <a:xfrm>
                <a:off x="3756183" y="4596857"/>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3" name="Freeform 56"/>
              <p:cNvSpPr/>
              <p:nvPr/>
            </p:nvSpPr>
            <p:spPr bwMode="auto">
              <a:xfrm>
                <a:off x="3990534" y="4981425"/>
                <a:ext cx="184731" cy="423891"/>
              </a:xfrm>
              <a:custGeom>
                <a:gdLst>
                  <a:gd fmla="*/ 180 w 292" name="T0"/>
                  <a:gd fmla="*/ 0 h 544" name="T1"/>
                  <a:gd fmla="*/ 120 w 292" name="T2"/>
                  <a:gd fmla="*/ 0 h 544" name="T3"/>
                  <a:gd fmla="*/ 93 w 292" name="T4"/>
                  <a:gd fmla="*/ 3 h 544" name="T5"/>
                  <a:gd fmla="*/ 75 w 292" name="T6"/>
                  <a:gd fmla="*/ 12 h 544" name="T7"/>
                  <a:gd fmla="*/ 60 w 292" name="T8"/>
                  <a:gd fmla="*/ 24 h 544" name="T9"/>
                  <a:gd fmla="*/ 51 w 292" name="T10"/>
                  <a:gd fmla="*/ 39 h 544" name="T11"/>
                  <a:gd fmla="*/ 42 w 292" name="T12"/>
                  <a:gd fmla="*/ 60 h 544" name="T13"/>
                  <a:gd fmla="*/ 0 w 292" name="T14"/>
                  <a:gd fmla="*/ 216 h 544" name="T15"/>
                  <a:gd fmla="*/ 0 w 292" name="T16"/>
                  <a:gd fmla="*/ 234 h 544" name="T17"/>
                  <a:gd fmla="*/ 6 w 292" name="T18"/>
                  <a:gd fmla="*/ 243 h 544" name="T19"/>
                  <a:gd fmla="*/ 21 w 292" name="T20"/>
                  <a:gd fmla="*/ 246 h 544" name="T21"/>
                  <a:gd fmla="*/ 33 w 292" name="T22"/>
                  <a:gd fmla="*/ 240 h 544" name="T23"/>
                  <a:gd fmla="*/ 39 w 292" name="T24"/>
                  <a:gd fmla="*/ 228 h 544" name="T25"/>
                  <a:gd fmla="*/ 75 w 292" name="T26"/>
                  <a:gd fmla="*/ 90 h 544" name="T27"/>
                  <a:gd fmla="*/ 81 w 292" name="T28"/>
                  <a:gd fmla="*/ 96 h 544" name="T29"/>
                  <a:gd fmla="*/ 87 w 292" name="T30"/>
                  <a:gd fmla="*/ 129 h 544" name="T31"/>
                  <a:gd fmla="*/ 90 w 292" name="T32"/>
                  <a:gd fmla="*/ 165 h 544" name="T33"/>
                  <a:gd fmla="*/ 42 w 292" name="T34"/>
                  <a:gd fmla="*/ 312 h 544" name="T35"/>
                  <a:gd fmla="*/ 87 w 292" name="T36"/>
                  <a:gd fmla="*/ 312 h 544" name="T37"/>
                  <a:gd fmla="*/ 87 w 292" name="T38"/>
                  <a:gd fmla="*/ 513 h 544" name="T39"/>
                  <a:gd fmla="*/ 87 w 292" name="T40"/>
                  <a:gd fmla="*/ 528 h 544" name="T41"/>
                  <a:gd fmla="*/ 93 w 292" name="T42"/>
                  <a:gd fmla="*/ 537 h 544" name="T43"/>
                  <a:gd fmla="*/ 102 w 292" name="T44"/>
                  <a:gd fmla="*/ 543 h 544" name="T45"/>
                  <a:gd fmla="*/ 120 w 292" name="T46"/>
                  <a:gd fmla="*/ 543 h 544" name="T47"/>
                  <a:gd fmla="*/ 129 w 292" name="T48"/>
                  <a:gd fmla="*/ 537 h 544" name="T49"/>
                  <a:gd fmla="*/ 132 w 292" name="T50"/>
                  <a:gd fmla="*/ 528 h 544" name="T51"/>
                  <a:gd fmla="*/ 135 w 292" name="T52"/>
                  <a:gd fmla="*/ 513 h 544" name="T53"/>
                  <a:gd fmla="*/ 135 w 292" name="T54"/>
                  <a:gd fmla="*/ 324 h 544" name="T55"/>
                  <a:gd fmla="*/ 135 w 292" name="T56"/>
                  <a:gd fmla="*/ 321 h 544" name="T57"/>
                  <a:gd fmla="*/ 144 w 292" name="T58"/>
                  <a:gd fmla="*/ 315 h 544" name="T59"/>
                  <a:gd fmla="*/ 150 w 292" name="T60"/>
                  <a:gd fmla="*/ 321 h 544" name="T61"/>
                  <a:gd fmla="*/ 150 w 292" name="T62"/>
                  <a:gd fmla="*/ 324 h 544" name="T63"/>
                  <a:gd fmla="*/ 150 w 292" name="T64"/>
                  <a:gd fmla="*/ 513 h 544" name="T65"/>
                  <a:gd fmla="*/ 153 w 292" name="T66"/>
                  <a:gd fmla="*/ 528 h 544" name="T67"/>
                  <a:gd fmla="*/ 159 w 292" name="T68"/>
                  <a:gd fmla="*/ 537 h 544" name="T69"/>
                  <a:gd fmla="*/ 171 w 292" name="T70"/>
                  <a:gd fmla="*/ 543 h 544" name="T71"/>
                  <a:gd fmla="*/ 189 w 292" name="T72"/>
                  <a:gd fmla="*/ 543 h 544" name="T73"/>
                  <a:gd fmla="*/ 198 w 292" name="T74"/>
                  <a:gd fmla="*/ 537 h 544" name="T75"/>
                  <a:gd fmla="*/ 201 w 292" name="T76"/>
                  <a:gd fmla="*/ 528 h 544" name="T77"/>
                  <a:gd fmla="*/ 204 w 292" name="T78"/>
                  <a:gd fmla="*/ 513 h 544" name="T79"/>
                  <a:gd fmla="*/ 204 w 292" name="T80"/>
                  <a:gd fmla="*/ 312 h 544" name="T81"/>
                  <a:gd fmla="*/ 249 w 292" name="T82"/>
                  <a:gd fmla="*/ 312 h 544" name="T83"/>
                  <a:gd fmla="*/ 198 w 292" name="T84"/>
                  <a:gd fmla="*/ 165 h 544" name="T85"/>
                  <a:gd fmla="*/ 198 w 292" name="T86"/>
                  <a:gd fmla="*/ 141 h 544" name="T87"/>
                  <a:gd fmla="*/ 201 w 292" name="T88"/>
                  <a:gd fmla="*/ 117 h 544" name="T89"/>
                  <a:gd fmla="*/ 204 w 292" name="T90"/>
                  <a:gd fmla="*/ 99 h 544" name="T91"/>
                  <a:gd fmla="*/ 210 w 292" name="T92"/>
                  <a:gd fmla="*/ 90 h 544" name="T93"/>
                  <a:gd fmla="*/ 252 w 292" name="T94"/>
                  <a:gd fmla="*/ 234 h 544" name="T95"/>
                  <a:gd fmla="*/ 261 w 292" name="T96"/>
                  <a:gd fmla="*/ 249 h 544" name="T97"/>
                  <a:gd fmla="*/ 276 w 292" name="T98"/>
                  <a:gd fmla="*/ 252 h 544" name="T99"/>
                  <a:gd fmla="*/ 288 w 292" name="T100"/>
                  <a:gd fmla="*/ 249 h 544" name="T101"/>
                  <a:gd fmla="*/ 291 w 292" name="T102"/>
                  <a:gd fmla="*/ 240 h 544" name="T103"/>
                  <a:gd fmla="*/ 291 w 292" name="T104"/>
                  <a:gd fmla="*/ 225 h 544" name="T105"/>
                  <a:gd fmla="*/ 243 w 292" name="T106"/>
                  <a:gd fmla="*/ 60 h 544" name="T107"/>
                  <a:gd fmla="*/ 237 w 292" name="T108"/>
                  <a:gd fmla="*/ 39 h 544" name="T109"/>
                  <a:gd fmla="*/ 225 w 292" name="T110"/>
                  <a:gd fmla="*/ 21 h 544" name="T111"/>
                  <a:gd fmla="*/ 207 w 292" name="T112"/>
                  <a:gd fmla="*/ 9 h 544" name="T113"/>
                  <a:gd fmla="*/ 180 w 292" name="T114"/>
                  <a:gd fmla="*/ 0 h 544" name="T11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b="b" l="0" r="r" t="0"/>
                <a:pathLst>
                  <a:path h="544" w="292">
                    <a:moveTo>
                      <a:pt x="180" y="0"/>
                    </a:moveTo>
                    <a:lnTo>
                      <a:pt x="120" y="0"/>
                    </a:lnTo>
                    <a:lnTo>
                      <a:pt x="93" y="3"/>
                    </a:lnTo>
                    <a:lnTo>
                      <a:pt x="75" y="12"/>
                    </a:lnTo>
                    <a:lnTo>
                      <a:pt x="60" y="24"/>
                    </a:lnTo>
                    <a:lnTo>
                      <a:pt x="51" y="39"/>
                    </a:lnTo>
                    <a:lnTo>
                      <a:pt x="42" y="60"/>
                    </a:lnTo>
                    <a:lnTo>
                      <a:pt x="0" y="216"/>
                    </a:lnTo>
                    <a:lnTo>
                      <a:pt x="0" y="234"/>
                    </a:lnTo>
                    <a:lnTo>
                      <a:pt x="6" y="243"/>
                    </a:lnTo>
                    <a:lnTo>
                      <a:pt x="21" y="246"/>
                    </a:lnTo>
                    <a:lnTo>
                      <a:pt x="33" y="240"/>
                    </a:lnTo>
                    <a:lnTo>
                      <a:pt x="39" y="228"/>
                    </a:lnTo>
                    <a:lnTo>
                      <a:pt x="75" y="90"/>
                    </a:lnTo>
                    <a:lnTo>
                      <a:pt x="81" y="96"/>
                    </a:lnTo>
                    <a:lnTo>
                      <a:pt x="87" y="129"/>
                    </a:lnTo>
                    <a:lnTo>
                      <a:pt x="90" y="165"/>
                    </a:lnTo>
                    <a:lnTo>
                      <a:pt x="42" y="312"/>
                    </a:lnTo>
                    <a:lnTo>
                      <a:pt x="87" y="312"/>
                    </a:lnTo>
                    <a:lnTo>
                      <a:pt x="87" y="513"/>
                    </a:lnTo>
                    <a:lnTo>
                      <a:pt x="87" y="528"/>
                    </a:lnTo>
                    <a:lnTo>
                      <a:pt x="93" y="537"/>
                    </a:lnTo>
                    <a:lnTo>
                      <a:pt x="102" y="543"/>
                    </a:lnTo>
                    <a:lnTo>
                      <a:pt x="120" y="543"/>
                    </a:lnTo>
                    <a:lnTo>
                      <a:pt x="129" y="537"/>
                    </a:lnTo>
                    <a:lnTo>
                      <a:pt x="132" y="528"/>
                    </a:lnTo>
                    <a:lnTo>
                      <a:pt x="135" y="513"/>
                    </a:lnTo>
                    <a:lnTo>
                      <a:pt x="135" y="324"/>
                    </a:lnTo>
                    <a:lnTo>
                      <a:pt x="135" y="321"/>
                    </a:lnTo>
                    <a:lnTo>
                      <a:pt x="144" y="315"/>
                    </a:lnTo>
                    <a:lnTo>
                      <a:pt x="150" y="321"/>
                    </a:lnTo>
                    <a:lnTo>
                      <a:pt x="150" y="324"/>
                    </a:lnTo>
                    <a:lnTo>
                      <a:pt x="150" y="513"/>
                    </a:lnTo>
                    <a:lnTo>
                      <a:pt x="153" y="528"/>
                    </a:lnTo>
                    <a:lnTo>
                      <a:pt x="159" y="537"/>
                    </a:lnTo>
                    <a:lnTo>
                      <a:pt x="171" y="543"/>
                    </a:lnTo>
                    <a:lnTo>
                      <a:pt x="189" y="543"/>
                    </a:lnTo>
                    <a:lnTo>
                      <a:pt x="198" y="537"/>
                    </a:lnTo>
                    <a:lnTo>
                      <a:pt x="201" y="528"/>
                    </a:lnTo>
                    <a:lnTo>
                      <a:pt x="204" y="513"/>
                    </a:lnTo>
                    <a:lnTo>
                      <a:pt x="204" y="312"/>
                    </a:lnTo>
                    <a:lnTo>
                      <a:pt x="249" y="312"/>
                    </a:lnTo>
                    <a:lnTo>
                      <a:pt x="198" y="165"/>
                    </a:lnTo>
                    <a:lnTo>
                      <a:pt x="198" y="141"/>
                    </a:lnTo>
                    <a:lnTo>
                      <a:pt x="201" y="117"/>
                    </a:lnTo>
                    <a:lnTo>
                      <a:pt x="204" y="99"/>
                    </a:lnTo>
                    <a:lnTo>
                      <a:pt x="210" y="90"/>
                    </a:lnTo>
                    <a:lnTo>
                      <a:pt x="252" y="234"/>
                    </a:lnTo>
                    <a:lnTo>
                      <a:pt x="261" y="249"/>
                    </a:lnTo>
                    <a:lnTo>
                      <a:pt x="276" y="252"/>
                    </a:lnTo>
                    <a:lnTo>
                      <a:pt x="288" y="249"/>
                    </a:lnTo>
                    <a:lnTo>
                      <a:pt x="291" y="240"/>
                    </a:lnTo>
                    <a:lnTo>
                      <a:pt x="291" y="225"/>
                    </a:lnTo>
                    <a:lnTo>
                      <a:pt x="243" y="60"/>
                    </a:lnTo>
                    <a:lnTo>
                      <a:pt x="237" y="39"/>
                    </a:lnTo>
                    <a:lnTo>
                      <a:pt x="225" y="21"/>
                    </a:lnTo>
                    <a:lnTo>
                      <a:pt x="207" y="9"/>
                    </a:lnTo>
                    <a:lnTo>
                      <a:pt x="180" y="0"/>
                    </a:lnTo>
                    <a:close/>
                  </a:path>
                </a:pathLst>
              </a:cu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14" name="Oval 59"/>
              <p:cNvSpPr>
                <a:spLocks noChangeArrowheads="1"/>
              </p:cNvSpPr>
              <p:nvPr/>
            </p:nvSpPr>
            <p:spPr bwMode="auto">
              <a:xfrm>
                <a:off x="4058559" y="4592500"/>
                <a:ext cx="259766" cy="596071"/>
              </a:xfrm>
              <a:prstGeom prst="ellipse">
                <a:avLst/>
              </a:prstGeom>
              <a:grp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grpSp>
      </p:grpSp>
      <p:grpSp>
        <p:nvGrpSpPr>
          <p:cNvPr id="39" name="组合 38"/>
          <p:cNvGrpSpPr/>
          <p:nvPr/>
        </p:nvGrpSpPr>
        <p:grpSpPr>
          <a:xfrm>
            <a:off x="1195060" y="2618240"/>
            <a:ext cx="1476000" cy="1459429"/>
            <a:chOff x="362860" y="2714171"/>
            <a:chExt cx="1476000" cy="1476000"/>
          </a:xfrm>
        </p:grpSpPr>
        <p:sp>
          <p:nvSpPr>
            <p:cNvPr id="40" name="泪滴形 39"/>
            <p:cNvSpPr/>
            <p:nvPr/>
          </p:nvSpPr>
          <p:spPr>
            <a:xfrm>
              <a:off x="362860" y="2714171"/>
              <a:ext cx="1476000" cy="1476000"/>
            </a:xfrm>
            <a:prstGeom prst="teardrop">
              <a:avLst/>
            </a:prstGeom>
            <a:solidFill>
              <a:srgbClr val="00544A"/>
            </a:solid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1" name="文本框 1"/>
            <p:cNvSpPr txBox="1"/>
            <p:nvPr/>
          </p:nvSpPr>
          <p:spPr>
            <a:xfrm>
              <a:off x="491429" y="2944468"/>
              <a:ext cx="1277254" cy="813809"/>
            </a:xfrm>
            <a:prstGeom prst="rect">
              <a:avLst/>
            </a:prstGeom>
            <a:noFill/>
          </p:spPr>
          <p:txBody>
            <a:bodyPr rtlCol="0" wrap="square">
              <a:spAutoFit/>
            </a:bodyPr>
            <a:lstStyle/>
            <a:p>
              <a:pPr algn="ctr">
                <a:lnSpc>
                  <a:spcPct val="130000"/>
                </a:lnSpc>
              </a:pPr>
              <a:r>
                <a:rPr altLang="en-US" b="1" lang="zh-CN">
                  <a:solidFill>
                    <a:schemeClr val="bg1"/>
                  </a:solidFill>
                  <a:latin charset="-122" panose="020b0503020204020204" pitchFamily="34" typeface="微软雅黑"/>
                  <a:ea charset="-122" panose="020b0503020204020204" pitchFamily="34" typeface="微软雅黑"/>
                </a:rPr>
                <a:t>这里输入您的文字</a:t>
              </a:r>
            </a:p>
          </p:txBody>
        </p:sp>
      </p:grpSp>
      <p:grpSp>
        <p:nvGrpSpPr>
          <p:cNvPr id="42" name="组合 41"/>
          <p:cNvGrpSpPr/>
          <p:nvPr/>
        </p:nvGrpSpPr>
        <p:grpSpPr>
          <a:xfrm>
            <a:off x="7276408" y="2622210"/>
            <a:ext cx="1476000" cy="1459429"/>
            <a:chOff x="10376189" y="2717744"/>
            <a:chExt cx="1476000" cy="1476000"/>
          </a:xfrm>
        </p:grpSpPr>
        <p:sp>
          <p:nvSpPr>
            <p:cNvPr id="43" name="泪滴形 42"/>
            <p:cNvSpPr/>
            <p:nvPr/>
          </p:nvSpPr>
          <p:spPr>
            <a:xfrm rot="16200000">
              <a:off x="10376189" y="2717744"/>
              <a:ext cx="1476000" cy="1476000"/>
            </a:xfrm>
            <a:prstGeom prst="teardrop">
              <a:avLst/>
            </a:prstGeom>
            <a:solidFill>
              <a:srgbClr val="00544A"/>
            </a:solidFill>
            <a:ln>
              <a:noFill/>
            </a:ln>
            <a:extLs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bodyPr>
            <a:lstStyle/>
            <a:p>
              <a:endParaRPr altLang="en-US" lang="zh-CN"/>
            </a:p>
          </p:txBody>
        </p:sp>
        <p:sp>
          <p:nvSpPr>
            <p:cNvPr id="44" name="文本框 76"/>
            <p:cNvSpPr txBox="1"/>
            <p:nvPr/>
          </p:nvSpPr>
          <p:spPr>
            <a:xfrm>
              <a:off x="10389978" y="2942104"/>
              <a:ext cx="1457600" cy="813809"/>
            </a:xfrm>
            <a:prstGeom prst="rect">
              <a:avLst/>
            </a:prstGeom>
            <a:noFill/>
          </p:spPr>
          <p:txBody>
            <a:bodyPr rtlCol="0" wrap="square">
              <a:spAutoFit/>
            </a:bodyPr>
            <a:lstStyle>
              <a:defPPr>
                <a:defRPr lang="zh-CN"/>
              </a:defPPr>
              <a:lvl1pPr algn="ctr">
                <a:lnSpc>
                  <a:spcPct val="130000"/>
                </a:lnSpc>
                <a:defRPr sz="2000">
                  <a:solidFill>
                    <a:schemeClr val="bg1"/>
                  </a:solidFill>
                  <a:latin charset="-122" panose="02000000000000000000" pitchFamily="2" typeface="方正正准黑简体"/>
                  <a:ea charset="-122" panose="02000000000000000000" pitchFamily="2" typeface="方正正准黑简体"/>
                </a:defRPr>
              </a:lvl1pPr>
            </a:lstStyle>
            <a:p>
              <a:r>
                <a:rPr altLang="en-US" b="1" lang="zh-CN" sz="1800">
                  <a:latin charset="-122" panose="020b0503020204020204" pitchFamily="34" typeface="微软雅黑"/>
                  <a:ea charset="-122" panose="020b0503020204020204" pitchFamily="34" typeface="微软雅黑"/>
                </a:rPr>
                <a:t>这里输入</a:t>
              </a:r>
            </a:p>
            <a:p>
              <a:r>
                <a:rPr altLang="en-US" b="1" lang="zh-CN" sz="1800">
                  <a:latin charset="-122" panose="020b0503020204020204" pitchFamily="34" typeface="微软雅黑"/>
                  <a:ea charset="-122" panose="020b0503020204020204" pitchFamily="34" typeface="微软雅黑"/>
                </a:rPr>
                <a:t>您的文字</a:t>
              </a:r>
            </a:p>
          </p:txBody>
        </p:sp>
      </p:grpSp>
      <p:sp>
        <p:nvSpPr>
          <p:cNvPr id="45" name="TextBox 44"/>
          <p:cNvSpPr txBox="1"/>
          <p:nvPr/>
        </p:nvSpPr>
        <p:spPr>
          <a:xfrm>
            <a:off x="1426504" y="4225652"/>
            <a:ext cx="7181888" cy="859536"/>
          </a:xfrm>
          <a:prstGeom prst="rect">
            <a:avLst/>
          </a:prstGeom>
          <a:noFill/>
        </p:spPr>
        <p:txBody>
          <a:bodyPr rtlCol="0" wrap="square">
            <a:spAutoFit/>
          </a:bodyPr>
          <a:lstStyle/>
          <a:p>
            <a:pPr algn="just">
              <a:lnSpc>
                <a:spcPct val="120000"/>
              </a:lnSpc>
            </a:pPr>
            <a:r>
              <a:rPr altLang="en-US" lang="zh-CN" sz="1400">
                <a:latin charset="-122" panose="020b0503020204020204" pitchFamily="34" typeface="微软雅黑"/>
                <a:ea charset="-122" panose="020b0503020204020204" pitchFamily="34" typeface="微软雅黑"/>
              </a:rPr>
              <a:t>这里输入您的文字这里输入您的文字这里输入您的文字这里输入您的文字这里输入您的文字这里输入您的文字这里输入您的文字这里输入您的文字这里输入您的文字这里输入您的文字这里输入您的文字这里输入您的文字</a:t>
            </a:r>
          </a:p>
        </p:txBody>
      </p:sp>
    </p:spTree>
    <p:extLst>
      <p:ext uri="{BB962C8B-B14F-4D97-AF65-F5344CB8AC3E}">
        <p14:creationId val="1946555705"/>
      </p:ext>
    </p:extLst>
  </p:cSld>
  <p:clrMapOvr>
    <a:masterClrMapping/>
  </p:clrMapOvr>
  <mc:AlternateContent>
    <mc:Choice Requires="p14">
      <p:transition advTm="4000" p14:dur="1200" spd="slow">
        <p14:flip dir="r"/>
      </p:transition>
    </mc:Choice>
    <mc:Fallback>
      <p:transition advTm="4000" spd="slow">
        <p:fade/>
      </p:transition>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42" presetSubtype="0">
                                  <p:stCondLst>
                                    <p:cond delay="0"/>
                                  </p:stCondLst>
                                  <p:childTnLst>
                                    <p:set>
                                      <p:cBhvr>
                                        <p:cTn dur="1" fill="hold" id="6">
                                          <p:stCondLst>
                                            <p:cond delay="0"/>
                                          </p:stCondLst>
                                        </p:cTn>
                                        <p:tgtEl>
                                          <p:spTgt spid="2"/>
                                        </p:tgtEl>
                                        <p:attrNameLst>
                                          <p:attrName>style.visibility</p:attrName>
                                        </p:attrNameLst>
                                      </p:cBhvr>
                                      <p:to>
                                        <p:strVal val="visible"/>
                                      </p:to>
                                    </p:set>
                                    <p:animEffect filter="fade" transition="in">
                                      <p:cBhvr>
                                        <p:cTn dur="500" id="7"/>
                                        <p:tgtEl>
                                          <p:spTgt spid="2"/>
                                        </p:tgtEl>
                                      </p:cBhvr>
                                    </p:animEffect>
                                    <p:anim calcmode="lin" valueType="num">
                                      <p:cBhvr>
                                        <p:cTn dur="500" fill="hold" id="8"/>
                                        <p:tgtEl>
                                          <p:spTgt spid="2"/>
                                        </p:tgtEl>
                                        <p:attrNameLst>
                                          <p:attrName>ppt_x</p:attrName>
                                        </p:attrNameLst>
                                      </p:cBhvr>
                                      <p:tavLst>
                                        <p:tav tm="0">
                                          <p:val>
                                            <p:strVal val="#ppt_x"/>
                                          </p:val>
                                        </p:tav>
                                        <p:tav tm="100000">
                                          <p:val>
                                            <p:strVal val="#ppt_x"/>
                                          </p:val>
                                        </p:tav>
                                      </p:tavLst>
                                    </p:anim>
                                    <p:anim calcmode="lin" valueType="num">
                                      <p:cBhvr>
                                        <p:cTn dur="500" fill="hold" id="9"/>
                                        <p:tgtEl>
                                          <p:spTgt spid="2"/>
                                        </p:tgtEl>
                                        <p:attrNameLst>
                                          <p:attrName>ppt_y</p:attrName>
                                        </p:attrNameLst>
                                      </p:cBhvr>
                                      <p:tavLst>
                                        <p:tav tm="0">
                                          <p:val>
                                            <p:strVal val="#ppt_y+.1"/>
                                          </p:val>
                                        </p:tav>
                                        <p:tav tm="100000">
                                          <p:val>
                                            <p:strVal val="#ppt_y"/>
                                          </p:val>
                                        </p:tav>
                                      </p:tavLst>
                                    </p:anim>
                                  </p:childTnLst>
                                </p:cTn>
                              </p:par>
                            </p:childTnLst>
                          </p:cTn>
                        </p:par>
                        <p:par>
                          <p:cTn fill="hold" id="10" nodeType="afterGroup">
                            <p:stCondLst>
                              <p:cond delay="500"/>
                            </p:stCondLst>
                            <p:childTnLst>
                              <p:par>
                                <p:cTn fill="hold" id="11" nodeType="afterEffect" presetClass="entr" presetID="16" presetSubtype="21">
                                  <p:stCondLst>
                                    <p:cond delay="0"/>
                                  </p:stCondLst>
                                  <p:childTnLst>
                                    <p:set>
                                      <p:cBhvr>
                                        <p:cTn dur="1" fill="hold" id="12">
                                          <p:stCondLst>
                                            <p:cond delay="0"/>
                                          </p:stCondLst>
                                        </p:cTn>
                                        <p:tgtEl>
                                          <p:spTgt spid="3"/>
                                        </p:tgtEl>
                                        <p:attrNameLst>
                                          <p:attrName>style.visibility</p:attrName>
                                        </p:attrNameLst>
                                      </p:cBhvr>
                                      <p:to>
                                        <p:strVal val="visible"/>
                                      </p:to>
                                    </p:set>
                                    <p:animEffect filter="barn(inVertical)" transition="in">
                                      <p:cBhvr>
                                        <p:cTn dur="500" id="13"/>
                                        <p:tgtEl>
                                          <p:spTgt spid="3"/>
                                        </p:tgtEl>
                                      </p:cBhvr>
                                    </p:animEffect>
                                  </p:childTnLst>
                                </p:cTn>
                              </p:par>
                            </p:childTnLst>
                          </p:cTn>
                        </p:par>
                        <p:par>
                          <p:cTn fill="hold" id="14" nodeType="afterGroup">
                            <p:stCondLst>
                              <p:cond delay="1000"/>
                            </p:stCondLst>
                            <p:childTnLst>
                              <p:par>
                                <p:cTn fill="hold" id="15" nodeType="afterEffect" presetClass="entr" presetID="53" presetSubtype="0">
                                  <p:stCondLst>
                                    <p:cond delay="0"/>
                                  </p:stCondLst>
                                  <p:childTnLst>
                                    <p:set>
                                      <p:cBhvr>
                                        <p:cTn dur="1" fill="hold" id="16">
                                          <p:stCondLst>
                                            <p:cond delay="0"/>
                                          </p:stCondLst>
                                        </p:cTn>
                                        <p:tgtEl>
                                          <p:spTgt spid="39"/>
                                        </p:tgtEl>
                                        <p:attrNameLst>
                                          <p:attrName>style.visibility</p:attrName>
                                        </p:attrNameLst>
                                      </p:cBhvr>
                                      <p:to>
                                        <p:strVal val="visible"/>
                                      </p:to>
                                    </p:set>
                                    <p:anim calcmode="lin" valueType="num">
                                      <p:cBhvr>
                                        <p:cTn dur="500" fill="hold" id="17"/>
                                        <p:tgtEl>
                                          <p:spTgt spid="39"/>
                                        </p:tgtEl>
                                        <p:attrNameLst>
                                          <p:attrName>ppt_w</p:attrName>
                                        </p:attrNameLst>
                                      </p:cBhvr>
                                      <p:tavLst>
                                        <p:tav tm="0">
                                          <p:val>
                                            <p:fltVal val="0"/>
                                          </p:val>
                                        </p:tav>
                                        <p:tav tm="100000">
                                          <p:val>
                                            <p:strVal val="#ppt_w"/>
                                          </p:val>
                                        </p:tav>
                                      </p:tavLst>
                                    </p:anim>
                                    <p:anim calcmode="lin" valueType="num">
                                      <p:cBhvr>
                                        <p:cTn dur="500" fill="hold" id="18"/>
                                        <p:tgtEl>
                                          <p:spTgt spid="39"/>
                                        </p:tgtEl>
                                        <p:attrNameLst>
                                          <p:attrName>ppt_h</p:attrName>
                                        </p:attrNameLst>
                                      </p:cBhvr>
                                      <p:tavLst>
                                        <p:tav tm="0">
                                          <p:val>
                                            <p:fltVal val="0"/>
                                          </p:val>
                                        </p:tav>
                                        <p:tav tm="100000">
                                          <p:val>
                                            <p:strVal val="#ppt_h"/>
                                          </p:val>
                                        </p:tav>
                                      </p:tavLst>
                                    </p:anim>
                                    <p:animEffect filter="fade" transition="in">
                                      <p:cBhvr>
                                        <p:cTn dur="500" id="19"/>
                                        <p:tgtEl>
                                          <p:spTgt spid="39"/>
                                        </p:tgtEl>
                                      </p:cBhvr>
                                    </p:animEffect>
                                  </p:childTnLst>
                                </p:cTn>
                              </p:par>
                            </p:childTnLst>
                          </p:cTn>
                        </p:par>
                        <p:par>
                          <p:cTn fill="hold" id="20" nodeType="afterGroup">
                            <p:stCondLst>
                              <p:cond delay="1500"/>
                            </p:stCondLst>
                            <p:childTnLst>
                              <p:par>
                                <p:cTn fill="hold" id="21" nodeType="afterEffect" presetClass="entr" presetID="53" presetSubtype="0">
                                  <p:stCondLst>
                                    <p:cond delay="0"/>
                                  </p:stCondLst>
                                  <p:childTnLst>
                                    <p:set>
                                      <p:cBhvr>
                                        <p:cTn dur="1" fill="hold" id="22">
                                          <p:stCondLst>
                                            <p:cond delay="0"/>
                                          </p:stCondLst>
                                        </p:cTn>
                                        <p:tgtEl>
                                          <p:spTgt spid="42"/>
                                        </p:tgtEl>
                                        <p:attrNameLst>
                                          <p:attrName>style.visibility</p:attrName>
                                        </p:attrNameLst>
                                      </p:cBhvr>
                                      <p:to>
                                        <p:strVal val="visible"/>
                                      </p:to>
                                    </p:set>
                                    <p:anim calcmode="lin" valueType="num">
                                      <p:cBhvr>
                                        <p:cTn dur="500" fill="hold" id="23"/>
                                        <p:tgtEl>
                                          <p:spTgt spid="42"/>
                                        </p:tgtEl>
                                        <p:attrNameLst>
                                          <p:attrName>ppt_w</p:attrName>
                                        </p:attrNameLst>
                                      </p:cBhvr>
                                      <p:tavLst>
                                        <p:tav tm="0">
                                          <p:val>
                                            <p:fltVal val="0"/>
                                          </p:val>
                                        </p:tav>
                                        <p:tav tm="100000">
                                          <p:val>
                                            <p:strVal val="#ppt_w"/>
                                          </p:val>
                                        </p:tav>
                                      </p:tavLst>
                                    </p:anim>
                                    <p:anim calcmode="lin" valueType="num">
                                      <p:cBhvr>
                                        <p:cTn dur="500" fill="hold" id="24"/>
                                        <p:tgtEl>
                                          <p:spTgt spid="42"/>
                                        </p:tgtEl>
                                        <p:attrNameLst>
                                          <p:attrName>ppt_h</p:attrName>
                                        </p:attrNameLst>
                                      </p:cBhvr>
                                      <p:tavLst>
                                        <p:tav tm="0">
                                          <p:val>
                                            <p:fltVal val="0"/>
                                          </p:val>
                                        </p:tav>
                                        <p:tav tm="100000">
                                          <p:val>
                                            <p:strVal val="#ppt_h"/>
                                          </p:val>
                                        </p:tav>
                                      </p:tavLst>
                                    </p:anim>
                                    <p:animEffect filter="fade" transition="in">
                                      <p:cBhvr>
                                        <p:cTn dur="500" id="25"/>
                                        <p:tgtEl>
                                          <p:spTgt spid="42"/>
                                        </p:tgtEl>
                                      </p:cBhvr>
                                    </p:animEffect>
                                  </p:childTnLst>
                                </p:cTn>
                              </p:par>
                            </p:childTnLst>
                          </p:cTn>
                        </p:par>
                        <p:par>
                          <p:cTn fill="hold" id="26" nodeType="afterGroup">
                            <p:stCondLst>
                              <p:cond delay="2000"/>
                            </p:stCondLst>
                            <p:childTnLst>
                              <p:par>
                                <p:cTn fill="hold" grpId="0" id="27" nodeType="afterEffect" presetClass="entr" presetID="2" presetSubtype="4">
                                  <p:stCondLst>
                                    <p:cond delay="0"/>
                                  </p:stCondLst>
                                  <p:childTnLst>
                                    <p:set>
                                      <p:cBhvr>
                                        <p:cTn dur="1" fill="hold" id="28">
                                          <p:stCondLst>
                                            <p:cond delay="0"/>
                                          </p:stCondLst>
                                        </p:cTn>
                                        <p:tgtEl>
                                          <p:spTgt spid="45"/>
                                        </p:tgtEl>
                                        <p:attrNameLst>
                                          <p:attrName>style.visibility</p:attrName>
                                        </p:attrNameLst>
                                      </p:cBhvr>
                                      <p:to>
                                        <p:strVal val="visible"/>
                                      </p:to>
                                    </p:set>
                                    <p:anim calcmode="lin" valueType="num">
                                      <p:cBhvr additive="base">
                                        <p:cTn dur="500" fill="hold" id="29"/>
                                        <p:tgtEl>
                                          <p:spTgt spid="45"/>
                                        </p:tgtEl>
                                        <p:attrNameLst>
                                          <p:attrName>ppt_x</p:attrName>
                                        </p:attrNameLst>
                                      </p:cBhvr>
                                      <p:tavLst>
                                        <p:tav tm="0">
                                          <p:val>
                                            <p:strVal val="#ppt_x"/>
                                          </p:val>
                                        </p:tav>
                                        <p:tav tm="100000">
                                          <p:val>
                                            <p:strVal val="#ppt_x"/>
                                          </p:val>
                                        </p:tav>
                                      </p:tavLst>
                                    </p:anim>
                                    <p:anim calcmode="lin" valueType="num">
                                      <p:cBhvr additive="base">
                                        <p:cTn dur="500" fill="hold" id="30"/>
                                        <p:tgtEl>
                                          <p:spTgt spid="45"/>
                                        </p:tgtEl>
                                        <p:attrNameLst>
                                          <p:attrName>ppt_y</p:attrName>
                                        </p:attrNameLst>
                                      </p:cBhvr>
                                      <p:tavLst>
                                        <p:tav tm="0">
                                          <p:val>
                                            <p:strVal val="1+#ppt_h/2"/>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45"/>
    </p:bldLst>
  </p:timing>
</p:sld>
</file>

<file path=ppt/slides/slide33.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sp>
        <p:nvSpPr>
          <p:cNvPr id="2" name="Text Box 16"/>
          <p:cNvSpPr txBox="1">
            <a:spLocks noChangeArrowheads="1"/>
          </p:cNvSpPr>
          <p:nvPr/>
        </p:nvSpPr>
        <p:spPr bwMode="auto">
          <a:xfrm>
            <a:off x="1839640" y="2685231"/>
            <a:ext cx="2373312" cy="365760"/>
          </a:xfrm>
          <a:prstGeom prst="rect">
            <a:avLst/>
          </a:prstGeom>
          <a:solidFill>
            <a:srgbClr val="00544A"/>
          </a:solidFill>
          <a:ln>
            <a:noFill/>
          </a:ln>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a:r>
              <a:rPr altLang="en-US" b="1" lang="zh-CN">
                <a:solidFill>
                  <a:srgbClr val="F8F8F8"/>
                </a:solidFill>
                <a:ea charset="-122" panose="020b0503020204020204" pitchFamily="34" typeface="微软雅黑"/>
              </a:rPr>
              <a:t>添加文字</a:t>
            </a:r>
          </a:p>
        </p:txBody>
      </p:sp>
      <p:sp>
        <p:nvSpPr>
          <p:cNvPr id="3" name="Rectangle 17"/>
          <p:cNvSpPr>
            <a:spLocks noChangeArrowheads="1"/>
          </p:cNvSpPr>
          <p:nvPr/>
        </p:nvSpPr>
        <p:spPr bwMode="auto">
          <a:xfrm>
            <a:off x="1839640" y="3117031"/>
            <a:ext cx="2374900" cy="1943100"/>
          </a:xfrm>
          <a:prstGeom prst="rect">
            <a:avLst/>
          </a:prstGeom>
          <a:solidFill>
            <a:srgbClr val="DDDDDD"/>
          </a:solidFill>
          <a:ln>
            <a:noFill/>
          </a:ln>
          <a:effectLst/>
          <a:extLst>
            <a:ext uri="{91240B29-F687-4F45-9708-019B960494DF}">
              <a14:hiddenLine w="9525">
                <a:solidFill>
                  <a:srgbClr val="000000"/>
                </a:solidFill>
                <a:miter lim="800000"/>
                <a:headEnd/>
                <a:tailEnd/>
              </a14:hiddenLine>
            </a:ext>
            <a:ext uri="{AF507438-7753-43E0-B8FC-AC1667EBCBE1}">
              <a14:hiddenEffects>
                <a:effectLst>
                  <a:outerShdw algn="ctr" dir="2700000" dist="35921" rotWithShape="0">
                    <a:schemeClr val="bg2"/>
                  </a:outerShdw>
                </a:effectLst>
              </a14:hiddenEffects>
            </a:ext>
          </a:extLst>
        </p:spPr>
        <p:txBody>
          <a:bodyPr anchor="ct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endParaRPr altLang="en-US" lang="zh-CN"/>
          </a:p>
        </p:txBody>
      </p:sp>
      <p:sp>
        <p:nvSpPr>
          <p:cNvPr id="4" name="Text Box 18"/>
          <p:cNvSpPr txBox="1">
            <a:spLocks noChangeArrowheads="1"/>
          </p:cNvSpPr>
          <p:nvPr/>
        </p:nvSpPr>
        <p:spPr bwMode="auto">
          <a:xfrm>
            <a:off x="5892526" y="2685231"/>
            <a:ext cx="2374900" cy="365760"/>
          </a:xfrm>
          <a:prstGeom prst="rect">
            <a:avLst/>
          </a:prstGeom>
          <a:solidFill>
            <a:srgbClr val="00544A"/>
          </a:solidFill>
          <a:ln>
            <a:noFill/>
          </a:ln>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algn="ctr"/>
            <a:r>
              <a:rPr altLang="en-US" b="1" lang="zh-CN">
                <a:solidFill>
                  <a:srgbClr val="F8F8F8"/>
                </a:solidFill>
                <a:ea charset="-122" panose="020b0503020204020204" pitchFamily="34" typeface="微软雅黑"/>
              </a:rPr>
              <a:t>添加文字</a:t>
            </a:r>
          </a:p>
        </p:txBody>
      </p:sp>
      <p:sp>
        <p:nvSpPr>
          <p:cNvPr id="5" name="Rectangle 19"/>
          <p:cNvSpPr>
            <a:spLocks noChangeArrowheads="1"/>
          </p:cNvSpPr>
          <p:nvPr/>
        </p:nvSpPr>
        <p:spPr bwMode="auto">
          <a:xfrm>
            <a:off x="5892527" y="3117031"/>
            <a:ext cx="2374900" cy="1943100"/>
          </a:xfrm>
          <a:prstGeom prst="rect">
            <a:avLst/>
          </a:prstGeom>
          <a:solidFill>
            <a:srgbClr val="DDDDDD"/>
          </a:solidFill>
          <a:ln>
            <a:noFill/>
          </a:ln>
          <a:effectLst/>
          <a:extLst>
            <a:ext uri="{91240B29-F687-4F45-9708-019B960494DF}">
              <a14:hiddenLine w="9525">
                <a:solidFill>
                  <a:srgbClr val="000000"/>
                </a:solidFill>
                <a:miter lim="800000"/>
                <a:headEnd/>
                <a:tailEnd/>
              </a14:hiddenLine>
            </a:ext>
            <a:ext uri="{AF507438-7753-43E0-B8FC-AC1667EBCBE1}">
              <a14:hiddenEffects>
                <a:effectLst>
                  <a:outerShdw algn="ctr" dir="2700000" dist="35921" rotWithShape="0">
                    <a:schemeClr val="bg2"/>
                  </a:outerShdw>
                </a:effectLst>
              </a14:hiddenEffects>
            </a:ext>
          </a:extLst>
        </p:spPr>
        <p:txBody>
          <a:bodyPr anchor="ct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endParaRPr altLang="en-US" lang="zh-CN"/>
          </a:p>
        </p:txBody>
      </p:sp>
      <p:sp>
        <p:nvSpPr>
          <p:cNvPr id="6" name="Text Box 20"/>
          <p:cNvSpPr txBox="1">
            <a:spLocks noChangeArrowheads="1"/>
          </p:cNvSpPr>
          <p:nvPr/>
        </p:nvSpPr>
        <p:spPr bwMode="auto">
          <a:xfrm>
            <a:off x="2015852" y="3332931"/>
            <a:ext cx="2063750" cy="1432560"/>
          </a:xfrm>
          <a:prstGeom prst="rect">
            <a:avLst/>
          </a:prstGeom>
          <a:noFill/>
          <a:ln>
            <a:noFill/>
          </a:ln>
          <a:effectLst/>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 uri="{AF507438-7753-43E0-B8FC-AC1667EBCBE1}">
              <a14:hiddenEffects>
                <a:effectLst>
                  <a:outerShdw algn="ctr" dir="2700000" dist="35921" rotWithShape="0">
                    <a:srgbClr val="808080"/>
                  </a:outerShdw>
                </a:effectLst>
              </a14:hiddenEffects>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p:txBody>
      </p:sp>
      <p:sp>
        <p:nvSpPr>
          <p:cNvPr id="7" name="Text Box 21"/>
          <p:cNvSpPr txBox="1">
            <a:spLocks noChangeArrowheads="1"/>
          </p:cNvSpPr>
          <p:nvPr/>
        </p:nvSpPr>
        <p:spPr bwMode="auto">
          <a:xfrm>
            <a:off x="6070327" y="3332931"/>
            <a:ext cx="2063750" cy="1432560"/>
          </a:xfrm>
          <a:prstGeom prst="rect">
            <a:avLst/>
          </a:prstGeom>
          <a:noFill/>
          <a:ln>
            <a:noFill/>
          </a:ln>
          <a:effectLst/>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 uri="{AF507438-7753-43E0-B8FC-AC1667EBCBE1}">
              <a14:hiddenEffects>
                <a:effectLst>
                  <a:outerShdw algn="ctr" dir="2700000" dist="35921" rotWithShape="0">
                    <a:srgbClr val="808080"/>
                  </a:outerShdw>
                </a:effectLst>
              </a14:hiddenEffects>
            </a:ext>
          </a:extLst>
        </p:spPr>
        <p:txBody>
          <a:bodyPr>
            <a:spAutoFit/>
          </a:bodyPr>
          <a:lstStyle>
            <a:defPPr>
              <a:defRPr lang="zh-CN"/>
            </a:defPPr>
            <a:lvl1pPr algn="l" fontAlgn="base"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1pPr>
            <a:lvl2pPr algn="l" fontAlgn="base" marL="4572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2pPr>
            <a:lvl3pPr algn="l" fontAlgn="base" marL="9144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3pPr>
            <a:lvl4pPr algn="l" fontAlgn="base" marL="13716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4pPr>
            <a:lvl5pPr algn="l" fontAlgn="base" marL="1828800" rtl="0">
              <a:spcBef>
                <a:spcPct val="0"/>
              </a:spcBef>
              <a:spcAft>
                <a:spcPct val="0"/>
              </a:spcAft>
              <a:buFont charset="0" pitchFamily="34" typeface="Arial"/>
              <a:defRPr kern="1200">
                <a:solidFill>
                  <a:schemeClr val="tx1"/>
                </a:solidFill>
                <a:latin charset="0" pitchFamily="34" typeface="Arial"/>
                <a:ea charset="-122" pitchFamily="2" typeface="宋体"/>
                <a:cs typeface="+mn-cs"/>
              </a:defRPr>
            </a:lvl5pPr>
            <a:lvl6pPr algn="l" defTabSz="914400" eaLnBrk="1" hangingPunct="1" latinLnBrk="0" marL="2286000" rtl="0">
              <a:defRPr kern="1200">
                <a:solidFill>
                  <a:schemeClr val="tx1"/>
                </a:solidFill>
                <a:latin charset="0" pitchFamily="34" typeface="Arial"/>
                <a:ea charset="-122" pitchFamily="2" typeface="宋体"/>
                <a:cs typeface="+mn-cs"/>
              </a:defRPr>
            </a:lvl6pPr>
            <a:lvl7pPr algn="l" defTabSz="914400" eaLnBrk="1" hangingPunct="1" latinLnBrk="0" marL="2743200" rtl="0">
              <a:defRPr kern="1200">
                <a:solidFill>
                  <a:schemeClr val="tx1"/>
                </a:solidFill>
                <a:latin charset="0" pitchFamily="34" typeface="Arial"/>
                <a:ea charset="-122" pitchFamily="2" typeface="宋体"/>
                <a:cs typeface="+mn-cs"/>
              </a:defRPr>
            </a:lvl7pPr>
            <a:lvl8pPr algn="l" defTabSz="914400" eaLnBrk="1" hangingPunct="1" latinLnBrk="0" marL="3200400" rtl="0">
              <a:defRPr kern="1200">
                <a:solidFill>
                  <a:schemeClr val="tx1"/>
                </a:solidFill>
                <a:latin charset="0" pitchFamily="34" typeface="Arial"/>
                <a:ea charset="-122" pitchFamily="2" typeface="宋体"/>
                <a:cs typeface="+mn-cs"/>
              </a:defRPr>
            </a:lvl8pPr>
            <a:lvl9pPr algn="l" defTabSz="914400" eaLnBrk="1" hangingPunct="1" latinLnBrk="0" marL="3657600" rtl="0">
              <a:defRPr kern="1200">
                <a:solidFill>
                  <a:schemeClr val="tx1"/>
                </a:solidFill>
                <a:latin charset="0" pitchFamily="34" typeface="Arial"/>
                <a:ea charset="-122" pitchFamily="2" typeface="宋体"/>
                <a:cs typeface="+mn-cs"/>
              </a:defRPr>
            </a:lvl9pPr>
          </a:lstStyle>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a:p>
            <a:pPr eaLnBrk="1" hangingPunct="1">
              <a:lnSpc>
                <a:spcPct val="110000"/>
              </a:lnSpc>
            </a:pPr>
            <a:r>
              <a:rPr altLang="en-US" lang="zh-CN" sz="1600">
                <a:solidFill>
                  <a:srgbClr val="292929"/>
                </a:solidFill>
                <a:latin charset="-122" panose="020b0503020204020204" pitchFamily="34" typeface="微软雅黑"/>
                <a:ea charset="-122" panose="020b0503020204020204" pitchFamily="34" typeface="微软雅黑"/>
              </a:rPr>
              <a:t>●这里输入您的文字</a:t>
            </a:r>
          </a:p>
        </p:txBody>
      </p:sp>
      <p:grpSp>
        <p:nvGrpSpPr>
          <p:cNvPr id="9" name="组合 8"/>
          <p:cNvGrpSpPr/>
          <p:nvPr/>
        </p:nvGrpSpPr>
        <p:grpSpPr>
          <a:xfrm>
            <a:off x="1839640" y="913284"/>
            <a:ext cx="2374900" cy="1512168"/>
            <a:chOff x="744538" y="5632590"/>
            <a:chExt cx="1701800" cy="964762"/>
          </a:xfrm>
        </p:grpSpPr>
        <p:sp>
          <p:nvSpPr>
            <p:cNvPr id="10" name="矩形 9"/>
            <p:cNvSpPr/>
            <p:nvPr/>
          </p:nvSpPr>
          <p:spPr>
            <a:xfrm>
              <a:off x="744538" y="5655993"/>
              <a:ext cx="1701800" cy="941359"/>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cxnSp>
          <p:nvCxnSpPr>
            <p:cNvPr id="11" name="直接连接符 10"/>
            <p:cNvCxnSpPr/>
            <p:nvPr/>
          </p:nvCxnSpPr>
          <p:spPr>
            <a:xfrm>
              <a:off x="744538" y="5632590"/>
              <a:ext cx="1701800" cy="91440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cxnSp>
          <p:nvCxnSpPr>
            <p:cNvPr id="12" name="直接连接符 11"/>
            <p:cNvCxnSpPr/>
            <p:nvPr/>
          </p:nvCxnSpPr>
          <p:spPr>
            <a:xfrm flipV="1">
              <a:off x="744538" y="5655993"/>
              <a:ext cx="1701800" cy="890997"/>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grpSp>
      <p:grpSp>
        <p:nvGrpSpPr>
          <p:cNvPr id="13" name="组合 12"/>
          <p:cNvGrpSpPr/>
          <p:nvPr/>
        </p:nvGrpSpPr>
        <p:grpSpPr>
          <a:xfrm>
            <a:off x="5878463" y="913284"/>
            <a:ext cx="2374900" cy="1512168"/>
            <a:chOff x="744538" y="5632590"/>
            <a:chExt cx="1701800" cy="964762"/>
          </a:xfrm>
        </p:grpSpPr>
        <p:sp>
          <p:nvSpPr>
            <p:cNvPr id="14" name="矩形 13"/>
            <p:cNvSpPr/>
            <p:nvPr/>
          </p:nvSpPr>
          <p:spPr>
            <a:xfrm>
              <a:off x="744538" y="5655993"/>
              <a:ext cx="1701800" cy="941359"/>
            </a:xfrm>
            <a:prstGeom prst="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cxnSp>
          <p:nvCxnSpPr>
            <p:cNvPr id="15" name="直接连接符 14"/>
            <p:cNvCxnSpPr/>
            <p:nvPr/>
          </p:nvCxnSpPr>
          <p:spPr>
            <a:xfrm>
              <a:off x="744538" y="5632590"/>
              <a:ext cx="1701800" cy="914400"/>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cxnSp>
          <p:nvCxnSpPr>
            <p:cNvPr id="16" name="直接连接符 15"/>
            <p:cNvCxnSpPr/>
            <p:nvPr/>
          </p:nvCxnSpPr>
          <p:spPr>
            <a:xfrm flipV="1">
              <a:off x="744538" y="5655993"/>
              <a:ext cx="1701800" cy="890997"/>
            </a:xfrm>
            <a:prstGeom prst="line">
              <a:avLst/>
            </a:prstGeom>
            <a:ln>
              <a:solidFill>
                <a:schemeClr val="bg1"/>
              </a:solidFill>
            </a:ln>
          </p:spPr>
          <p:style>
            <a:lnRef idx="1">
              <a:schemeClr val="accent1"/>
            </a:lnRef>
            <a:fillRef idx="0">
              <a:schemeClr val="accent1"/>
            </a:fillRef>
            <a:effectRef idx="0">
              <a:schemeClr val="accent1"/>
            </a:effectRef>
            <a:fontRef idx="minor">
              <a:schemeClr val="tx1"/>
            </a:fontRef>
          </p:style>
        </p:cxnSp>
      </p:grpSp>
      <p:sp>
        <p:nvSpPr>
          <p:cNvPr id="20" name="椭圆 19"/>
          <p:cNvSpPr/>
          <p:nvPr/>
        </p:nvSpPr>
        <p:spPr>
          <a:xfrm>
            <a:off x="4575944" y="2337088"/>
            <a:ext cx="936104" cy="936104"/>
          </a:xfrm>
          <a:prstGeom prst="ellipse">
            <a:avLst/>
          </a:prstGeom>
          <a:solidFill>
            <a:srgbClr val="00544A"/>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zh-CN" lang="en-US" sz="2800">
                <a:latin charset="-122" panose="020b0503020204020204" pitchFamily="34" typeface="微软雅黑"/>
                <a:ea charset="-122" panose="020b0503020204020204" pitchFamily="34" typeface="微软雅黑"/>
              </a:rPr>
              <a:t>VS</a:t>
            </a:r>
          </a:p>
        </p:txBody>
      </p:sp>
    </p:spTree>
    <p:extLst>
      <p:ext uri="{BB962C8B-B14F-4D97-AF65-F5344CB8AC3E}">
        <p14:creationId val="2589818899"/>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5" presetSubtype="10">
                                  <p:stCondLst>
                                    <p:cond delay="0"/>
                                  </p:stCondLst>
                                  <p:childTnLst>
                                    <p:set>
                                      <p:cBhvr>
                                        <p:cTn dur="1" fill="hold" id="6">
                                          <p:stCondLst>
                                            <p:cond delay="0"/>
                                          </p:stCondLst>
                                        </p:cTn>
                                        <p:tgtEl>
                                          <p:spTgt spid="9"/>
                                        </p:tgtEl>
                                        <p:attrNameLst>
                                          <p:attrName>style.visibility</p:attrName>
                                        </p:attrNameLst>
                                      </p:cBhvr>
                                      <p:to>
                                        <p:strVal val="visible"/>
                                      </p:to>
                                    </p:set>
                                    <p:animEffect filter="checkerboard(across)" transition="in">
                                      <p:cBhvr>
                                        <p:cTn dur="500" id="7"/>
                                        <p:tgtEl>
                                          <p:spTgt spid="9"/>
                                        </p:tgtEl>
                                      </p:cBhvr>
                                    </p:animEffect>
                                  </p:childTnLst>
                                </p:cTn>
                              </p:par>
                            </p:childTnLst>
                          </p:cTn>
                        </p:par>
                        <p:par>
                          <p:cTn fill="hold" id="8" nodeType="afterGroup">
                            <p:stCondLst>
                              <p:cond delay="500"/>
                            </p:stCondLst>
                            <p:childTnLst>
                              <p:par>
                                <p:cTn fill="hold" grpId="0" id="9" nodeType="afterEffect" presetClass="entr" presetID="16" presetSubtype="21">
                                  <p:stCondLst>
                                    <p:cond delay="0"/>
                                  </p:stCondLst>
                                  <p:childTnLst>
                                    <p:set>
                                      <p:cBhvr>
                                        <p:cTn dur="1" fill="hold" id="10">
                                          <p:stCondLst>
                                            <p:cond delay="0"/>
                                          </p:stCondLst>
                                        </p:cTn>
                                        <p:tgtEl>
                                          <p:spTgt spid="2"/>
                                        </p:tgtEl>
                                        <p:attrNameLst>
                                          <p:attrName>style.visibility</p:attrName>
                                        </p:attrNameLst>
                                      </p:cBhvr>
                                      <p:to>
                                        <p:strVal val="visible"/>
                                      </p:to>
                                    </p:set>
                                    <p:animEffect filter="barn(inVertical)" transition="in">
                                      <p:cBhvr>
                                        <p:cTn dur="500" id="11"/>
                                        <p:tgtEl>
                                          <p:spTgt spid="2"/>
                                        </p:tgtEl>
                                      </p:cBhvr>
                                    </p:animEffect>
                                  </p:childTnLst>
                                </p:cTn>
                              </p:par>
                            </p:childTnLst>
                          </p:cTn>
                        </p:par>
                        <p:par>
                          <p:cTn fill="hold" id="12" nodeType="afterGroup">
                            <p:stCondLst>
                              <p:cond delay="1000"/>
                            </p:stCondLst>
                            <p:childTnLst>
                              <p:par>
                                <p:cTn fill="hold" grpId="0" id="13" nodeType="afterEffect" presetClass="entr" presetID="1" presetSubtype="0">
                                  <p:stCondLst>
                                    <p:cond delay="0"/>
                                  </p:stCondLst>
                                  <p:childTnLst>
                                    <p:set>
                                      <p:cBhvr>
                                        <p:cTn dur="1" fill="hold" id="14">
                                          <p:stCondLst>
                                            <p:cond delay="0"/>
                                          </p:stCondLst>
                                        </p:cTn>
                                        <p:tgtEl>
                                          <p:spTgt spid="3"/>
                                        </p:tgtEl>
                                        <p:attrNameLst>
                                          <p:attrName>style.visibility</p:attrName>
                                        </p:attrNameLst>
                                      </p:cBhvr>
                                      <p:to>
                                        <p:strVal val="visible"/>
                                      </p:to>
                                    </p:set>
                                  </p:childTnLst>
                                </p:cTn>
                              </p:par>
                            </p:childTnLst>
                          </p:cTn>
                        </p:par>
                        <p:par>
                          <p:cTn fill="hold" id="15" nodeType="afterGroup">
                            <p:stCondLst>
                              <p:cond delay="1001"/>
                            </p:stCondLst>
                            <p:childTnLst>
                              <p:par>
                                <p:cTn fill="hold" grpId="0" id="16" nodeType="afterEffect" presetClass="entr" presetID="2" presetSubtype="4">
                                  <p:stCondLst>
                                    <p:cond delay="0"/>
                                  </p:stCondLst>
                                  <p:childTnLst>
                                    <p:set>
                                      <p:cBhvr>
                                        <p:cTn dur="1" fill="hold" id="17">
                                          <p:stCondLst>
                                            <p:cond delay="0"/>
                                          </p:stCondLst>
                                        </p:cTn>
                                        <p:tgtEl>
                                          <p:spTgt spid="6">
                                            <p:txEl>
                                              <p:pRg end="0" st="0"/>
                                            </p:txEl>
                                          </p:spTgt>
                                        </p:tgtEl>
                                        <p:attrNameLst>
                                          <p:attrName>style.visibility</p:attrName>
                                        </p:attrNameLst>
                                      </p:cBhvr>
                                      <p:to>
                                        <p:strVal val="visible"/>
                                      </p:to>
                                    </p:set>
                                    <p:anim calcmode="lin" valueType="num">
                                      <p:cBhvr additive="base">
                                        <p:cTn dur="500" fill="hold" id="18"/>
                                        <p:tgtEl>
                                          <p:spTgt spid="6">
                                            <p:txEl>
                                              <p:pRg end="0" st="0"/>
                                            </p:txEl>
                                          </p:spTgt>
                                        </p:tgtEl>
                                        <p:attrNameLst>
                                          <p:attrName>ppt_x</p:attrName>
                                        </p:attrNameLst>
                                      </p:cBhvr>
                                      <p:tavLst>
                                        <p:tav tm="0">
                                          <p:val>
                                            <p:strVal val="#ppt_x"/>
                                          </p:val>
                                        </p:tav>
                                        <p:tav tm="100000">
                                          <p:val>
                                            <p:strVal val="#ppt_x"/>
                                          </p:val>
                                        </p:tav>
                                      </p:tavLst>
                                    </p:anim>
                                    <p:anim calcmode="lin" valueType="num">
                                      <p:cBhvr additive="base">
                                        <p:cTn dur="500" fill="hold" id="19"/>
                                        <p:tgtEl>
                                          <p:spTgt spid="6">
                                            <p:txEl>
                                              <p:pRg end="0" st="0"/>
                                            </p:txEl>
                                          </p:spTgt>
                                        </p:tgtEl>
                                        <p:attrNameLst>
                                          <p:attrName>ppt_y</p:attrName>
                                        </p:attrNameLst>
                                      </p:cBhvr>
                                      <p:tavLst>
                                        <p:tav tm="0">
                                          <p:val>
                                            <p:strVal val="1+#ppt_h/2"/>
                                          </p:val>
                                        </p:tav>
                                        <p:tav tm="100000">
                                          <p:val>
                                            <p:strVal val="#ppt_y"/>
                                          </p:val>
                                        </p:tav>
                                      </p:tavLst>
                                    </p:anim>
                                  </p:childTnLst>
                                </p:cTn>
                              </p:par>
                            </p:childTnLst>
                          </p:cTn>
                        </p:par>
                        <p:par>
                          <p:cTn fill="hold" id="20" nodeType="afterGroup">
                            <p:stCondLst>
                              <p:cond delay="1501"/>
                            </p:stCondLst>
                            <p:childTnLst>
                              <p:par>
                                <p:cTn fill="hold" grpId="0" id="21" nodeType="afterEffect" presetClass="entr" presetID="2" presetSubtype="4">
                                  <p:stCondLst>
                                    <p:cond delay="0"/>
                                  </p:stCondLst>
                                  <p:childTnLst>
                                    <p:set>
                                      <p:cBhvr>
                                        <p:cTn dur="1" fill="hold" id="22">
                                          <p:stCondLst>
                                            <p:cond delay="0"/>
                                          </p:stCondLst>
                                        </p:cTn>
                                        <p:tgtEl>
                                          <p:spTgt spid="6">
                                            <p:txEl>
                                              <p:pRg end="1" st="1"/>
                                            </p:txEl>
                                          </p:spTgt>
                                        </p:tgtEl>
                                        <p:attrNameLst>
                                          <p:attrName>style.visibility</p:attrName>
                                        </p:attrNameLst>
                                      </p:cBhvr>
                                      <p:to>
                                        <p:strVal val="visible"/>
                                      </p:to>
                                    </p:set>
                                    <p:anim calcmode="lin" valueType="num">
                                      <p:cBhvr additive="base">
                                        <p:cTn dur="500" fill="hold" id="23"/>
                                        <p:tgtEl>
                                          <p:spTgt spid="6">
                                            <p:txEl>
                                              <p:pRg end="1" st="1"/>
                                            </p:txEl>
                                          </p:spTgt>
                                        </p:tgtEl>
                                        <p:attrNameLst>
                                          <p:attrName>ppt_x</p:attrName>
                                        </p:attrNameLst>
                                      </p:cBhvr>
                                      <p:tavLst>
                                        <p:tav tm="0">
                                          <p:val>
                                            <p:strVal val="#ppt_x"/>
                                          </p:val>
                                        </p:tav>
                                        <p:tav tm="100000">
                                          <p:val>
                                            <p:strVal val="#ppt_x"/>
                                          </p:val>
                                        </p:tav>
                                      </p:tavLst>
                                    </p:anim>
                                    <p:anim calcmode="lin" valueType="num">
                                      <p:cBhvr additive="base">
                                        <p:cTn dur="500" fill="hold" id="24"/>
                                        <p:tgtEl>
                                          <p:spTgt spid="6">
                                            <p:txEl>
                                              <p:pRg end="1" st="1"/>
                                            </p:txEl>
                                          </p:spTgt>
                                        </p:tgtEl>
                                        <p:attrNameLst>
                                          <p:attrName>ppt_y</p:attrName>
                                        </p:attrNameLst>
                                      </p:cBhvr>
                                      <p:tavLst>
                                        <p:tav tm="0">
                                          <p:val>
                                            <p:strVal val="1+#ppt_h/2"/>
                                          </p:val>
                                        </p:tav>
                                        <p:tav tm="100000">
                                          <p:val>
                                            <p:strVal val="#ppt_y"/>
                                          </p:val>
                                        </p:tav>
                                      </p:tavLst>
                                    </p:anim>
                                  </p:childTnLst>
                                </p:cTn>
                              </p:par>
                            </p:childTnLst>
                          </p:cTn>
                        </p:par>
                        <p:par>
                          <p:cTn fill="hold" id="25" nodeType="afterGroup">
                            <p:stCondLst>
                              <p:cond delay="2001"/>
                            </p:stCondLst>
                            <p:childTnLst>
                              <p:par>
                                <p:cTn fill="hold" grpId="0" id="26" nodeType="afterEffect" presetClass="entr" presetID="2" presetSubtype="4">
                                  <p:stCondLst>
                                    <p:cond delay="0"/>
                                  </p:stCondLst>
                                  <p:childTnLst>
                                    <p:set>
                                      <p:cBhvr>
                                        <p:cTn dur="1" fill="hold" id="27">
                                          <p:stCondLst>
                                            <p:cond delay="0"/>
                                          </p:stCondLst>
                                        </p:cTn>
                                        <p:tgtEl>
                                          <p:spTgt spid="6">
                                            <p:txEl>
                                              <p:pRg end="2" st="2"/>
                                            </p:txEl>
                                          </p:spTgt>
                                        </p:tgtEl>
                                        <p:attrNameLst>
                                          <p:attrName>style.visibility</p:attrName>
                                        </p:attrNameLst>
                                      </p:cBhvr>
                                      <p:to>
                                        <p:strVal val="visible"/>
                                      </p:to>
                                    </p:set>
                                    <p:anim calcmode="lin" valueType="num">
                                      <p:cBhvr additive="base">
                                        <p:cTn dur="500" fill="hold" id="28"/>
                                        <p:tgtEl>
                                          <p:spTgt spid="6">
                                            <p:txEl>
                                              <p:pRg end="2" st="2"/>
                                            </p:txEl>
                                          </p:spTgt>
                                        </p:tgtEl>
                                        <p:attrNameLst>
                                          <p:attrName>ppt_x</p:attrName>
                                        </p:attrNameLst>
                                      </p:cBhvr>
                                      <p:tavLst>
                                        <p:tav tm="0">
                                          <p:val>
                                            <p:strVal val="#ppt_x"/>
                                          </p:val>
                                        </p:tav>
                                        <p:tav tm="100000">
                                          <p:val>
                                            <p:strVal val="#ppt_x"/>
                                          </p:val>
                                        </p:tav>
                                      </p:tavLst>
                                    </p:anim>
                                    <p:anim calcmode="lin" valueType="num">
                                      <p:cBhvr additive="base">
                                        <p:cTn dur="500" fill="hold" id="29"/>
                                        <p:tgtEl>
                                          <p:spTgt spid="6">
                                            <p:txEl>
                                              <p:pRg end="2" st="2"/>
                                            </p:txEl>
                                          </p:spTgt>
                                        </p:tgtEl>
                                        <p:attrNameLst>
                                          <p:attrName>ppt_y</p:attrName>
                                        </p:attrNameLst>
                                      </p:cBhvr>
                                      <p:tavLst>
                                        <p:tav tm="0">
                                          <p:val>
                                            <p:strVal val="1+#ppt_h/2"/>
                                          </p:val>
                                        </p:tav>
                                        <p:tav tm="100000">
                                          <p:val>
                                            <p:strVal val="#ppt_y"/>
                                          </p:val>
                                        </p:tav>
                                      </p:tavLst>
                                    </p:anim>
                                  </p:childTnLst>
                                </p:cTn>
                              </p:par>
                            </p:childTnLst>
                          </p:cTn>
                        </p:par>
                        <p:par>
                          <p:cTn fill="hold" id="30" nodeType="afterGroup">
                            <p:stCondLst>
                              <p:cond delay="2501"/>
                            </p:stCondLst>
                            <p:childTnLst>
                              <p:par>
                                <p:cTn fill="hold" grpId="0" id="31" nodeType="afterEffect" presetClass="entr" presetID="2" presetSubtype="4">
                                  <p:stCondLst>
                                    <p:cond delay="0"/>
                                  </p:stCondLst>
                                  <p:childTnLst>
                                    <p:set>
                                      <p:cBhvr>
                                        <p:cTn dur="1" fill="hold" id="32">
                                          <p:stCondLst>
                                            <p:cond delay="0"/>
                                          </p:stCondLst>
                                        </p:cTn>
                                        <p:tgtEl>
                                          <p:spTgt spid="6">
                                            <p:txEl>
                                              <p:pRg end="3" st="3"/>
                                            </p:txEl>
                                          </p:spTgt>
                                        </p:tgtEl>
                                        <p:attrNameLst>
                                          <p:attrName>style.visibility</p:attrName>
                                        </p:attrNameLst>
                                      </p:cBhvr>
                                      <p:to>
                                        <p:strVal val="visible"/>
                                      </p:to>
                                    </p:set>
                                    <p:anim calcmode="lin" valueType="num">
                                      <p:cBhvr additive="base">
                                        <p:cTn dur="500" fill="hold" id="33"/>
                                        <p:tgtEl>
                                          <p:spTgt spid="6">
                                            <p:txEl>
                                              <p:pRg end="3" st="3"/>
                                            </p:txEl>
                                          </p:spTgt>
                                        </p:tgtEl>
                                        <p:attrNameLst>
                                          <p:attrName>ppt_x</p:attrName>
                                        </p:attrNameLst>
                                      </p:cBhvr>
                                      <p:tavLst>
                                        <p:tav tm="0">
                                          <p:val>
                                            <p:strVal val="#ppt_x"/>
                                          </p:val>
                                        </p:tav>
                                        <p:tav tm="100000">
                                          <p:val>
                                            <p:strVal val="#ppt_x"/>
                                          </p:val>
                                        </p:tav>
                                      </p:tavLst>
                                    </p:anim>
                                    <p:anim calcmode="lin" valueType="num">
                                      <p:cBhvr additive="base">
                                        <p:cTn dur="500" fill="hold" id="34"/>
                                        <p:tgtEl>
                                          <p:spTgt spid="6">
                                            <p:txEl>
                                              <p:pRg end="3" st="3"/>
                                            </p:txEl>
                                          </p:spTgt>
                                        </p:tgtEl>
                                        <p:attrNameLst>
                                          <p:attrName>ppt_y</p:attrName>
                                        </p:attrNameLst>
                                      </p:cBhvr>
                                      <p:tavLst>
                                        <p:tav tm="0">
                                          <p:val>
                                            <p:strVal val="1+#ppt_h/2"/>
                                          </p:val>
                                        </p:tav>
                                        <p:tav tm="100000">
                                          <p:val>
                                            <p:strVal val="#ppt_y"/>
                                          </p:val>
                                        </p:tav>
                                      </p:tavLst>
                                    </p:anim>
                                  </p:childTnLst>
                                </p:cTn>
                              </p:par>
                            </p:childTnLst>
                          </p:cTn>
                        </p:par>
                        <p:par>
                          <p:cTn fill="hold" id="35" nodeType="afterGroup">
                            <p:stCondLst>
                              <p:cond delay="3001"/>
                            </p:stCondLst>
                            <p:childTnLst>
                              <p:par>
                                <p:cTn fill="hold" grpId="0" id="36" nodeType="afterEffect" presetClass="entr" presetID="2" presetSubtype="4">
                                  <p:stCondLst>
                                    <p:cond delay="0"/>
                                  </p:stCondLst>
                                  <p:childTnLst>
                                    <p:set>
                                      <p:cBhvr>
                                        <p:cTn dur="1" fill="hold" id="37">
                                          <p:stCondLst>
                                            <p:cond delay="0"/>
                                          </p:stCondLst>
                                        </p:cTn>
                                        <p:tgtEl>
                                          <p:spTgt spid="6">
                                            <p:txEl>
                                              <p:pRg end="4" st="4"/>
                                            </p:txEl>
                                          </p:spTgt>
                                        </p:tgtEl>
                                        <p:attrNameLst>
                                          <p:attrName>style.visibility</p:attrName>
                                        </p:attrNameLst>
                                      </p:cBhvr>
                                      <p:to>
                                        <p:strVal val="visible"/>
                                      </p:to>
                                    </p:set>
                                    <p:anim calcmode="lin" valueType="num">
                                      <p:cBhvr additive="base">
                                        <p:cTn dur="500" fill="hold" id="38"/>
                                        <p:tgtEl>
                                          <p:spTgt spid="6">
                                            <p:txEl>
                                              <p:pRg end="4" st="4"/>
                                            </p:txEl>
                                          </p:spTgt>
                                        </p:tgtEl>
                                        <p:attrNameLst>
                                          <p:attrName>ppt_x</p:attrName>
                                        </p:attrNameLst>
                                      </p:cBhvr>
                                      <p:tavLst>
                                        <p:tav tm="0">
                                          <p:val>
                                            <p:strVal val="#ppt_x"/>
                                          </p:val>
                                        </p:tav>
                                        <p:tav tm="100000">
                                          <p:val>
                                            <p:strVal val="#ppt_x"/>
                                          </p:val>
                                        </p:tav>
                                      </p:tavLst>
                                    </p:anim>
                                    <p:anim calcmode="lin" valueType="num">
                                      <p:cBhvr additive="base">
                                        <p:cTn dur="500" fill="hold" id="39"/>
                                        <p:tgtEl>
                                          <p:spTgt spid="6">
                                            <p:txEl>
                                              <p:pRg end="4" st="4"/>
                                            </p:txEl>
                                          </p:spTgt>
                                        </p:tgtEl>
                                        <p:attrNameLst>
                                          <p:attrName>ppt_y</p:attrName>
                                        </p:attrNameLst>
                                      </p:cBhvr>
                                      <p:tavLst>
                                        <p:tav tm="0">
                                          <p:val>
                                            <p:strVal val="1+#ppt_h/2"/>
                                          </p:val>
                                        </p:tav>
                                        <p:tav tm="100000">
                                          <p:val>
                                            <p:strVal val="#ppt_y"/>
                                          </p:val>
                                        </p:tav>
                                      </p:tavLst>
                                    </p:anim>
                                  </p:childTnLst>
                                </p:cTn>
                              </p:par>
                            </p:childTnLst>
                          </p:cTn>
                        </p:par>
                        <p:par>
                          <p:cTn fill="hold" id="40" nodeType="afterGroup">
                            <p:stCondLst>
                              <p:cond delay="3501"/>
                            </p:stCondLst>
                            <p:childTnLst>
                              <p:par>
                                <p:cTn fill="hold" grpId="0" id="41" nodeType="afterEffect" presetClass="entr" presetID="10" presetSubtype="0">
                                  <p:stCondLst>
                                    <p:cond delay="0"/>
                                  </p:stCondLst>
                                  <p:childTnLst>
                                    <p:set>
                                      <p:cBhvr>
                                        <p:cTn dur="1" fill="hold" id="42">
                                          <p:stCondLst>
                                            <p:cond delay="0"/>
                                          </p:stCondLst>
                                        </p:cTn>
                                        <p:tgtEl>
                                          <p:spTgt spid="20"/>
                                        </p:tgtEl>
                                        <p:attrNameLst>
                                          <p:attrName>style.visibility</p:attrName>
                                        </p:attrNameLst>
                                      </p:cBhvr>
                                      <p:to>
                                        <p:strVal val="visible"/>
                                      </p:to>
                                    </p:set>
                                    <p:animEffect filter="fade" transition="in">
                                      <p:cBhvr>
                                        <p:cTn dur="500" id="43"/>
                                        <p:tgtEl>
                                          <p:spTgt spid="20"/>
                                        </p:tgtEl>
                                      </p:cBhvr>
                                    </p:animEffect>
                                  </p:childTnLst>
                                </p:cTn>
                              </p:par>
                            </p:childTnLst>
                          </p:cTn>
                        </p:par>
                        <p:par>
                          <p:cTn fill="hold" id="44" nodeType="afterGroup">
                            <p:stCondLst>
                              <p:cond delay="4001"/>
                            </p:stCondLst>
                            <p:childTnLst>
                              <p:par>
                                <p:cTn fill="hold" grpId="1" id="45" nodeType="afterEffect" presetClass="emph" presetID="26" presetSubtype="0">
                                  <p:stCondLst>
                                    <p:cond delay="0"/>
                                  </p:stCondLst>
                                  <p:childTnLst>
                                    <p:animEffect filter="fade" transition="out">
                                      <p:cBhvr>
                                        <p:cTn dur="500" id="46" tmFilter="0, 0; .2, .5; .8, .5; 1, 0"/>
                                        <p:tgtEl>
                                          <p:spTgt spid="20"/>
                                        </p:tgtEl>
                                      </p:cBhvr>
                                    </p:animEffect>
                                    <p:animScale>
                                      <p:cBhvr>
                                        <p:cTn autoRev="1" dur="250" fill="hold" id="47"/>
                                        <p:tgtEl>
                                          <p:spTgt spid="20"/>
                                        </p:tgtEl>
                                      </p:cBhvr>
                                      <p:by x="105000" y="105000"/>
                                    </p:animScale>
                                  </p:childTnLst>
                                </p:cTn>
                              </p:par>
                            </p:childTnLst>
                          </p:cTn>
                        </p:par>
                        <p:par>
                          <p:cTn fill="hold" id="48" nodeType="afterGroup">
                            <p:stCondLst>
                              <p:cond delay="4501"/>
                            </p:stCondLst>
                            <p:childTnLst>
                              <p:par>
                                <p:cTn fill="hold" id="49" nodeType="afterEffect" presetClass="entr" presetID="5" presetSubtype="10">
                                  <p:stCondLst>
                                    <p:cond delay="0"/>
                                  </p:stCondLst>
                                  <p:childTnLst>
                                    <p:set>
                                      <p:cBhvr>
                                        <p:cTn dur="1" fill="hold" id="50">
                                          <p:stCondLst>
                                            <p:cond delay="0"/>
                                          </p:stCondLst>
                                        </p:cTn>
                                        <p:tgtEl>
                                          <p:spTgt spid="13"/>
                                        </p:tgtEl>
                                        <p:attrNameLst>
                                          <p:attrName>style.visibility</p:attrName>
                                        </p:attrNameLst>
                                      </p:cBhvr>
                                      <p:to>
                                        <p:strVal val="visible"/>
                                      </p:to>
                                    </p:set>
                                    <p:animEffect filter="checkerboard(across)" transition="in">
                                      <p:cBhvr>
                                        <p:cTn dur="500" id="51"/>
                                        <p:tgtEl>
                                          <p:spTgt spid="13"/>
                                        </p:tgtEl>
                                      </p:cBhvr>
                                    </p:animEffect>
                                  </p:childTnLst>
                                </p:cTn>
                              </p:par>
                            </p:childTnLst>
                          </p:cTn>
                        </p:par>
                        <p:par>
                          <p:cTn fill="hold" id="52" nodeType="afterGroup">
                            <p:stCondLst>
                              <p:cond delay="5001"/>
                            </p:stCondLst>
                            <p:childTnLst>
                              <p:par>
                                <p:cTn fill="hold" grpId="0" id="53" nodeType="afterEffect" presetClass="entr" presetID="16" presetSubtype="21">
                                  <p:stCondLst>
                                    <p:cond delay="0"/>
                                  </p:stCondLst>
                                  <p:childTnLst>
                                    <p:set>
                                      <p:cBhvr>
                                        <p:cTn dur="1" fill="hold" id="54">
                                          <p:stCondLst>
                                            <p:cond delay="0"/>
                                          </p:stCondLst>
                                        </p:cTn>
                                        <p:tgtEl>
                                          <p:spTgt spid="4"/>
                                        </p:tgtEl>
                                        <p:attrNameLst>
                                          <p:attrName>style.visibility</p:attrName>
                                        </p:attrNameLst>
                                      </p:cBhvr>
                                      <p:to>
                                        <p:strVal val="visible"/>
                                      </p:to>
                                    </p:set>
                                    <p:animEffect filter="barn(inVertical)" transition="in">
                                      <p:cBhvr>
                                        <p:cTn dur="500" id="55"/>
                                        <p:tgtEl>
                                          <p:spTgt spid="4"/>
                                        </p:tgtEl>
                                      </p:cBhvr>
                                    </p:animEffect>
                                  </p:childTnLst>
                                </p:cTn>
                              </p:par>
                            </p:childTnLst>
                          </p:cTn>
                        </p:par>
                        <p:par>
                          <p:cTn fill="hold" id="56" nodeType="afterGroup">
                            <p:stCondLst>
                              <p:cond delay="5501"/>
                            </p:stCondLst>
                            <p:childTnLst>
                              <p:par>
                                <p:cTn fill="hold" grpId="0" id="57" nodeType="afterEffect" presetClass="entr" presetID="1" presetSubtype="0">
                                  <p:stCondLst>
                                    <p:cond delay="0"/>
                                  </p:stCondLst>
                                  <p:childTnLst>
                                    <p:set>
                                      <p:cBhvr>
                                        <p:cTn dur="1" fill="hold" id="58">
                                          <p:stCondLst>
                                            <p:cond delay="0"/>
                                          </p:stCondLst>
                                        </p:cTn>
                                        <p:tgtEl>
                                          <p:spTgt spid="5"/>
                                        </p:tgtEl>
                                        <p:attrNameLst>
                                          <p:attrName>style.visibility</p:attrName>
                                        </p:attrNameLst>
                                      </p:cBhvr>
                                      <p:to>
                                        <p:strVal val="visible"/>
                                      </p:to>
                                    </p:set>
                                  </p:childTnLst>
                                </p:cTn>
                              </p:par>
                            </p:childTnLst>
                          </p:cTn>
                        </p:par>
                        <p:par>
                          <p:cTn fill="hold" id="59" nodeType="afterGroup">
                            <p:stCondLst>
                              <p:cond delay="5502"/>
                            </p:stCondLst>
                            <p:childTnLst>
                              <p:par>
                                <p:cTn fill="hold" grpId="0" id="60" nodeType="afterEffect" presetClass="entr" presetID="2" presetSubtype="4">
                                  <p:stCondLst>
                                    <p:cond delay="0"/>
                                  </p:stCondLst>
                                  <p:childTnLst>
                                    <p:set>
                                      <p:cBhvr>
                                        <p:cTn dur="1" fill="hold" id="61">
                                          <p:stCondLst>
                                            <p:cond delay="0"/>
                                          </p:stCondLst>
                                        </p:cTn>
                                        <p:tgtEl>
                                          <p:spTgt spid="7">
                                            <p:txEl>
                                              <p:pRg end="0" st="0"/>
                                            </p:txEl>
                                          </p:spTgt>
                                        </p:tgtEl>
                                        <p:attrNameLst>
                                          <p:attrName>style.visibility</p:attrName>
                                        </p:attrNameLst>
                                      </p:cBhvr>
                                      <p:to>
                                        <p:strVal val="visible"/>
                                      </p:to>
                                    </p:set>
                                    <p:anim calcmode="lin" valueType="num">
                                      <p:cBhvr additive="base">
                                        <p:cTn dur="500" fill="hold" id="62"/>
                                        <p:tgtEl>
                                          <p:spTgt spid="7">
                                            <p:txEl>
                                              <p:pRg end="0" st="0"/>
                                            </p:txEl>
                                          </p:spTgt>
                                        </p:tgtEl>
                                        <p:attrNameLst>
                                          <p:attrName>ppt_x</p:attrName>
                                        </p:attrNameLst>
                                      </p:cBhvr>
                                      <p:tavLst>
                                        <p:tav tm="0">
                                          <p:val>
                                            <p:strVal val="#ppt_x"/>
                                          </p:val>
                                        </p:tav>
                                        <p:tav tm="100000">
                                          <p:val>
                                            <p:strVal val="#ppt_x"/>
                                          </p:val>
                                        </p:tav>
                                      </p:tavLst>
                                    </p:anim>
                                    <p:anim calcmode="lin" valueType="num">
                                      <p:cBhvr additive="base">
                                        <p:cTn dur="500" fill="hold" id="63"/>
                                        <p:tgtEl>
                                          <p:spTgt spid="7">
                                            <p:txEl>
                                              <p:pRg end="0" st="0"/>
                                            </p:txEl>
                                          </p:spTgt>
                                        </p:tgtEl>
                                        <p:attrNameLst>
                                          <p:attrName>ppt_y</p:attrName>
                                        </p:attrNameLst>
                                      </p:cBhvr>
                                      <p:tavLst>
                                        <p:tav tm="0">
                                          <p:val>
                                            <p:strVal val="1+#ppt_h/2"/>
                                          </p:val>
                                        </p:tav>
                                        <p:tav tm="100000">
                                          <p:val>
                                            <p:strVal val="#ppt_y"/>
                                          </p:val>
                                        </p:tav>
                                      </p:tavLst>
                                    </p:anim>
                                  </p:childTnLst>
                                </p:cTn>
                              </p:par>
                            </p:childTnLst>
                          </p:cTn>
                        </p:par>
                        <p:par>
                          <p:cTn fill="hold" id="64" nodeType="afterGroup">
                            <p:stCondLst>
                              <p:cond delay="6002"/>
                            </p:stCondLst>
                            <p:childTnLst>
                              <p:par>
                                <p:cTn fill="hold" grpId="0" id="65" nodeType="afterEffect" presetClass="entr" presetID="2" presetSubtype="4">
                                  <p:stCondLst>
                                    <p:cond delay="0"/>
                                  </p:stCondLst>
                                  <p:childTnLst>
                                    <p:set>
                                      <p:cBhvr>
                                        <p:cTn dur="1" fill="hold" id="66">
                                          <p:stCondLst>
                                            <p:cond delay="0"/>
                                          </p:stCondLst>
                                        </p:cTn>
                                        <p:tgtEl>
                                          <p:spTgt spid="7">
                                            <p:txEl>
                                              <p:pRg end="1" st="1"/>
                                            </p:txEl>
                                          </p:spTgt>
                                        </p:tgtEl>
                                        <p:attrNameLst>
                                          <p:attrName>style.visibility</p:attrName>
                                        </p:attrNameLst>
                                      </p:cBhvr>
                                      <p:to>
                                        <p:strVal val="visible"/>
                                      </p:to>
                                    </p:set>
                                    <p:anim calcmode="lin" valueType="num">
                                      <p:cBhvr additive="base">
                                        <p:cTn dur="500" fill="hold" id="67"/>
                                        <p:tgtEl>
                                          <p:spTgt spid="7">
                                            <p:txEl>
                                              <p:pRg end="1" st="1"/>
                                            </p:txEl>
                                          </p:spTgt>
                                        </p:tgtEl>
                                        <p:attrNameLst>
                                          <p:attrName>ppt_x</p:attrName>
                                        </p:attrNameLst>
                                      </p:cBhvr>
                                      <p:tavLst>
                                        <p:tav tm="0">
                                          <p:val>
                                            <p:strVal val="#ppt_x"/>
                                          </p:val>
                                        </p:tav>
                                        <p:tav tm="100000">
                                          <p:val>
                                            <p:strVal val="#ppt_x"/>
                                          </p:val>
                                        </p:tav>
                                      </p:tavLst>
                                    </p:anim>
                                    <p:anim calcmode="lin" valueType="num">
                                      <p:cBhvr additive="base">
                                        <p:cTn dur="500" fill="hold" id="68"/>
                                        <p:tgtEl>
                                          <p:spTgt spid="7">
                                            <p:txEl>
                                              <p:pRg end="1" st="1"/>
                                            </p:txEl>
                                          </p:spTgt>
                                        </p:tgtEl>
                                        <p:attrNameLst>
                                          <p:attrName>ppt_y</p:attrName>
                                        </p:attrNameLst>
                                      </p:cBhvr>
                                      <p:tavLst>
                                        <p:tav tm="0">
                                          <p:val>
                                            <p:strVal val="1+#ppt_h/2"/>
                                          </p:val>
                                        </p:tav>
                                        <p:tav tm="100000">
                                          <p:val>
                                            <p:strVal val="#ppt_y"/>
                                          </p:val>
                                        </p:tav>
                                      </p:tavLst>
                                    </p:anim>
                                  </p:childTnLst>
                                </p:cTn>
                              </p:par>
                            </p:childTnLst>
                          </p:cTn>
                        </p:par>
                        <p:par>
                          <p:cTn fill="hold" id="69" nodeType="afterGroup">
                            <p:stCondLst>
                              <p:cond delay="6502"/>
                            </p:stCondLst>
                            <p:childTnLst>
                              <p:par>
                                <p:cTn fill="hold" grpId="0" id="70" nodeType="afterEffect" presetClass="entr" presetID="2" presetSubtype="4">
                                  <p:stCondLst>
                                    <p:cond delay="0"/>
                                  </p:stCondLst>
                                  <p:childTnLst>
                                    <p:set>
                                      <p:cBhvr>
                                        <p:cTn dur="1" fill="hold" id="71">
                                          <p:stCondLst>
                                            <p:cond delay="0"/>
                                          </p:stCondLst>
                                        </p:cTn>
                                        <p:tgtEl>
                                          <p:spTgt spid="7">
                                            <p:txEl>
                                              <p:pRg end="2" st="2"/>
                                            </p:txEl>
                                          </p:spTgt>
                                        </p:tgtEl>
                                        <p:attrNameLst>
                                          <p:attrName>style.visibility</p:attrName>
                                        </p:attrNameLst>
                                      </p:cBhvr>
                                      <p:to>
                                        <p:strVal val="visible"/>
                                      </p:to>
                                    </p:set>
                                    <p:anim calcmode="lin" valueType="num">
                                      <p:cBhvr additive="base">
                                        <p:cTn dur="500" fill="hold" id="72"/>
                                        <p:tgtEl>
                                          <p:spTgt spid="7">
                                            <p:txEl>
                                              <p:pRg end="2" st="2"/>
                                            </p:txEl>
                                          </p:spTgt>
                                        </p:tgtEl>
                                        <p:attrNameLst>
                                          <p:attrName>ppt_x</p:attrName>
                                        </p:attrNameLst>
                                      </p:cBhvr>
                                      <p:tavLst>
                                        <p:tav tm="0">
                                          <p:val>
                                            <p:strVal val="#ppt_x"/>
                                          </p:val>
                                        </p:tav>
                                        <p:tav tm="100000">
                                          <p:val>
                                            <p:strVal val="#ppt_x"/>
                                          </p:val>
                                        </p:tav>
                                      </p:tavLst>
                                    </p:anim>
                                    <p:anim calcmode="lin" valueType="num">
                                      <p:cBhvr additive="base">
                                        <p:cTn dur="500" fill="hold" id="73"/>
                                        <p:tgtEl>
                                          <p:spTgt spid="7">
                                            <p:txEl>
                                              <p:pRg end="2" st="2"/>
                                            </p:txEl>
                                          </p:spTgt>
                                        </p:tgtEl>
                                        <p:attrNameLst>
                                          <p:attrName>ppt_y</p:attrName>
                                        </p:attrNameLst>
                                      </p:cBhvr>
                                      <p:tavLst>
                                        <p:tav tm="0">
                                          <p:val>
                                            <p:strVal val="1+#ppt_h/2"/>
                                          </p:val>
                                        </p:tav>
                                        <p:tav tm="100000">
                                          <p:val>
                                            <p:strVal val="#ppt_y"/>
                                          </p:val>
                                        </p:tav>
                                      </p:tavLst>
                                    </p:anim>
                                  </p:childTnLst>
                                </p:cTn>
                              </p:par>
                            </p:childTnLst>
                          </p:cTn>
                        </p:par>
                        <p:par>
                          <p:cTn fill="hold" id="74" nodeType="afterGroup">
                            <p:stCondLst>
                              <p:cond delay="7002"/>
                            </p:stCondLst>
                            <p:childTnLst>
                              <p:par>
                                <p:cTn fill="hold" grpId="0" id="75" nodeType="afterEffect" presetClass="entr" presetID="2" presetSubtype="4">
                                  <p:stCondLst>
                                    <p:cond delay="0"/>
                                  </p:stCondLst>
                                  <p:childTnLst>
                                    <p:set>
                                      <p:cBhvr>
                                        <p:cTn dur="1" fill="hold" id="76">
                                          <p:stCondLst>
                                            <p:cond delay="0"/>
                                          </p:stCondLst>
                                        </p:cTn>
                                        <p:tgtEl>
                                          <p:spTgt spid="7">
                                            <p:txEl>
                                              <p:pRg end="3" st="3"/>
                                            </p:txEl>
                                          </p:spTgt>
                                        </p:tgtEl>
                                        <p:attrNameLst>
                                          <p:attrName>style.visibility</p:attrName>
                                        </p:attrNameLst>
                                      </p:cBhvr>
                                      <p:to>
                                        <p:strVal val="visible"/>
                                      </p:to>
                                    </p:set>
                                    <p:anim calcmode="lin" valueType="num">
                                      <p:cBhvr additive="base">
                                        <p:cTn dur="500" fill="hold" id="77"/>
                                        <p:tgtEl>
                                          <p:spTgt spid="7">
                                            <p:txEl>
                                              <p:pRg end="3" st="3"/>
                                            </p:txEl>
                                          </p:spTgt>
                                        </p:tgtEl>
                                        <p:attrNameLst>
                                          <p:attrName>ppt_x</p:attrName>
                                        </p:attrNameLst>
                                      </p:cBhvr>
                                      <p:tavLst>
                                        <p:tav tm="0">
                                          <p:val>
                                            <p:strVal val="#ppt_x"/>
                                          </p:val>
                                        </p:tav>
                                        <p:tav tm="100000">
                                          <p:val>
                                            <p:strVal val="#ppt_x"/>
                                          </p:val>
                                        </p:tav>
                                      </p:tavLst>
                                    </p:anim>
                                    <p:anim calcmode="lin" valueType="num">
                                      <p:cBhvr additive="base">
                                        <p:cTn dur="500" fill="hold" id="78"/>
                                        <p:tgtEl>
                                          <p:spTgt spid="7">
                                            <p:txEl>
                                              <p:pRg end="3" st="3"/>
                                            </p:txEl>
                                          </p:spTgt>
                                        </p:tgtEl>
                                        <p:attrNameLst>
                                          <p:attrName>ppt_y</p:attrName>
                                        </p:attrNameLst>
                                      </p:cBhvr>
                                      <p:tavLst>
                                        <p:tav tm="0">
                                          <p:val>
                                            <p:strVal val="1+#ppt_h/2"/>
                                          </p:val>
                                        </p:tav>
                                        <p:tav tm="100000">
                                          <p:val>
                                            <p:strVal val="#ppt_y"/>
                                          </p:val>
                                        </p:tav>
                                      </p:tavLst>
                                    </p:anim>
                                  </p:childTnLst>
                                </p:cTn>
                              </p:par>
                            </p:childTnLst>
                          </p:cTn>
                        </p:par>
                        <p:par>
                          <p:cTn fill="hold" id="79" nodeType="afterGroup">
                            <p:stCondLst>
                              <p:cond delay="7502"/>
                            </p:stCondLst>
                            <p:childTnLst>
                              <p:par>
                                <p:cTn fill="hold" grpId="0" id="80" nodeType="afterEffect" presetClass="entr" presetID="2" presetSubtype="4">
                                  <p:stCondLst>
                                    <p:cond delay="0"/>
                                  </p:stCondLst>
                                  <p:childTnLst>
                                    <p:set>
                                      <p:cBhvr>
                                        <p:cTn dur="1" fill="hold" id="81">
                                          <p:stCondLst>
                                            <p:cond delay="0"/>
                                          </p:stCondLst>
                                        </p:cTn>
                                        <p:tgtEl>
                                          <p:spTgt spid="7">
                                            <p:txEl>
                                              <p:pRg end="4" st="4"/>
                                            </p:txEl>
                                          </p:spTgt>
                                        </p:tgtEl>
                                        <p:attrNameLst>
                                          <p:attrName>style.visibility</p:attrName>
                                        </p:attrNameLst>
                                      </p:cBhvr>
                                      <p:to>
                                        <p:strVal val="visible"/>
                                      </p:to>
                                    </p:set>
                                    <p:anim calcmode="lin" valueType="num">
                                      <p:cBhvr additive="base">
                                        <p:cTn dur="500" fill="hold" id="82"/>
                                        <p:tgtEl>
                                          <p:spTgt spid="7">
                                            <p:txEl>
                                              <p:pRg end="4" st="4"/>
                                            </p:txEl>
                                          </p:spTgt>
                                        </p:tgtEl>
                                        <p:attrNameLst>
                                          <p:attrName>ppt_x</p:attrName>
                                        </p:attrNameLst>
                                      </p:cBhvr>
                                      <p:tavLst>
                                        <p:tav tm="0">
                                          <p:val>
                                            <p:strVal val="#ppt_x"/>
                                          </p:val>
                                        </p:tav>
                                        <p:tav tm="100000">
                                          <p:val>
                                            <p:strVal val="#ppt_x"/>
                                          </p:val>
                                        </p:tav>
                                      </p:tavLst>
                                    </p:anim>
                                    <p:anim calcmode="lin" valueType="num">
                                      <p:cBhvr additive="base">
                                        <p:cTn dur="500" fill="hold" id="83"/>
                                        <p:tgtEl>
                                          <p:spTgt spid="7">
                                            <p:txEl>
                                              <p:pRg end="4" st="4"/>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
      <p:bldP grpId="0" spid="3"/>
      <p:bldP grpId="0" spid="4"/>
      <p:bldP grpId="0" spid="5"/>
      <p:bldP build="p" grpId="0" spid="6" uiExpand="1"/>
      <p:bldP build="p" grpId="0" spid="7" uiExpand="1"/>
      <p:bldP grpId="0" spid="20"/>
      <p:bldP grpId="1" spid="20"/>
    </p:bldLst>
  </p:timing>
</p:sld>
</file>

<file path=ppt/slides/slide34.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sp>
        <p:nvSpPr>
          <p:cNvPr id="2" name="矩形 1"/>
          <p:cNvSpPr/>
          <p:nvPr/>
        </p:nvSpPr>
        <p:spPr bwMode="auto">
          <a:xfrm>
            <a:off x="1911651" y="1562919"/>
            <a:ext cx="2787197" cy="3418949"/>
          </a:xfrm>
          <a:prstGeom prst="rect">
            <a:avLst/>
          </a:prstGeom>
          <a:gradFill>
            <a:gsLst>
              <a:gs pos="33000">
                <a:srgbClr val="F9F9F9"/>
              </a:gs>
              <a:gs pos="100000">
                <a:srgbClr val="D7D7D7"/>
              </a:gs>
            </a:gsLst>
            <a:lin ang="5400000" scaled="0"/>
          </a:gradFill>
          <a:ln algn="ctr" cap="flat" cmpd="sng" w="3175">
            <a:solidFill>
              <a:srgbClr val="EAEAEA"/>
            </a:solidFill>
            <a:prstDash val="solid"/>
          </a:ln>
          <a:effectLst>
            <a:outerShdw algn="t" blurRad="50800" dir="5400000" dist="38100" rotWithShape="0">
              <a:prstClr val="black">
                <a:alpha val="40000"/>
              </a:prstClr>
            </a:outerShdw>
          </a:effectLst>
        </p:spPr>
        <p:txBody>
          <a:bodyPr anchor="ctr"/>
          <a:lstStyle/>
          <a:p>
            <a:pPr algn="ctr">
              <a:lnSpc>
                <a:spcPct val="120000"/>
              </a:lnSpc>
              <a:defRPr/>
            </a:pPr>
            <a:endParaRPr altLang="zh-CN" kern="0" lang="en-US" sz="1200">
              <a:solidFill>
                <a:srgbClr val="4D4D4D"/>
              </a:solidFill>
              <a:latin charset="-122" panose="020b0503020204020204" pitchFamily="34" typeface="微软雅黑"/>
              <a:ea charset="-122" panose="020b0503020204020204" pitchFamily="34" typeface="微软雅黑"/>
            </a:endParaRPr>
          </a:p>
        </p:txBody>
      </p:sp>
      <p:sp>
        <p:nvSpPr>
          <p:cNvPr id="3" name="矩形 2"/>
          <p:cNvSpPr/>
          <p:nvPr/>
        </p:nvSpPr>
        <p:spPr bwMode="auto">
          <a:xfrm>
            <a:off x="5367436" y="1627426"/>
            <a:ext cx="3096940" cy="3354440"/>
          </a:xfrm>
          <a:prstGeom prst="rect">
            <a:avLst/>
          </a:prstGeom>
          <a:gradFill>
            <a:gsLst>
              <a:gs pos="0">
                <a:schemeClr val="bg1">
                  <a:lumMod val="65000"/>
                </a:schemeClr>
              </a:gs>
              <a:gs pos="100000">
                <a:schemeClr val="bg1">
                  <a:lumMod val="65000"/>
                </a:schemeClr>
              </a:gs>
            </a:gsLst>
            <a:lin ang="5400000" scaled="0"/>
          </a:gradFill>
          <a:ln algn="ctr" cap="flat" cmpd="sng" w="25400">
            <a:noFill/>
            <a:prstDash val="solid"/>
          </a:ln>
          <a:effectLst>
            <a:outerShdw algn="t" blurRad="50800" dir="5400000" dist="38100" rotWithShape="0">
              <a:prstClr val="black">
                <a:alpha val="40000"/>
              </a:prstClr>
            </a:outerShdw>
          </a:effectLst>
        </p:spPr>
        <p:txBody>
          <a:bodyPr anchor="ctr"/>
          <a:lstStyle/>
          <a:p>
            <a:pPr algn="ctr">
              <a:lnSpc>
                <a:spcPct val="120000"/>
              </a:lnSpc>
              <a:defRPr/>
            </a:pPr>
            <a:endParaRPr altLang="en-US" b="1" kern="0" lang="zh-CN" sz="1400">
              <a:solidFill>
                <a:sysClr lastClr="FFFFFF" val="window"/>
              </a:solidFill>
              <a:latin charset="-122" panose="020b0503020204020204" pitchFamily="34" typeface="微软雅黑"/>
              <a:ea charset="-122" panose="020b0503020204020204" pitchFamily="34" typeface="微软雅黑"/>
            </a:endParaRPr>
          </a:p>
        </p:txBody>
      </p:sp>
      <p:sp>
        <p:nvSpPr>
          <p:cNvPr id="4" name="椭圆 3"/>
          <p:cNvSpPr/>
          <p:nvPr/>
        </p:nvSpPr>
        <p:spPr bwMode="auto">
          <a:xfrm>
            <a:off x="2869283" y="841276"/>
            <a:ext cx="901652" cy="900230"/>
          </a:xfrm>
          <a:prstGeom prst="ellipse">
            <a:avLst/>
          </a:prstGeom>
          <a:solidFill>
            <a:schemeClr val="bg1">
              <a:lumMod val="65000"/>
            </a:schemeClr>
          </a:solidFill>
          <a:ln algn="ctr" cap="flat" cmpd="sng" w="25400">
            <a:noFill/>
            <a:prstDash val="solid"/>
          </a:ln>
          <a:effectLst/>
        </p:spPr>
        <p:txBody>
          <a:bodyPr anchor="ctr" bIns="0" lIns="0" rIns="0" tIns="0"/>
          <a:lstStyle/>
          <a:p>
            <a:pPr algn="ctr" lvl="0">
              <a:lnSpc>
                <a:spcPct val="120000"/>
              </a:lnSpc>
              <a:defRPr/>
            </a:pPr>
            <a:r>
              <a:rPr altLang="en-US" b="1" lang="zh-CN" sz="2000">
                <a:solidFill>
                  <a:schemeClr val="bg1"/>
                </a:solidFill>
                <a:latin charset="-122" panose="020b0503020204020204" pitchFamily="34" typeface="微软雅黑"/>
                <a:ea charset="-122" panose="020b0503020204020204" pitchFamily="34" typeface="微软雅黑"/>
              </a:rPr>
              <a:t>亮点</a:t>
            </a:r>
          </a:p>
        </p:txBody>
      </p:sp>
      <p:sp>
        <p:nvSpPr>
          <p:cNvPr id="5" name="椭圆 4"/>
          <p:cNvSpPr/>
          <p:nvPr/>
        </p:nvSpPr>
        <p:spPr bwMode="auto">
          <a:xfrm>
            <a:off x="6592690" y="913284"/>
            <a:ext cx="901652" cy="900230"/>
          </a:xfrm>
          <a:prstGeom prst="ellipse">
            <a:avLst/>
          </a:prstGeom>
          <a:solidFill>
            <a:srgbClr val="00544A"/>
          </a:solidFill>
          <a:ln algn="ctr" cap="flat" cmpd="sng" w="25400">
            <a:noFill/>
            <a:prstDash val="solid"/>
          </a:ln>
          <a:effectLst/>
        </p:spPr>
        <p:txBody>
          <a:bodyPr anchor="ctr" bIns="0" lIns="0" rIns="0" tIns="0"/>
          <a:lstStyle/>
          <a:p>
            <a:pPr algn="ctr">
              <a:lnSpc>
                <a:spcPct val="120000"/>
              </a:lnSpc>
            </a:pPr>
            <a:r>
              <a:rPr altLang="en-US" b="1" lang="zh-CN" sz="2000">
                <a:solidFill>
                  <a:schemeClr val="bg1"/>
                </a:solidFill>
                <a:latin charset="-122" panose="020b0503020204020204" pitchFamily="34" typeface="微软雅黑"/>
                <a:ea charset="-122" panose="020b0503020204020204" pitchFamily="34" typeface="微软雅黑"/>
              </a:rPr>
              <a:t>不足</a:t>
            </a:r>
          </a:p>
        </p:txBody>
      </p:sp>
      <p:sp>
        <p:nvSpPr>
          <p:cNvPr id="6" name="Text Box 44"/>
          <p:cNvSpPr txBox="1">
            <a:spLocks noChangeArrowheads="1"/>
          </p:cNvSpPr>
          <p:nvPr/>
        </p:nvSpPr>
        <p:spPr bwMode="auto">
          <a:xfrm>
            <a:off x="1911651" y="1899206"/>
            <a:ext cx="2787197" cy="2868931"/>
          </a:xfrm>
          <a:prstGeom prst="rect">
            <a:avLst/>
          </a:prstGeom>
          <a:noFill/>
          <a:ln>
            <a:noFill/>
          </a:ln>
          <a:effectLst/>
          <a:extLst>
            <a:ext uri="{909E8E84-426E-40DD-AFC4-6F175D3DCCD1}">
              <a14:hiddenFill>
                <a:solidFill>
                  <a:srgbClr val="FFFFFF">
                    <a:alpha val="30000"/>
                  </a:srgbClr>
                </a:solidFill>
              </a14:hiddenFill>
            </a:ext>
            <a:ext uri="{91240B29-F687-4F45-9708-019B960494DF}">
              <a14:hiddenLine w="9525">
                <a:solidFill>
                  <a:schemeClr val="tx1"/>
                </a:solidFill>
                <a:miter lim="800000"/>
                <a:headEnd/>
                <a:tailEnd/>
              </a14:hiddenLine>
            </a:ext>
            <a:ext uri="{AF507438-7753-43E0-B8FC-AC1667EBCBE1}">
              <a14:hiddenEffects>
                <a:effectLst>
                  <a:outerShdw algn="ctr" dir="2700000" dist="35921" rotWithShape="0">
                    <a:schemeClr val="bg2"/>
                  </a:outerShdw>
                </a:effectLst>
              </a14:hiddenEffects>
            </a:ext>
          </a:extLst>
        </p:spPr>
        <p:txBody>
          <a:bodyPr wrap="square">
            <a:spAutoFit/>
          </a:bodyPr>
          <a:lstStyle>
            <a:defPPr>
              <a:defRPr lang="en-US"/>
            </a:defPPr>
            <a:lvl1pPr defTabSz="720725" indent="457200">
              <a:lnSpc>
                <a:spcPct val="135000"/>
              </a:lnSpc>
              <a:defRPr sz="1600">
                <a:solidFill>
                  <a:schemeClr val="bg1">
                    <a:lumMod val="50000"/>
                  </a:schemeClr>
                </a:solidFill>
                <a:latin charset="-122" panose="020b0503020204020204" pitchFamily="34" typeface="微软雅黑"/>
                <a:ea charset="-122" panose="020b0503020204020204" pitchFamily="34" typeface="微软雅黑"/>
              </a:defRPr>
            </a:lvl1pPr>
            <a:lvl2pPr defTabSz="720725" eaLnBrk="0" hangingPunct="0">
              <a:defRPr sz="1600">
                <a:latin charset="0" pitchFamily="34" typeface="Arial"/>
                <a:ea charset="-122" pitchFamily="2" typeface="宋体"/>
              </a:defRPr>
            </a:lvl2pPr>
            <a:lvl3pPr defTabSz="720725" eaLnBrk="0" hangingPunct="0">
              <a:defRPr sz="1600">
                <a:latin charset="0" pitchFamily="34" typeface="Arial"/>
                <a:ea charset="-122" pitchFamily="2" typeface="宋体"/>
              </a:defRPr>
            </a:lvl3pPr>
            <a:lvl4pPr defTabSz="720725" eaLnBrk="0" hangingPunct="0">
              <a:defRPr sz="1600">
                <a:latin charset="0" pitchFamily="34" typeface="Arial"/>
                <a:ea charset="-122" pitchFamily="2" typeface="宋体"/>
              </a:defRPr>
            </a:lvl4pPr>
            <a:lvl5pPr defTabSz="720725" eaLnBrk="0" hangingPunct="0">
              <a:defRPr sz="1600">
                <a:latin charset="0" pitchFamily="34" typeface="Arial"/>
                <a:ea charset="-122" pitchFamily="2" typeface="宋体"/>
              </a:defRPr>
            </a:lvl5pPr>
            <a:lvl6pPr defTabSz="720725" eaLnBrk="0" fontAlgn="base" hangingPunct="0">
              <a:spcBef>
                <a:spcPct val="0"/>
              </a:spcBef>
              <a:spcAft>
                <a:spcPct val="0"/>
              </a:spcAft>
              <a:defRPr sz="1600">
                <a:latin charset="0" pitchFamily="34" typeface="Arial"/>
                <a:ea charset="-122" pitchFamily="2" typeface="宋体"/>
              </a:defRPr>
            </a:lvl6pPr>
            <a:lvl7pPr defTabSz="720725" eaLnBrk="0" fontAlgn="base" hangingPunct="0">
              <a:spcBef>
                <a:spcPct val="0"/>
              </a:spcBef>
              <a:spcAft>
                <a:spcPct val="0"/>
              </a:spcAft>
              <a:defRPr sz="1600">
                <a:latin charset="0" pitchFamily="34" typeface="Arial"/>
                <a:ea charset="-122" pitchFamily="2" typeface="宋体"/>
              </a:defRPr>
            </a:lvl7pPr>
            <a:lvl8pPr defTabSz="720725" eaLnBrk="0" fontAlgn="base" hangingPunct="0">
              <a:spcBef>
                <a:spcPct val="0"/>
              </a:spcBef>
              <a:spcAft>
                <a:spcPct val="0"/>
              </a:spcAft>
              <a:defRPr sz="1600">
                <a:latin charset="0" pitchFamily="34" typeface="Arial"/>
                <a:ea charset="-122" pitchFamily="2" typeface="宋体"/>
              </a:defRPr>
            </a:lvl8pPr>
            <a:lvl9pPr defTabSz="720725" eaLnBrk="0" fontAlgn="base" hangingPunct="0">
              <a:spcBef>
                <a:spcPct val="0"/>
              </a:spcBef>
              <a:spcAft>
                <a:spcPct val="0"/>
              </a:spcAft>
              <a:defRPr sz="1600">
                <a:latin charset="0" pitchFamily="34" typeface="Arial"/>
                <a:ea charset="-122" pitchFamily="2" typeface="宋体"/>
              </a:defRPr>
            </a:lvl9pPr>
          </a:lstStyle>
          <a:p>
            <a:pPr indent="-285750" marL="285750">
              <a:buFont charset="2" panose="05000000000000000000" pitchFamily="2" typeface="Wingdings"/>
              <a:buChar char="ü"/>
              <a:defRPr/>
            </a:pPr>
            <a:r>
              <a:rPr altLang="en-US" kern="0" lang="zh-CN" sz="1500">
                <a:solidFill>
                  <a:schemeClr val="tx1"/>
                </a:solidFill>
              </a:rPr>
              <a:t>单击此处添加你的观点单击此处添加你的观点</a:t>
            </a:r>
          </a:p>
          <a:p>
            <a:pPr indent="-285750" marL="285750">
              <a:buFont charset="2" panose="05000000000000000000" pitchFamily="2" typeface="Wingdings"/>
              <a:buChar char="ü"/>
              <a:defRPr/>
            </a:pPr>
            <a:r>
              <a:rPr altLang="en-US" kern="0" lang="zh-CN" sz="1500">
                <a:solidFill>
                  <a:schemeClr val="tx1"/>
                </a:solidFill>
              </a:rPr>
              <a:t>单击此处添加你的观点单击此处添加你的观点</a:t>
            </a:r>
          </a:p>
          <a:p>
            <a:pPr indent="-285750" marL="285750">
              <a:buFont charset="2" panose="05000000000000000000" pitchFamily="2" typeface="Wingdings"/>
              <a:buChar char="ü"/>
              <a:defRPr/>
            </a:pPr>
            <a:r>
              <a:rPr altLang="en-US" kern="0" lang="zh-CN" sz="1500">
                <a:solidFill>
                  <a:schemeClr val="tx1"/>
                </a:solidFill>
              </a:rPr>
              <a:t>单击此处添加你的观点单击此处添加你的观点</a:t>
            </a:r>
          </a:p>
          <a:p>
            <a:pPr indent="-285750" marL="285750">
              <a:buFont charset="2" panose="05000000000000000000" pitchFamily="2" typeface="Wingdings"/>
              <a:buChar char="ü"/>
              <a:defRPr/>
            </a:pPr>
            <a:r>
              <a:rPr altLang="en-US" kern="0" lang="zh-CN" sz="1500">
                <a:solidFill>
                  <a:schemeClr val="tx1"/>
                </a:solidFill>
              </a:rPr>
              <a:t>单击此处添加你的观点单击此处添加你的观点</a:t>
            </a:r>
          </a:p>
          <a:p>
            <a:pPr indent="-285750" marL="285750">
              <a:buFont charset="2" panose="05000000000000000000" pitchFamily="2" typeface="Wingdings"/>
              <a:buChar char="ü"/>
              <a:defRPr/>
            </a:pPr>
            <a:r>
              <a:rPr altLang="en-US" kern="0" lang="zh-CN" sz="1500">
                <a:solidFill>
                  <a:schemeClr val="tx1"/>
                </a:solidFill>
              </a:rPr>
              <a:t>单击此处添加你的观点</a:t>
            </a:r>
          </a:p>
        </p:txBody>
      </p:sp>
      <p:sp>
        <p:nvSpPr>
          <p:cNvPr id="7" name="Text Box 44"/>
          <p:cNvSpPr txBox="1">
            <a:spLocks noChangeArrowheads="1"/>
          </p:cNvSpPr>
          <p:nvPr/>
        </p:nvSpPr>
        <p:spPr bwMode="auto">
          <a:xfrm>
            <a:off x="5367436" y="2097264"/>
            <a:ext cx="3096940" cy="2683765"/>
          </a:xfrm>
          <a:prstGeom prst="rect">
            <a:avLst/>
          </a:prstGeom>
          <a:noFill/>
          <a:ln>
            <a:noFill/>
          </a:ln>
          <a:effectLst/>
          <a:extLst>
            <a:ext uri="{909E8E84-426E-40DD-AFC4-6F175D3DCCD1}">
              <a14:hiddenFill>
                <a:solidFill>
                  <a:srgbClr val="FFFFFF">
                    <a:alpha val="30000"/>
                  </a:srgbClr>
                </a:solidFill>
              </a14:hiddenFill>
            </a:ext>
            <a:ext uri="{91240B29-F687-4F45-9708-019B960494DF}">
              <a14:hiddenLine w="9525">
                <a:solidFill>
                  <a:schemeClr val="tx1"/>
                </a:solidFill>
                <a:miter lim="800000"/>
                <a:headEnd/>
                <a:tailEnd/>
              </a14:hiddenLine>
            </a:ext>
            <a:ext uri="{AF507438-7753-43E0-B8FC-AC1667EBCBE1}">
              <a14:hiddenEffects>
                <a:effectLst>
                  <a:outerShdw algn="ctr" dir="2700000" dist="35921" rotWithShape="0">
                    <a:schemeClr val="bg2"/>
                  </a:outerShdw>
                </a:effectLst>
              </a14:hiddenEffects>
            </a:ext>
          </a:extLst>
        </p:spPr>
        <p:txBody>
          <a:bodyPr wrap="square">
            <a:spAutoFit/>
          </a:bodyPr>
          <a:lstStyle>
            <a:defPPr>
              <a:defRPr lang="en-US"/>
            </a:defPPr>
            <a:lvl1pPr defTabSz="720725" indent="457200">
              <a:lnSpc>
                <a:spcPct val="135000"/>
              </a:lnSpc>
              <a:defRPr sz="1600">
                <a:solidFill>
                  <a:schemeClr val="bg1">
                    <a:lumMod val="50000"/>
                  </a:schemeClr>
                </a:solidFill>
                <a:latin charset="-122" panose="020b0503020204020204" pitchFamily="34" typeface="微软雅黑"/>
                <a:ea charset="-122" panose="020b0503020204020204" pitchFamily="34" typeface="微软雅黑"/>
              </a:defRPr>
            </a:lvl1pPr>
            <a:lvl2pPr defTabSz="720725" eaLnBrk="0" hangingPunct="0">
              <a:defRPr sz="1600">
                <a:latin charset="0" pitchFamily="34" typeface="Arial"/>
                <a:ea charset="-122" pitchFamily="2" typeface="宋体"/>
              </a:defRPr>
            </a:lvl2pPr>
            <a:lvl3pPr defTabSz="720725" eaLnBrk="0" hangingPunct="0">
              <a:defRPr sz="1600">
                <a:latin charset="0" pitchFamily="34" typeface="Arial"/>
                <a:ea charset="-122" pitchFamily="2" typeface="宋体"/>
              </a:defRPr>
            </a:lvl3pPr>
            <a:lvl4pPr defTabSz="720725" eaLnBrk="0" hangingPunct="0">
              <a:defRPr sz="1600">
                <a:latin charset="0" pitchFamily="34" typeface="Arial"/>
                <a:ea charset="-122" pitchFamily="2" typeface="宋体"/>
              </a:defRPr>
            </a:lvl4pPr>
            <a:lvl5pPr defTabSz="720725" eaLnBrk="0" hangingPunct="0">
              <a:defRPr sz="1600">
                <a:latin charset="0" pitchFamily="34" typeface="Arial"/>
                <a:ea charset="-122" pitchFamily="2" typeface="宋体"/>
              </a:defRPr>
            </a:lvl5pPr>
            <a:lvl6pPr defTabSz="720725" eaLnBrk="0" fontAlgn="base" hangingPunct="0">
              <a:spcBef>
                <a:spcPct val="0"/>
              </a:spcBef>
              <a:spcAft>
                <a:spcPct val="0"/>
              </a:spcAft>
              <a:defRPr sz="1600">
                <a:latin charset="0" pitchFamily="34" typeface="Arial"/>
                <a:ea charset="-122" pitchFamily="2" typeface="宋体"/>
              </a:defRPr>
            </a:lvl6pPr>
            <a:lvl7pPr defTabSz="720725" eaLnBrk="0" fontAlgn="base" hangingPunct="0">
              <a:spcBef>
                <a:spcPct val="0"/>
              </a:spcBef>
              <a:spcAft>
                <a:spcPct val="0"/>
              </a:spcAft>
              <a:defRPr sz="1600">
                <a:latin charset="0" pitchFamily="34" typeface="Arial"/>
                <a:ea charset="-122" pitchFamily="2" typeface="宋体"/>
              </a:defRPr>
            </a:lvl7pPr>
            <a:lvl8pPr defTabSz="720725" eaLnBrk="0" fontAlgn="base" hangingPunct="0">
              <a:spcBef>
                <a:spcPct val="0"/>
              </a:spcBef>
              <a:spcAft>
                <a:spcPct val="0"/>
              </a:spcAft>
              <a:defRPr sz="1600">
                <a:latin charset="0" pitchFamily="34" typeface="Arial"/>
                <a:ea charset="-122" pitchFamily="2" typeface="宋体"/>
              </a:defRPr>
            </a:lvl8pPr>
            <a:lvl9pPr defTabSz="720725" eaLnBrk="0" fontAlgn="base" hangingPunct="0">
              <a:spcBef>
                <a:spcPct val="0"/>
              </a:spcBef>
              <a:spcAft>
                <a:spcPct val="0"/>
              </a:spcAft>
              <a:defRPr sz="1600">
                <a:latin charset="0" pitchFamily="34" typeface="Arial"/>
                <a:ea charset="-122" pitchFamily="2" typeface="宋体"/>
              </a:defRPr>
            </a:lvl9pPr>
          </a:lstStyle>
          <a:p>
            <a:pPr indent="-285750" marL="285750">
              <a:buFont charset="2" panose="05000000000000000000" pitchFamily="2" typeface="Wingdings"/>
              <a:buChar char="p"/>
              <a:defRPr/>
            </a:pPr>
            <a:r>
              <a:rPr altLang="en-US" kern="0" lang="zh-CN" sz="1400">
                <a:solidFill>
                  <a:schemeClr val="bg1"/>
                </a:solidFill>
              </a:rPr>
              <a:t>单击此处添加你的观点单击此处添加你的观点单击此处添加你的观点单击此处添加你的观点</a:t>
            </a:r>
          </a:p>
          <a:p>
            <a:pPr indent="-285750" marL="285750">
              <a:buFont charset="2" panose="05000000000000000000" pitchFamily="2" typeface="Wingdings"/>
              <a:buChar char="p"/>
              <a:defRPr/>
            </a:pPr>
            <a:r>
              <a:rPr altLang="en-US" kern="0" lang="zh-CN" sz="1400">
                <a:solidFill>
                  <a:schemeClr val="bg1"/>
                </a:solidFill>
              </a:rPr>
              <a:t>单击此处添加你的观点单击此处添加你的观点</a:t>
            </a:r>
          </a:p>
          <a:p>
            <a:pPr indent="-285750" marL="285750">
              <a:buFont charset="2" panose="05000000000000000000" pitchFamily="2" typeface="Wingdings"/>
              <a:buChar char="p"/>
              <a:defRPr/>
            </a:pPr>
            <a:r>
              <a:rPr altLang="en-US" kern="0" lang="zh-CN" sz="1400">
                <a:solidFill>
                  <a:schemeClr val="bg1"/>
                </a:solidFill>
              </a:rPr>
              <a:t>单击此处添加你的观点单击此处添加你的观点</a:t>
            </a:r>
          </a:p>
          <a:p>
            <a:pPr indent="-285750" marL="285750">
              <a:buFont charset="2" panose="05000000000000000000" pitchFamily="2" typeface="Wingdings"/>
              <a:buChar char="p"/>
              <a:defRPr/>
            </a:pPr>
            <a:r>
              <a:rPr altLang="en-US" kern="0" lang="zh-CN" sz="1400">
                <a:solidFill>
                  <a:schemeClr val="bg1"/>
                </a:solidFill>
              </a:rPr>
              <a:t>单击此处添加你的观点单击此处添加你的观点</a:t>
            </a:r>
          </a:p>
        </p:txBody>
      </p:sp>
    </p:spTree>
    <p:extLst>
      <p:ext uri="{BB962C8B-B14F-4D97-AF65-F5344CB8AC3E}">
        <p14:creationId val="3991380550"/>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grpId="0" id="5" nodeType="afterEffect" presetClass="entr" presetID="53" presetSubtype="0">
                                  <p:stCondLst>
                                    <p:cond delay="0"/>
                                  </p:stCondLst>
                                  <p:childTnLst>
                                    <p:set>
                                      <p:cBhvr>
                                        <p:cTn dur="1" fill="hold" id="6">
                                          <p:stCondLst>
                                            <p:cond delay="0"/>
                                          </p:stCondLst>
                                        </p:cTn>
                                        <p:tgtEl>
                                          <p:spTgt spid="4"/>
                                        </p:tgtEl>
                                        <p:attrNameLst>
                                          <p:attrName>style.visibility</p:attrName>
                                        </p:attrNameLst>
                                      </p:cBhvr>
                                      <p:to>
                                        <p:strVal val="visible"/>
                                      </p:to>
                                    </p:set>
                                    <p:anim calcmode="lin" valueType="num">
                                      <p:cBhvr>
                                        <p:cTn dur="300" fill="hold" id="7"/>
                                        <p:tgtEl>
                                          <p:spTgt spid="4"/>
                                        </p:tgtEl>
                                        <p:attrNameLst>
                                          <p:attrName>ppt_w</p:attrName>
                                        </p:attrNameLst>
                                      </p:cBhvr>
                                      <p:tavLst>
                                        <p:tav tm="0">
                                          <p:val>
                                            <p:fltVal val="0"/>
                                          </p:val>
                                        </p:tav>
                                        <p:tav tm="100000">
                                          <p:val>
                                            <p:strVal val="#ppt_w"/>
                                          </p:val>
                                        </p:tav>
                                      </p:tavLst>
                                    </p:anim>
                                    <p:anim calcmode="lin" valueType="num">
                                      <p:cBhvr>
                                        <p:cTn dur="300" fill="hold" id="8"/>
                                        <p:tgtEl>
                                          <p:spTgt spid="4"/>
                                        </p:tgtEl>
                                        <p:attrNameLst>
                                          <p:attrName>ppt_h</p:attrName>
                                        </p:attrNameLst>
                                      </p:cBhvr>
                                      <p:tavLst>
                                        <p:tav tm="0">
                                          <p:val>
                                            <p:fltVal val="0"/>
                                          </p:val>
                                        </p:tav>
                                        <p:tav tm="100000">
                                          <p:val>
                                            <p:strVal val="#ppt_h"/>
                                          </p:val>
                                        </p:tav>
                                      </p:tavLst>
                                    </p:anim>
                                    <p:animEffect filter="fade" transition="in">
                                      <p:cBhvr>
                                        <p:cTn dur="300" id="9"/>
                                        <p:tgtEl>
                                          <p:spTgt spid="4"/>
                                        </p:tgtEl>
                                      </p:cBhvr>
                                    </p:animEffect>
                                  </p:childTnLst>
                                </p:cTn>
                              </p:par>
                            </p:childTnLst>
                          </p:cTn>
                        </p:par>
                        <p:par>
                          <p:cTn fill="hold" id="10" nodeType="afterGroup">
                            <p:stCondLst>
                              <p:cond delay="300"/>
                            </p:stCondLst>
                            <p:childTnLst>
                              <p:par>
                                <p:cTn fill="hold" grpId="0" id="11" nodeType="afterEffect" presetClass="entr" presetID="10" presetSubtype="0">
                                  <p:stCondLst>
                                    <p:cond delay="0"/>
                                  </p:stCondLst>
                                  <p:childTnLst>
                                    <p:set>
                                      <p:cBhvr>
                                        <p:cTn dur="1" fill="hold" id="12">
                                          <p:stCondLst>
                                            <p:cond delay="0"/>
                                          </p:stCondLst>
                                        </p:cTn>
                                        <p:tgtEl>
                                          <p:spTgt spid="2"/>
                                        </p:tgtEl>
                                        <p:attrNameLst>
                                          <p:attrName>style.visibility</p:attrName>
                                        </p:attrNameLst>
                                      </p:cBhvr>
                                      <p:to>
                                        <p:strVal val="visible"/>
                                      </p:to>
                                    </p:set>
                                    <p:animEffect filter="fade" transition="in">
                                      <p:cBhvr>
                                        <p:cTn dur="500" id="13"/>
                                        <p:tgtEl>
                                          <p:spTgt spid="2"/>
                                        </p:tgtEl>
                                      </p:cBhvr>
                                    </p:animEffect>
                                  </p:childTnLst>
                                </p:cTn>
                              </p:par>
                            </p:childTnLst>
                          </p:cTn>
                        </p:par>
                        <p:par>
                          <p:cTn fill="hold" id="14" nodeType="afterGroup">
                            <p:stCondLst>
                              <p:cond delay="800"/>
                            </p:stCondLst>
                            <p:childTnLst>
                              <p:par>
                                <p:cTn fill="hold" grpId="0" id="15" nodeType="afterEffect" presetClass="entr" presetID="10" presetSubtype="0">
                                  <p:stCondLst>
                                    <p:cond delay="0"/>
                                  </p:stCondLst>
                                  <p:childTnLst>
                                    <p:set>
                                      <p:cBhvr>
                                        <p:cTn dur="1" fill="hold" id="16">
                                          <p:stCondLst>
                                            <p:cond delay="0"/>
                                          </p:stCondLst>
                                        </p:cTn>
                                        <p:tgtEl>
                                          <p:spTgt spid="6">
                                            <p:txEl>
                                              <p:pRg end="0" st="0"/>
                                            </p:txEl>
                                          </p:spTgt>
                                        </p:tgtEl>
                                        <p:attrNameLst>
                                          <p:attrName>style.visibility</p:attrName>
                                        </p:attrNameLst>
                                      </p:cBhvr>
                                      <p:to>
                                        <p:strVal val="visible"/>
                                      </p:to>
                                    </p:set>
                                    <p:animEffect filter="fade" transition="in">
                                      <p:cBhvr>
                                        <p:cTn dur="500" id="17"/>
                                        <p:tgtEl>
                                          <p:spTgt spid="6">
                                            <p:txEl>
                                              <p:pRg end="0" st="0"/>
                                            </p:txEl>
                                          </p:spTgt>
                                        </p:tgtEl>
                                      </p:cBhvr>
                                    </p:animEffect>
                                  </p:childTnLst>
                                </p:cTn>
                              </p:par>
                            </p:childTnLst>
                          </p:cTn>
                        </p:par>
                      </p:childTnLst>
                    </p:cTn>
                  </p:par>
                  <p:par>
                    <p:cTn fill="hold" id="18" nodeType="clickPar">
                      <p:stCondLst>
                        <p:cond delay="indefinite"/>
                        <p:cond delay="0" evt="onBegin">
                          <p:tn val="17"/>
                        </p:cond>
                      </p:stCondLst>
                      <p:childTnLst>
                        <p:par>
                          <p:cTn fill="hold" id="19" nodeType="afterGroup">
                            <p:stCondLst>
                              <p:cond delay="0"/>
                            </p:stCondLst>
                            <p:childTnLst>
                              <p:par>
                                <p:cTn fill="hold" grpId="0" id="20" nodeType="clickEffect" presetClass="entr" presetID="10" presetSubtype="0">
                                  <p:stCondLst>
                                    <p:cond delay="0"/>
                                  </p:stCondLst>
                                  <p:childTnLst>
                                    <p:set>
                                      <p:cBhvr>
                                        <p:cTn dur="1" fill="hold" id="21">
                                          <p:stCondLst>
                                            <p:cond delay="0"/>
                                          </p:stCondLst>
                                        </p:cTn>
                                        <p:tgtEl>
                                          <p:spTgt spid="6">
                                            <p:txEl>
                                              <p:pRg end="1" st="1"/>
                                            </p:txEl>
                                          </p:spTgt>
                                        </p:tgtEl>
                                        <p:attrNameLst>
                                          <p:attrName>style.visibility</p:attrName>
                                        </p:attrNameLst>
                                      </p:cBhvr>
                                      <p:to>
                                        <p:strVal val="visible"/>
                                      </p:to>
                                    </p:set>
                                    <p:animEffect filter="fade" transition="in">
                                      <p:cBhvr>
                                        <p:cTn dur="500" id="22"/>
                                        <p:tgtEl>
                                          <p:spTgt spid="6">
                                            <p:txEl>
                                              <p:pRg end="1" st="1"/>
                                            </p:txEl>
                                          </p:spTgt>
                                        </p:tgtEl>
                                      </p:cBhvr>
                                    </p:animEffect>
                                  </p:childTnLst>
                                </p:cTn>
                              </p:par>
                            </p:childTnLst>
                          </p:cTn>
                        </p:par>
                      </p:childTnLst>
                    </p:cTn>
                  </p:par>
                  <p:par>
                    <p:cTn fill="hold" id="23" nodeType="clickPar">
                      <p:stCondLst>
                        <p:cond delay="indefinite"/>
                        <p:cond delay="0" evt="onBegin">
                          <p:tn val="22"/>
                        </p:cond>
                      </p:stCondLst>
                      <p:childTnLst>
                        <p:par>
                          <p:cTn fill="hold" id="24" nodeType="afterGroup">
                            <p:stCondLst>
                              <p:cond delay="0"/>
                            </p:stCondLst>
                            <p:childTnLst>
                              <p:par>
                                <p:cTn fill="hold" grpId="0" id="25" nodeType="clickEffect" presetClass="entr" presetID="10" presetSubtype="0">
                                  <p:stCondLst>
                                    <p:cond delay="0"/>
                                  </p:stCondLst>
                                  <p:childTnLst>
                                    <p:set>
                                      <p:cBhvr>
                                        <p:cTn dur="1" fill="hold" id="26">
                                          <p:stCondLst>
                                            <p:cond delay="0"/>
                                          </p:stCondLst>
                                        </p:cTn>
                                        <p:tgtEl>
                                          <p:spTgt spid="6">
                                            <p:txEl>
                                              <p:pRg end="2" st="2"/>
                                            </p:txEl>
                                          </p:spTgt>
                                        </p:tgtEl>
                                        <p:attrNameLst>
                                          <p:attrName>style.visibility</p:attrName>
                                        </p:attrNameLst>
                                      </p:cBhvr>
                                      <p:to>
                                        <p:strVal val="visible"/>
                                      </p:to>
                                    </p:set>
                                    <p:animEffect filter="fade" transition="in">
                                      <p:cBhvr>
                                        <p:cTn dur="500" id="27"/>
                                        <p:tgtEl>
                                          <p:spTgt spid="6">
                                            <p:txEl>
                                              <p:pRg end="2" st="2"/>
                                            </p:txEl>
                                          </p:spTgt>
                                        </p:tgtEl>
                                      </p:cBhvr>
                                    </p:animEffect>
                                  </p:childTnLst>
                                </p:cTn>
                              </p:par>
                            </p:childTnLst>
                          </p:cTn>
                        </p:par>
                      </p:childTnLst>
                    </p:cTn>
                  </p:par>
                  <p:par>
                    <p:cTn fill="hold" id="28" nodeType="clickPar">
                      <p:stCondLst>
                        <p:cond delay="indefinite"/>
                        <p:cond delay="0" evt="onBegin">
                          <p:tn val="27"/>
                        </p:cond>
                      </p:stCondLst>
                      <p:childTnLst>
                        <p:par>
                          <p:cTn fill="hold" id="29" nodeType="afterGroup">
                            <p:stCondLst>
                              <p:cond delay="0"/>
                            </p:stCondLst>
                            <p:childTnLst>
                              <p:par>
                                <p:cTn fill="hold" grpId="0" id="30" nodeType="clickEffect" presetClass="entr" presetID="10" presetSubtype="0">
                                  <p:stCondLst>
                                    <p:cond delay="0"/>
                                  </p:stCondLst>
                                  <p:childTnLst>
                                    <p:set>
                                      <p:cBhvr>
                                        <p:cTn dur="1" fill="hold" id="31">
                                          <p:stCondLst>
                                            <p:cond delay="0"/>
                                          </p:stCondLst>
                                        </p:cTn>
                                        <p:tgtEl>
                                          <p:spTgt spid="6">
                                            <p:txEl>
                                              <p:pRg end="3" st="3"/>
                                            </p:txEl>
                                          </p:spTgt>
                                        </p:tgtEl>
                                        <p:attrNameLst>
                                          <p:attrName>style.visibility</p:attrName>
                                        </p:attrNameLst>
                                      </p:cBhvr>
                                      <p:to>
                                        <p:strVal val="visible"/>
                                      </p:to>
                                    </p:set>
                                    <p:animEffect filter="fade" transition="in">
                                      <p:cBhvr>
                                        <p:cTn dur="500" id="32"/>
                                        <p:tgtEl>
                                          <p:spTgt spid="6">
                                            <p:txEl>
                                              <p:pRg end="3" st="3"/>
                                            </p:txEl>
                                          </p:spTgt>
                                        </p:tgtEl>
                                      </p:cBhvr>
                                    </p:animEffect>
                                  </p:childTnLst>
                                </p:cTn>
                              </p:par>
                            </p:childTnLst>
                          </p:cTn>
                        </p:par>
                      </p:childTnLst>
                    </p:cTn>
                  </p:par>
                  <p:par>
                    <p:cTn fill="hold" id="33" nodeType="clickPar">
                      <p:stCondLst>
                        <p:cond delay="indefinite"/>
                        <p:cond delay="0" evt="onBegin">
                          <p:tn val="32"/>
                        </p:cond>
                      </p:stCondLst>
                      <p:childTnLst>
                        <p:par>
                          <p:cTn fill="hold" id="34" nodeType="afterGroup">
                            <p:stCondLst>
                              <p:cond delay="0"/>
                            </p:stCondLst>
                            <p:childTnLst>
                              <p:par>
                                <p:cTn fill="hold" grpId="0" id="35" nodeType="clickEffect" presetClass="entr" presetID="10" presetSubtype="0">
                                  <p:stCondLst>
                                    <p:cond delay="0"/>
                                  </p:stCondLst>
                                  <p:childTnLst>
                                    <p:set>
                                      <p:cBhvr>
                                        <p:cTn dur="1" fill="hold" id="36">
                                          <p:stCondLst>
                                            <p:cond delay="0"/>
                                          </p:stCondLst>
                                        </p:cTn>
                                        <p:tgtEl>
                                          <p:spTgt spid="6">
                                            <p:txEl>
                                              <p:pRg end="4" st="4"/>
                                            </p:txEl>
                                          </p:spTgt>
                                        </p:tgtEl>
                                        <p:attrNameLst>
                                          <p:attrName>style.visibility</p:attrName>
                                        </p:attrNameLst>
                                      </p:cBhvr>
                                      <p:to>
                                        <p:strVal val="visible"/>
                                      </p:to>
                                    </p:set>
                                    <p:animEffect filter="fade" transition="in">
                                      <p:cBhvr>
                                        <p:cTn dur="500" id="37"/>
                                        <p:tgtEl>
                                          <p:spTgt spid="6">
                                            <p:txEl>
                                              <p:pRg end="4" st="4"/>
                                            </p:txEl>
                                          </p:spTgt>
                                        </p:tgtEl>
                                      </p:cBhvr>
                                    </p:animEffect>
                                  </p:childTnLst>
                                </p:cTn>
                              </p:par>
                            </p:childTnLst>
                          </p:cTn>
                        </p:par>
                        <p:par>
                          <p:cTn fill="hold" id="38" nodeType="afterGroup">
                            <p:stCondLst>
                              <p:cond delay="500"/>
                            </p:stCondLst>
                            <p:childTnLst>
                              <p:par>
                                <p:cTn fill="hold" grpId="0" id="39" nodeType="afterEffect" presetClass="entr" presetID="53" presetSubtype="0">
                                  <p:stCondLst>
                                    <p:cond delay="0"/>
                                  </p:stCondLst>
                                  <p:childTnLst>
                                    <p:set>
                                      <p:cBhvr>
                                        <p:cTn dur="1" fill="hold" id="40">
                                          <p:stCondLst>
                                            <p:cond delay="0"/>
                                          </p:stCondLst>
                                        </p:cTn>
                                        <p:tgtEl>
                                          <p:spTgt spid="5"/>
                                        </p:tgtEl>
                                        <p:attrNameLst>
                                          <p:attrName>style.visibility</p:attrName>
                                        </p:attrNameLst>
                                      </p:cBhvr>
                                      <p:to>
                                        <p:strVal val="visible"/>
                                      </p:to>
                                    </p:set>
                                    <p:anim calcmode="lin" valueType="num">
                                      <p:cBhvr>
                                        <p:cTn dur="300" fill="hold" id="41"/>
                                        <p:tgtEl>
                                          <p:spTgt spid="5"/>
                                        </p:tgtEl>
                                        <p:attrNameLst>
                                          <p:attrName>ppt_w</p:attrName>
                                        </p:attrNameLst>
                                      </p:cBhvr>
                                      <p:tavLst>
                                        <p:tav tm="0">
                                          <p:val>
                                            <p:fltVal val="0"/>
                                          </p:val>
                                        </p:tav>
                                        <p:tav tm="100000">
                                          <p:val>
                                            <p:strVal val="#ppt_w"/>
                                          </p:val>
                                        </p:tav>
                                      </p:tavLst>
                                    </p:anim>
                                    <p:anim calcmode="lin" valueType="num">
                                      <p:cBhvr>
                                        <p:cTn dur="300" fill="hold" id="42"/>
                                        <p:tgtEl>
                                          <p:spTgt spid="5"/>
                                        </p:tgtEl>
                                        <p:attrNameLst>
                                          <p:attrName>ppt_h</p:attrName>
                                        </p:attrNameLst>
                                      </p:cBhvr>
                                      <p:tavLst>
                                        <p:tav tm="0">
                                          <p:val>
                                            <p:fltVal val="0"/>
                                          </p:val>
                                        </p:tav>
                                        <p:tav tm="100000">
                                          <p:val>
                                            <p:strVal val="#ppt_h"/>
                                          </p:val>
                                        </p:tav>
                                      </p:tavLst>
                                    </p:anim>
                                    <p:animEffect filter="fade" transition="in">
                                      <p:cBhvr>
                                        <p:cTn dur="300" id="43"/>
                                        <p:tgtEl>
                                          <p:spTgt spid="5"/>
                                        </p:tgtEl>
                                      </p:cBhvr>
                                    </p:animEffect>
                                  </p:childTnLst>
                                </p:cTn>
                              </p:par>
                            </p:childTnLst>
                          </p:cTn>
                        </p:par>
                        <p:par>
                          <p:cTn fill="hold" id="44" nodeType="afterGroup">
                            <p:stCondLst>
                              <p:cond delay="800"/>
                            </p:stCondLst>
                            <p:childTnLst>
                              <p:par>
                                <p:cTn fill="hold" grpId="0" id="45" nodeType="afterEffect" presetClass="entr" presetID="10" presetSubtype="0">
                                  <p:stCondLst>
                                    <p:cond delay="0"/>
                                  </p:stCondLst>
                                  <p:childTnLst>
                                    <p:set>
                                      <p:cBhvr>
                                        <p:cTn dur="1" fill="hold" id="46">
                                          <p:stCondLst>
                                            <p:cond delay="0"/>
                                          </p:stCondLst>
                                        </p:cTn>
                                        <p:tgtEl>
                                          <p:spTgt spid="3"/>
                                        </p:tgtEl>
                                        <p:attrNameLst>
                                          <p:attrName>style.visibility</p:attrName>
                                        </p:attrNameLst>
                                      </p:cBhvr>
                                      <p:to>
                                        <p:strVal val="visible"/>
                                      </p:to>
                                    </p:set>
                                    <p:animEffect filter="fade" transition="in">
                                      <p:cBhvr>
                                        <p:cTn dur="500" id="47"/>
                                        <p:tgtEl>
                                          <p:spTgt spid="3"/>
                                        </p:tgtEl>
                                      </p:cBhvr>
                                    </p:animEffect>
                                  </p:childTnLst>
                                </p:cTn>
                              </p:par>
                            </p:childTnLst>
                          </p:cTn>
                        </p:par>
                        <p:par>
                          <p:cTn fill="hold" id="48" nodeType="afterGroup">
                            <p:stCondLst>
                              <p:cond delay="1300"/>
                            </p:stCondLst>
                            <p:childTnLst>
                              <p:par>
                                <p:cTn fill="hold" grpId="0" id="49" nodeType="afterEffect" presetClass="entr" presetID="10" presetSubtype="0">
                                  <p:stCondLst>
                                    <p:cond delay="0"/>
                                  </p:stCondLst>
                                  <p:childTnLst>
                                    <p:set>
                                      <p:cBhvr>
                                        <p:cTn dur="1" fill="hold" id="50">
                                          <p:stCondLst>
                                            <p:cond delay="0"/>
                                          </p:stCondLst>
                                        </p:cTn>
                                        <p:tgtEl>
                                          <p:spTgt spid="7">
                                            <p:txEl>
                                              <p:pRg end="0" st="0"/>
                                            </p:txEl>
                                          </p:spTgt>
                                        </p:tgtEl>
                                        <p:attrNameLst>
                                          <p:attrName>style.visibility</p:attrName>
                                        </p:attrNameLst>
                                      </p:cBhvr>
                                      <p:to>
                                        <p:strVal val="visible"/>
                                      </p:to>
                                    </p:set>
                                    <p:animEffect filter="fade" transition="in">
                                      <p:cBhvr>
                                        <p:cTn dur="500" id="51"/>
                                        <p:tgtEl>
                                          <p:spTgt spid="7">
                                            <p:txEl>
                                              <p:pRg end="0" st="0"/>
                                            </p:txEl>
                                          </p:spTgt>
                                        </p:tgtEl>
                                      </p:cBhvr>
                                    </p:animEffect>
                                  </p:childTnLst>
                                </p:cTn>
                              </p:par>
                            </p:childTnLst>
                          </p:cTn>
                        </p:par>
                        <p:par>
                          <p:cTn fill="hold" id="52" nodeType="afterGroup">
                            <p:stCondLst>
                              <p:cond delay="1800"/>
                            </p:stCondLst>
                            <p:childTnLst>
                              <p:par>
                                <p:cTn fill="hold" grpId="0" id="53" nodeType="afterEffect" presetClass="entr" presetID="10" presetSubtype="0">
                                  <p:stCondLst>
                                    <p:cond delay="0"/>
                                  </p:stCondLst>
                                  <p:childTnLst>
                                    <p:set>
                                      <p:cBhvr>
                                        <p:cTn dur="1" fill="hold" id="54">
                                          <p:stCondLst>
                                            <p:cond delay="0"/>
                                          </p:stCondLst>
                                        </p:cTn>
                                        <p:tgtEl>
                                          <p:spTgt spid="7">
                                            <p:txEl>
                                              <p:pRg end="1" st="1"/>
                                            </p:txEl>
                                          </p:spTgt>
                                        </p:tgtEl>
                                        <p:attrNameLst>
                                          <p:attrName>style.visibility</p:attrName>
                                        </p:attrNameLst>
                                      </p:cBhvr>
                                      <p:to>
                                        <p:strVal val="visible"/>
                                      </p:to>
                                    </p:set>
                                    <p:animEffect filter="fade" transition="in">
                                      <p:cBhvr>
                                        <p:cTn dur="500" id="55"/>
                                        <p:tgtEl>
                                          <p:spTgt spid="7">
                                            <p:txEl>
                                              <p:pRg end="1" st="1"/>
                                            </p:txEl>
                                          </p:spTgt>
                                        </p:tgtEl>
                                      </p:cBhvr>
                                    </p:animEffect>
                                  </p:childTnLst>
                                </p:cTn>
                              </p:par>
                            </p:childTnLst>
                          </p:cTn>
                        </p:par>
                        <p:par>
                          <p:cTn fill="hold" id="56" nodeType="afterGroup">
                            <p:stCondLst>
                              <p:cond delay="2300"/>
                            </p:stCondLst>
                            <p:childTnLst>
                              <p:par>
                                <p:cTn fill="hold" grpId="0" id="57" nodeType="afterEffect" presetClass="entr" presetID="10" presetSubtype="0">
                                  <p:stCondLst>
                                    <p:cond delay="0"/>
                                  </p:stCondLst>
                                  <p:childTnLst>
                                    <p:set>
                                      <p:cBhvr>
                                        <p:cTn dur="1" fill="hold" id="58">
                                          <p:stCondLst>
                                            <p:cond delay="0"/>
                                          </p:stCondLst>
                                        </p:cTn>
                                        <p:tgtEl>
                                          <p:spTgt spid="7">
                                            <p:txEl>
                                              <p:pRg end="2" st="2"/>
                                            </p:txEl>
                                          </p:spTgt>
                                        </p:tgtEl>
                                        <p:attrNameLst>
                                          <p:attrName>style.visibility</p:attrName>
                                        </p:attrNameLst>
                                      </p:cBhvr>
                                      <p:to>
                                        <p:strVal val="visible"/>
                                      </p:to>
                                    </p:set>
                                    <p:animEffect filter="fade" transition="in">
                                      <p:cBhvr>
                                        <p:cTn dur="500" id="59"/>
                                        <p:tgtEl>
                                          <p:spTgt spid="7">
                                            <p:txEl>
                                              <p:pRg end="2" st="2"/>
                                            </p:txEl>
                                          </p:spTgt>
                                        </p:tgtEl>
                                      </p:cBhvr>
                                    </p:animEffect>
                                  </p:childTnLst>
                                </p:cTn>
                              </p:par>
                            </p:childTnLst>
                          </p:cTn>
                        </p:par>
                        <p:par>
                          <p:cTn fill="hold" id="60" nodeType="afterGroup">
                            <p:stCondLst>
                              <p:cond delay="2800"/>
                            </p:stCondLst>
                            <p:childTnLst>
                              <p:par>
                                <p:cTn fill="hold" grpId="0" id="61" nodeType="afterEffect" presetClass="entr" presetID="10" presetSubtype="0">
                                  <p:stCondLst>
                                    <p:cond delay="0"/>
                                  </p:stCondLst>
                                  <p:childTnLst>
                                    <p:set>
                                      <p:cBhvr>
                                        <p:cTn dur="1" fill="hold" id="62">
                                          <p:stCondLst>
                                            <p:cond delay="0"/>
                                          </p:stCondLst>
                                        </p:cTn>
                                        <p:tgtEl>
                                          <p:spTgt spid="7">
                                            <p:txEl>
                                              <p:pRg end="3" st="3"/>
                                            </p:txEl>
                                          </p:spTgt>
                                        </p:tgtEl>
                                        <p:attrNameLst>
                                          <p:attrName>style.visibility</p:attrName>
                                        </p:attrNameLst>
                                      </p:cBhvr>
                                      <p:to>
                                        <p:strVal val="visible"/>
                                      </p:to>
                                    </p:set>
                                    <p:animEffect filter="fade" transition="in">
                                      <p:cBhvr>
                                        <p:cTn dur="500" id="63"/>
                                        <p:tgtEl>
                                          <p:spTgt spid="7">
                                            <p:txEl>
                                              <p:pRg end="3" st="3"/>
                                            </p:txEl>
                                          </p:spTgt>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
      <p:bldP grpId="0" spid="3"/>
      <p:bldP grpId="0" spid="4"/>
      <p:bldP grpId="0" spid="5"/>
      <p:bldP build="p" grpId="0" spid="6" uiExpand="1"/>
      <p:bldP build="p" grpId="0" spid="7" uiExpand="1"/>
    </p:bldLst>
  </p:timing>
</p:sld>
</file>

<file path=ppt/slides/slide35.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pic>
        <p:nvPicPr>
          <p:cNvPr descr="http://images.admin5.com/forum/201304/12/163909pgfepcz7gijw83p7.png" id="2" name="Picture 2"/>
          <p:cNvPicPr>
            <a:picLocks noChangeArrowheads="1" noChangeAspect="1"/>
          </p:cNvPicPr>
          <p:nvPr/>
        </p:nvPicPr>
        <p:blipFill>
          <a:blip r:embed="rId3">
            <a:clrChange>
              <a:clrFrom>
                <a:srgbClr val="E9E9E9"/>
              </a:clrFrom>
              <a:clrTo>
                <a:srgbClr val="E9E9E9">
                  <a:alpha val="0"/>
                </a:srgbClr>
              </a:clrTo>
            </a:clrChange>
            <a:duotone>
              <a:schemeClr val="accent1">
                <a:shade val="45000"/>
                <a:satMod val="135000"/>
              </a:schemeClr>
              <a:prstClr val="white"/>
            </a:duotone>
            <a:extLst>
              <a:ext uri="{28A0092B-C50C-407E-A947-70E740481C1C}">
                <a14:useLocalDpi val="0"/>
              </a:ext>
            </a:extLst>
          </a:blip>
          <a:srcRect b="13702" r="24087"/>
          <a:stretch>
            <a:fillRect/>
          </a:stretch>
        </p:blipFill>
        <p:spPr bwMode="auto">
          <a:xfrm>
            <a:off x="508001" y="1524566"/>
            <a:ext cx="1769134" cy="3769702"/>
          </a:xfrm>
          <a:prstGeom prst="rect">
            <a:avLst/>
          </a:prstGeom>
          <a:noFill/>
          <a:extLst>
            <a:ext uri="{909E8E84-426E-40DD-AFC4-6F175D3DCCD1}">
              <a14:hiddenFill>
                <a:solidFill>
                  <a:srgbClr val="FFFFFF"/>
                </a:solidFill>
              </a14:hiddenFill>
            </a:ext>
          </a:extLst>
        </p:spPr>
      </p:pic>
      <p:sp>
        <p:nvSpPr>
          <p:cNvPr id="3" name="流程图: 摘录 2"/>
          <p:cNvSpPr/>
          <p:nvPr/>
        </p:nvSpPr>
        <p:spPr>
          <a:xfrm rot="16200000">
            <a:off x="5314045" y="2174701"/>
            <a:ext cx="1563981" cy="1266825"/>
          </a:xfrm>
          <a:prstGeom prst="flowChartExtra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vert="eaVert"/>
          <a:lstStyle/>
          <a:p>
            <a:pPr algn="ctr"/>
            <a:r>
              <a:rPr altLang="zh-CN" lang="en-US" sz="3600">
                <a:latin charset="-122" panose="020b0503020204020204" pitchFamily="34" typeface="微软雅黑"/>
                <a:ea charset="-122" panose="020b0503020204020204" pitchFamily="34" typeface="微软雅黑"/>
              </a:rPr>
              <a:t>2</a:t>
            </a:r>
          </a:p>
        </p:txBody>
      </p:sp>
      <p:sp>
        <p:nvSpPr>
          <p:cNvPr id="4" name="流程图: 摘录 3"/>
          <p:cNvSpPr/>
          <p:nvPr/>
        </p:nvSpPr>
        <p:spPr>
          <a:xfrm rot="5400000">
            <a:off x="5199746" y="1209144"/>
            <a:ext cx="1563981" cy="1266825"/>
          </a:xfrm>
          <a:prstGeom prst="flowChartExtra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vert="vert270"/>
          <a:lstStyle/>
          <a:p>
            <a:pPr algn="ctr"/>
            <a:r>
              <a:rPr altLang="zh-CN" lang="en-US" sz="3600">
                <a:latin charset="-122" panose="020b0503020204020204" pitchFamily="34" typeface="微软雅黑"/>
                <a:ea charset="-122" panose="020b0503020204020204" pitchFamily="34" typeface="微软雅黑"/>
              </a:rPr>
              <a:t>1</a:t>
            </a:r>
          </a:p>
        </p:txBody>
      </p:sp>
      <p:sp>
        <p:nvSpPr>
          <p:cNvPr id="5" name="流程图: 摘录 4"/>
          <p:cNvSpPr/>
          <p:nvPr/>
        </p:nvSpPr>
        <p:spPr>
          <a:xfrm rot="5400000">
            <a:off x="5199746" y="3123287"/>
            <a:ext cx="1563981" cy="1266825"/>
          </a:xfrm>
          <a:prstGeom prst="flowChartExtra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vert="vert270"/>
          <a:lstStyle/>
          <a:p>
            <a:pPr algn="ctr"/>
            <a:r>
              <a:rPr altLang="zh-CN" lang="en-US" sz="3600">
                <a:latin charset="-122" panose="020b0503020204020204" pitchFamily="34" typeface="微软雅黑"/>
                <a:ea charset="-122" panose="020b0503020204020204" pitchFamily="34" typeface="微软雅黑"/>
              </a:rPr>
              <a:t>3</a:t>
            </a:r>
          </a:p>
        </p:txBody>
      </p:sp>
      <p:sp>
        <p:nvSpPr>
          <p:cNvPr id="6" name="TextBox 5"/>
          <p:cNvSpPr txBox="1"/>
          <p:nvPr/>
        </p:nvSpPr>
        <p:spPr>
          <a:xfrm>
            <a:off x="2572210" y="1600531"/>
            <a:ext cx="2552701" cy="923544"/>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grpSp>
        <p:nvGrpSpPr>
          <p:cNvPr id="7" name="组合 6"/>
          <p:cNvGrpSpPr/>
          <p:nvPr/>
        </p:nvGrpSpPr>
        <p:grpSpPr>
          <a:xfrm>
            <a:off x="2581750" y="1040327"/>
            <a:ext cx="2825306" cy="541000"/>
            <a:chOff x="2073750" y="1152682"/>
            <a:chExt cx="2825306" cy="438210"/>
          </a:xfrm>
        </p:grpSpPr>
        <p:sp>
          <p:nvSpPr>
            <p:cNvPr id="8" name="TextBox 7"/>
            <p:cNvSpPr txBox="1"/>
            <p:nvPr/>
          </p:nvSpPr>
          <p:spPr>
            <a:xfrm>
              <a:off x="2073750" y="1152682"/>
              <a:ext cx="1452880" cy="320954"/>
            </a:xfrm>
            <a:prstGeom prst="rect">
              <a:avLst/>
            </a:prstGeom>
            <a:noFill/>
          </p:spPr>
          <p:txBody>
            <a:bodyPr rtlCol="0" wrap="none">
              <a:spAutoFit/>
            </a:bodyPr>
            <a:lstStyle>
              <a:defPPr>
                <a:defRPr lang="zh-CN"/>
              </a:defPPr>
              <a:lvl1pPr>
                <a:defRPr b="1" sz="2400">
                  <a:solidFill>
                    <a:schemeClr val="bg1">
                      <a:lumMod val="50000"/>
                    </a:schemeClr>
                  </a:solidFill>
                </a:defRPr>
              </a:lvl1pPr>
            </a:lstStyle>
            <a:p>
              <a:r>
                <a:rPr altLang="en-US" lang="zh-CN" sz="2000">
                  <a:solidFill>
                    <a:srgbClr val="00544A"/>
                  </a:solidFill>
                  <a:latin charset="-122" panose="020b0503020204020204" pitchFamily="34" typeface="微软雅黑"/>
                  <a:ea charset="-122" panose="020b0503020204020204" pitchFamily="34" typeface="微软雅黑"/>
                </a:rPr>
                <a:t>您的小标题</a:t>
              </a:r>
            </a:p>
          </p:txBody>
        </p:sp>
        <p:cxnSp>
          <p:nvCxnSpPr>
            <p:cNvPr id="9" name="直接连接符 8"/>
            <p:cNvCxnSpPr/>
            <p:nvPr/>
          </p:nvCxnSpPr>
          <p:spPr>
            <a:xfrm>
              <a:off x="2169000" y="1590892"/>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
        <p:nvSpPr>
          <p:cNvPr id="10" name="TextBox 9"/>
          <p:cNvSpPr txBox="1"/>
          <p:nvPr/>
        </p:nvSpPr>
        <p:spPr>
          <a:xfrm>
            <a:off x="2572210" y="4061571"/>
            <a:ext cx="2552701" cy="923544"/>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grpSp>
        <p:nvGrpSpPr>
          <p:cNvPr id="11" name="组合 10"/>
          <p:cNvGrpSpPr/>
          <p:nvPr/>
        </p:nvGrpSpPr>
        <p:grpSpPr>
          <a:xfrm>
            <a:off x="2581750" y="3501367"/>
            <a:ext cx="2825306" cy="541000"/>
            <a:chOff x="2073750" y="3146124"/>
            <a:chExt cx="2825306" cy="438210"/>
          </a:xfrm>
        </p:grpSpPr>
        <p:sp>
          <p:nvSpPr>
            <p:cNvPr id="12" name="TextBox 11"/>
            <p:cNvSpPr txBox="1"/>
            <p:nvPr/>
          </p:nvSpPr>
          <p:spPr>
            <a:xfrm>
              <a:off x="2073750" y="3146125"/>
              <a:ext cx="1452880" cy="320954"/>
            </a:xfrm>
            <a:prstGeom prst="rect">
              <a:avLst/>
            </a:prstGeom>
            <a:noFill/>
          </p:spPr>
          <p:txBody>
            <a:bodyPr rtlCol="0" wrap="none">
              <a:spAutoFit/>
            </a:bodyPr>
            <a:lstStyle>
              <a:defPPr>
                <a:defRPr lang="zh-CN"/>
              </a:defPPr>
              <a:lvl1pPr>
                <a:defRPr b="1" sz="2400">
                  <a:solidFill>
                    <a:schemeClr val="bg1">
                      <a:lumMod val="50000"/>
                    </a:schemeClr>
                  </a:solidFill>
                </a:defRPr>
              </a:lvl1pPr>
            </a:lstStyle>
            <a:p>
              <a:r>
                <a:rPr altLang="en-US" lang="zh-CN" sz="2000">
                  <a:solidFill>
                    <a:srgbClr val="00544A"/>
                  </a:solidFill>
                  <a:latin charset="-122" panose="020b0503020204020204" pitchFamily="34" typeface="微软雅黑"/>
                  <a:ea charset="-122" panose="020b0503020204020204" pitchFamily="34" typeface="微软雅黑"/>
                </a:rPr>
                <a:t>您的小标题</a:t>
              </a:r>
            </a:p>
          </p:txBody>
        </p:sp>
        <p:cxnSp>
          <p:nvCxnSpPr>
            <p:cNvPr id="13" name="直接连接符 12"/>
            <p:cNvCxnSpPr/>
            <p:nvPr/>
          </p:nvCxnSpPr>
          <p:spPr>
            <a:xfrm>
              <a:off x="2169000" y="3584334"/>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
        <p:nvSpPr>
          <p:cNvPr id="14" name="TextBox 13"/>
          <p:cNvSpPr txBox="1"/>
          <p:nvPr/>
        </p:nvSpPr>
        <p:spPr>
          <a:xfrm>
            <a:off x="6874939" y="2586241"/>
            <a:ext cx="2552701" cy="923544"/>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grpSp>
        <p:nvGrpSpPr>
          <p:cNvPr id="15" name="组合 14"/>
          <p:cNvGrpSpPr/>
          <p:nvPr/>
        </p:nvGrpSpPr>
        <p:grpSpPr>
          <a:xfrm>
            <a:off x="6615144" y="2026037"/>
            <a:ext cx="2730056" cy="541000"/>
            <a:chOff x="6107144" y="1951107"/>
            <a:chExt cx="2730056" cy="438210"/>
          </a:xfrm>
        </p:grpSpPr>
        <p:sp>
          <p:nvSpPr>
            <p:cNvPr id="16" name="TextBox 15"/>
            <p:cNvSpPr txBox="1"/>
            <p:nvPr/>
          </p:nvSpPr>
          <p:spPr>
            <a:xfrm>
              <a:off x="6420020" y="1951107"/>
              <a:ext cx="1452880" cy="320954"/>
            </a:xfrm>
            <a:prstGeom prst="rect">
              <a:avLst/>
            </a:prstGeom>
            <a:noFill/>
          </p:spPr>
          <p:txBody>
            <a:bodyPr rtlCol="0" wrap="none">
              <a:spAutoFit/>
            </a:bodyPr>
            <a:lstStyle>
              <a:defPPr>
                <a:defRPr lang="zh-CN"/>
              </a:defPPr>
              <a:lvl1pPr>
                <a:defRPr b="1" sz="2400">
                  <a:solidFill>
                    <a:schemeClr val="bg1">
                      <a:lumMod val="50000"/>
                    </a:schemeClr>
                  </a:solidFill>
                </a:defRPr>
              </a:lvl1pPr>
            </a:lstStyle>
            <a:p>
              <a:r>
                <a:rPr altLang="en-US" lang="zh-CN" sz="2000">
                  <a:solidFill>
                    <a:srgbClr val="00544A"/>
                  </a:solidFill>
                  <a:latin charset="-122" panose="020b0503020204020204" pitchFamily="34" typeface="微软雅黑"/>
                  <a:ea charset="-122" panose="020b0503020204020204" pitchFamily="34" typeface="微软雅黑"/>
                </a:rPr>
                <a:t>您的小标题</a:t>
              </a:r>
            </a:p>
          </p:txBody>
        </p:sp>
        <p:cxnSp>
          <p:nvCxnSpPr>
            <p:cNvPr id="17" name="直接连接符 16"/>
            <p:cNvCxnSpPr/>
            <p:nvPr/>
          </p:nvCxnSpPr>
          <p:spPr>
            <a:xfrm>
              <a:off x="6107144" y="2389317"/>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val="3239741411"/>
      </p:ext>
    </p:extLst>
  </p:cSld>
  <p:clrMapOvr>
    <a:masterClrMapping/>
  </p:clrMapOvr>
  <p:transition advClick="0" advTm="4000" spd="slow">
    <p:push/>
  </p:transition>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grpId="0" id="5" nodeType="afterEffect" presetClass="entr" presetID="53" presetSubtype="0">
                                  <p:stCondLst>
                                    <p:cond delay="0"/>
                                  </p:stCondLst>
                                  <p:childTnLst>
                                    <p:set>
                                      <p:cBhvr>
                                        <p:cTn dur="1" fill="hold" id="6">
                                          <p:stCondLst>
                                            <p:cond delay="0"/>
                                          </p:stCondLst>
                                        </p:cTn>
                                        <p:tgtEl>
                                          <p:spTgt spid="4"/>
                                        </p:tgtEl>
                                        <p:attrNameLst>
                                          <p:attrName>style.visibility</p:attrName>
                                        </p:attrNameLst>
                                      </p:cBhvr>
                                      <p:to>
                                        <p:strVal val="visible"/>
                                      </p:to>
                                    </p:set>
                                    <p:anim calcmode="lin" valueType="num">
                                      <p:cBhvr>
                                        <p:cTn dur="250" fill="hold" id="7"/>
                                        <p:tgtEl>
                                          <p:spTgt spid="4"/>
                                        </p:tgtEl>
                                        <p:attrNameLst>
                                          <p:attrName>ppt_w</p:attrName>
                                        </p:attrNameLst>
                                      </p:cBhvr>
                                      <p:tavLst>
                                        <p:tav tm="0">
                                          <p:val>
                                            <p:fltVal val="0"/>
                                          </p:val>
                                        </p:tav>
                                        <p:tav tm="100000">
                                          <p:val>
                                            <p:strVal val="#ppt_w"/>
                                          </p:val>
                                        </p:tav>
                                      </p:tavLst>
                                    </p:anim>
                                    <p:anim calcmode="lin" valueType="num">
                                      <p:cBhvr>
                                        <p:cTn dur="250" fill="hold" id="8"/>
                                        <p:tgtEl>
                                          <p:spTgt spid="4"/>
                                        </p:tgtEl>
                                        <p:attrNameLst>
                                          <p:attrName>ppt_h</p:attrName>
                                        </p:attrNameLst>
                                      </p:cBhvr>
                                      <p:tavLst>
                                        <p:tav tm="0">
                                          <p:val>
                                            <p:fltVal val="0"/>
                                          </p:val>
                                        </p:tav>
                                        <p:tav tm="100000">
                                          <p:val>
                                            <p:strVal val="#ppt_h"/>
                                          </p:val>
                                        </p:tav>
                                      </p:tavLst>
                                    </p:anim>
                                    <p:animEffect filter="fade" transition="in">
                                      <p:cBhvr>
                                        <p:cTn dur="250" id="9"/>
                                        <p:tgtEl>
                                          <p:spTgt spid="4"/>
                                        </p:tgtEl>
                                      </p:cBhvr>
                                    </p:animEffect>
                                  </p:childTnLst>
                                </p:cTn>
                              </p:par>
                            </p:childTnLst>
                          </p:cTn>
                        </p:par>
                        <p:par>
                          <p:cTn fill="hold" id="10" nodeType="afterGroup">
                            <p:stCondLst>
                              <p:cond delay="250"/>
                            </p:stCondLst>
                            <p:childTnLst>
                              <p:par>
                                <p:cTn fill="hold" id="11" nodeType="afterEffect" presetClass="entr" presetID="22" presetSubtype="2">
                                  <p:stCondLst>
                                    <p:cond delay="0"/>
                                  </p:stCondLst>
                                  <p:childTnLst>
                                    <p:set>
                                      <p:cBhvr>
                                        <p:cTn dur="1" fill="hold" id="12">
                                          <p:stCondLst>
                                            <p:cond delay="0"/>
                                          </p:stCondLst>
                                        </p:cTn>
                                        <p:tgtEl>
                                          <p:spTgt spid="7"/>
                                        </p:tgtEl>
                                        <p:attrNameLst>
                                          <p:attrName>style.visibility</p:attrName>
                                        </p:attrNameLst>
                                      </p:cBhvr>
                                      <p:to>
                                        <p:strVal val="visible"/>
                                      </p:to>
                                    </p:set>
                                    <p:animEffect filter="wipe(right)" transition="in">
                                      <p:cBhvr>
                                        <p:cTn dur="500" id="13"/>
                                        <p:tgtEl>
                                          <p:spTgt spid="7"/>
                                        </p:tgtEl>
                                      </p:cBhvr>
                                    </p:animEffect>
                                  </p:childTnLst>
                                </p:cTn>
                              </p:par>
                            </p:childTnLst>
                          </p:cTn>
                        </p:par>
                        <p:par>
                          <p:cTn fill="hold" id="14" nodeType="afterGroup">
                            <p:stCondLst>
                              <p:cond delay="750"/>
                            </p:stCondLst>
                            <p:childTnLst>
                              <p:par>
                                <p:cTn fill="hold" grpId="0" id="15" nodeType="afterEffect" presetClass="entr" presetID="2" presetSubtype="4">
                                  <p:stCondLst>
                                    <p:cond delay="0"/>
                                  </p:stCondLst>
                                  <p:childTnLst>
                                    <p:set>
                                      <p:cBhvr>
                                        <p:cTn dur="1" fill="hold" id="16">
                                          <p:stCondLst>
                                            <p:cond delay="0"/>
                                          </p:stCondLst>
                                        </p:cTn>
                                        <p:tgtEl>
                                          <p:spTgt spid="6"/>
                                        </p:tgtEl>
                                        <p:attrNameLst>
                                          <p:attrName>style.visibility</p:attrName>
                                        </p:attrNameLst>
                                      </p:cBhvr>
                                      <p:to>
                                        <p:strVal val="visible"/>
                                      </p:to>
                                    </p:set>
                                    <p:anim calcmode="lin" valueType="num">
                                      <p:cBhvr additive="base">
                                        <p:cTn dur="500" fill="hold" id="17"/>
                                        <p:tgtEl>
                                          <p:spTgt spid="6"/>
                                        </p:tgtEl>
                                        <p:attrNameLst>
                                          <p:attrName>ppt_x</p:attrName>
                                        </p:attrNameLst>
                                      </p:cBhvr>
                                      <p:tavLst>
                                        <p:tav tm="0">
                                          <p:val>
                                            <p:strVal val="#ppt_x"/>
                                          </p:val>
                                        </p:tav>
                                        <p:tav tm="100000">
                                          <p:val>
                                            <p:strVal val="#ppt_x"/>
                                          </p:val>
                                        </p:tav>
                                      </p:tavLst>
                                    </p:anim>
                                    <p:anim calcmode="lin" valueType="num">
                                      <p:cBhvr additive="base">
                                        <p:cTn dur="500" fill="hold" id="18"/>
                                        <p:tgtEl>
                                          <p:spTgt spid="6"/>
                                        </p:tgtEl>
                                        <p:attrNameLst>
                                          <p:attrName>ppt_y</p:attrName>
                                        </p:attrNameLst>
                                      </p:cBhvr>
                                      <p:tavLst>
                                        <p:tav tm="0">
                                          <p:val>
                                            <p:strVal val="1+#ppt_h/2"/>
                                          </p:val>
                                        </p:tav>
                                        <p:tav tm="100000">
                                          <p:val>
                                            <p:strVal val="#ppt_y"/>
                                          </p:val>
                                        </p:tav>
                                      </p:tavLst>
                                    </p:anim>
                                  </p:childTnLst>
                                </p:cTn>
                              </p:par>
                            </p:childTnLst>
                          </p:cTn>
                        </p:par>
                        <p:par>
                          <p:cTn fill="hold" id="19" nodeType="afterGroup">
                            <p:stCondLst>
                              <p:cond delay="1250"/>
                            </p:stCondLst>
                            <p:childTnLst>
                              <p:par>
                                <p:cTn fill="hold" grpId="0" id="20" nodeType="afterEffect" presetClass="entr" presetID="53" presetSubtype="0">
                                  <p:stCondLst>
                                    <p:cond delay="0"/>
                                  </p:stCondLst>
                                  <p:childTnLst>
                                    <p:set>
                                      <p:cBhvr>
                                        <p:cTn dur="1" fill="hold" id="21">
                                          <p:stCondLst>
                                            <p:cond delay="0"/>
                                          </p:stCondLst>
                                        </p:cTn>
                                        <p:tgtEl>
                                          <p:spTgt spid="3"/>
                                        </p:tgtEl>
                                        <p:attrNameLst>
                                          <p:attrName>style.visibility</p:attrName>
                                        </p:attrNameLst>
                                      </p:cBhvr>
                                      <p:to>
                                        <p:strVal val="visible"/>
                                      </p:to>
                                    </p:set>
                                    <p:anim calcmode="lin" valueType="num">
                                      <p:cBhvr>
                                        <p:cTn dur="250" fill="hold" id="22"/>
                                        <p:tgtEl>
                                          <p:spTgt spid="3"/>
                                        </p:tgtEl>
                                        <p:attrNameLst>
                                          <p:attrName>ppt_w</p:attrName>
                                        </p:attrNameLst>
                                      </p:cBhvr>
                                      <p:tavLst>
                                        <p:tav tm="0">
                                          <p:val>
                                            <p:fltVal val="0"/>
                                          </p:val>
                                        </p:tav>
                                        <p:tav tm="100000">
                                          <p:val>
                                            <p:strVal val="#ppt_w"/>
                                          </p:val>
                                        </p:tav>
                                      </p:tavLst>
                                    </p:anim>
                                    <p:anim calcmode="lin" valueType="num">
                                      <p:cBhvr>
                                        <p:cTn dur="250" fill="hold" id="23"/>
                                        <p:tgtEl>
                                          <p:spTgt spid="3"/>
                                        </p:tgtEl>
                                        <p:attrNameLst>
                                          <p:attrName>ppt_h</p:attrName>
                                        </p:attrNameLst>
                                      </p:cBhvr>
                                      <p:tavLst>
                                        <p:tav tm="0">
                                          <p:val>
                                            <p:fltVal val="0"/>
                                          </p:val>
                                        </p:tav>
                                        <p:tav tm="100000">
                                          <p:val>
                                            <p:strVal val="#ppt_h"/>
                                          </p:val>
                                        </p:tav>
                                      </p:tavLst>
                                    </p:anim>
                                    <p:animEffect filter="fade" transition="in">
                                      <p:cBhvr>
                                        <p:cTn dur="250" id="24"/>
                                        <p:tgtEl>
                                          <p:spTgt spid="3"/>
                                        </p:tgtEl>
                                      </p:cBhvr>
                                    </p:animEffect>
                                  </p:childTnLst>
                                </p:cTn>
                              </p:par>
                            </p:childTnLst>
                          </p:cTn>
                        </p:par>
                        <p:par>
                          <p:cTn fill="hold" id="25" nodeType="afterGroup">
                            <p:stCondLst>
                              <p:cond delay="1500"/>
                            </p:stCondLst>
                            <p:childTnLst>
                              <p:par>
                                <p:cTn fill="hold" id="26" nodeType="afterEffect" presetClass="entr" presetID="22" presetSubtype="8">
                                  <p:stCondLst>
                                    <p:cond delay="0"/>
                                  </p:stCondLst>
                                  <p:childTnLst>
                                    <p:set>
                                      <p:cBhvr>
                                        <p:cTn dur="1" fill="hold" id="27">
                                          <p:stCondLst>
                                            <p:cond delay="0"/>
                                          </p:stCondLst>
                                        </p:cTn>
                                        <p:tgtEl>
                                          <p:spTgt spid="15"/>
                                        </p:tgtEl>
                                        <p:attrNameLst>
                                          <p:attrName>style.visibility</p:attrName>
                                        </p:attrNameLst>
                                      </p:cBhvr>
                                      <p:to>
                                        <p:strVal val="visible"/>
                                      </p:to>
                                    </p:set>
                                    <p:animEffect filter="wipe(left)" transition="in">
                                      <p:cBhvr>
                                        <p:cTn dur="500" id="28"/>
                                        <p:tgtEl>
                                          <p:spTgt spid="15"/>
                                        </p:tgtEl>
                                      </p:cBhvr>
                                    </p:animEffect>
                                  </p:childTnLst>
                                </p:cTn>
                              </p:par>
                            </p:childTnLst>
                          </p:cTn>
                        </p:par>
                        <p:par>
                          <p:cTn fill="hold" id="29" nodeType="afterGroup">
                            <p:stCondLst>
                              <p:cond delay="2000"/>
                            </p:stCondLst>
                            <p:childTnLst>
                              <p:par>
                                <p:cTn fill="hold" grpId="0" id="30" nodeType="afterEffect" presetClass="entr" presetID="2" presetSubtype="4">
                                  <p:stCondLst>
                                    <p:cond delay="0"/>
                                  </p:stCondLst>
                                  <p:childTnLst>
                                    <p:set>
                                      <p:cBhvr>
                                        <p:cTn dur="1" fill="hold" id="31">
                                          <p:stCondLst>
                                            <p:cond delay="0"/>
                                          </p:stCondLst>
                                        </p:cTn>
                                        <p:tgtEl>
                                          <p:spTgt spid="14"/>
                                        </p:tgtEl>
                                        <p:attrNameLst>
                                          <p:attrName>style.visibility</p:attrName>
                                        </p:attrNameLst>
                                      </p:cBhvr>
                                      <p:to>
                                        <p:strVal val="visible"/>
                                      </p:to>
                                    </p:set>
                                    <p:anim calcmode="lin" valueType="num">
                                      <p:cBhvr additive="base">
                                        <p:cTn dur="500" fill="hold" id="32"/>
                                        <p:tgtEl>
                                          <p:spTgt spid="14"/>
                                        </p:tgtEl>
                                        <p:attrNameLst>
                                          <p:attrName>ppt_x</p:attrName>
                                        </p:attrNameLst>
                                      </p:cBhvr>
                                      <p:tavLst>
                                        <p:tav tm="0">
                                          <p:val>
                                            <p:strVal val="#ppt_x"/>
                                          </p:val>
                                        </p:tav>
                                        <p:tav tm="100000">
                                          <p:val>
                                            <p:strVal val="#ppt_x"/>
                                          </p:val>
                                        </p:tav>
                                      </p:tavLst>
                                    </p:anim>
                                    <p:anim calcmode="lin" valueType="num">
                                      <p:cBhvr additive="base">
                                        <p:cTn dur="500" fill="hold" id="33"/>
                                        <p:tgtEl>
                                          <p:spTgt spid="14"/>
                                        </p:tgtEl>
                                        <p:attrNameLst>
                                          <p:attrName>ppt_y</p:attrName>
                                        </p:attrNameLst>
                                      </p:cBhvr>
                                      <p:tavLst>
                                        <p:tav tm="0">
                                          <p:val>
                                            <p:strVal val="1+#ppt_h/2"/>
                                          </p:val>
                                        </p:tav>
                                        <p:tav tm="100000">
                                          <p:val>
                                            <p:strVal val="#ppt_y"/>
                                          </p:val>
                                        </p:tav>
                                      </p:tavLst>
                                    </p:anim>
                                  </p:childTnLst>
                                </p:cTn>
                              </p:par>
                            </p:childTnLst>
                          </p:cTn>
                        </p:par>
                        <p:par>
                          <p:cTn fill="hold" id="34" nodeType="afterGroup">
                            <p:stCondLst>
                              <p:cond delay="2500"/>
                            </p:stCondLst>
                            <p:childTnLst>
                              <p:par>
                                <p:cTn fill="hold" grpId="0" id="35" nodeType="afterEffect" presetClass="entr" presetID="53" presetSubtype="0">
                                  <p:stCondLst>
                                    <p:cond delay="0"/>
                                  </p:stCondLst>
                                  <p:childTnLst>
                                    <p:set>
                                      <p:cBhvr>
                                        <p:cTn dur="1" fill="hold" id="36">
                                          <p:stCondLst>
                                            <p:cond delay="0"/>
                                          </p:stCondLst>
                                        </p:cTn>
                                        <p:tgtEl>
                                          <p:spTgt spid="5"/>
                                        </p:tgtEl>
                                        <p:attrNameLst>
                                          <p:attrName>style.visibility</p:attrName>
                                        </p:attrNameLst>
                                      </p:cBhvr>
                                      <p:to>
                                        <p:strVal val="visible"/>
                                      </p:to>
                                    </p:set>
                                    <p:anim calcmode="lin" valueType="num">
                                      <p:cBhvr>
                                        <p:cTn dur="250" fill="hold" id="37"/>
                                        <p:tgtEl>
                                          <p:spTgt spid="5"/>
                                        </p:tgtEl>
                                        <p:attrNameLst>
                                          <p:attrName>ppt_w</p:attrName>
                                        </p:attrNameLst>
                                      </p:cBhvr>
                                      <p:tavLst>
                                        <p:tav tm="0">
                                          <p:val>
                                            <p:fltVal val="0"/>
                                          </p:val>
                                        </p:tav>
                                        <p:tav tm="100000">
                                          <p:val>
                                            <p:strVal val="#ppt_w"/>
                                          </p:val>
                                        </p:tav>
                                      </p:tavLst>
                                    </p:anim>
                                    <p:anim calcmode="lin" valueType="num">
                                      <p:cBhvr>
                                        <p:cTn dur="250" fill="hold" id="38"/>
                                        <p:tgtEl>
                                          <p:spTgt spid="5"/>
                                        </p:tgtEl>
                                        <p:attrNameLst>
                                          <p:attrName>ppt_h</p:attrName>
                                        </p:attrNameLst>
                                      </p:cBhvr>
                                      <p:tavLst>
                                        <p:tav tm="0">
                                          <p:val>
                                            <p:fltVal val="0"/>
                                          </p:val>
                                        </p:tav>
                                        <p:tav tm="100000">
                                          <p:val>
                                            <p:strVal val="#ppt_h"/>
                                          </p:val>
                                        </p:tav>
                                      </p:tavLst>
                                    </p:anim>
                                    <p:animEffect filter="fade" transition="in">
                                      <p:cBhvr>
                                        <p:cTn dur="250" id="39"/>
                                        <p:tgtEl>
                                          <p:spTgt spid="5"/>
                                        </p:tgtEl>
                                      </p:cBhvr>
                                    </p:animEffect>
                                  </p:childTnLst>
                                </p:cTn>
                              </p:par>
                            </p:childTnLst>
                          </p:cTn>
                        </p:par>
                        <p:par>
                          <p:cTn fill="hold" id="40" nodeType="afterGroup">
                            <p:stCondLst>
                              <p:cond delay="2750"/>
                            </p:stCondLst>
                            <p:childTnLst>
                              <p:par>
                                <p:cTn fill="hold" id="41" nodeType="afterEffect" presetClass="entr" presetID="22" presetSubtype="2">
                                  <p:stCondLst>
                                    <p:cond delay="0"/>
                                  </p:stCondLst>
                                  <p:childTnLst>
                                    <p:set>
                                      <p:cBhvr>
                                        <p:cTn dur="1" fill="hold" id="42">
                                          <p:stCondLst>
                                            <p:cond delay="0"/>
                                          </p:stCondLst>
                                        </p:cTn>
                                        <p:tgtEl>
                                          <p:spTgt spid="11"/>
                                        </p:tgtEl>
                                        <p:attrNameLst>
                                          <p:attrName>style.visibility</p:attrName>
                                        </p:attrNameLst>
                                      </p:cBhvr>
                                      <p:to>
                                        <p:strVal val="visible"/>
                                      </p:to>
                                    </p:set>
                                    <p:animEffect filter="wipe(right)" transition="in">
                                      <p:cBhvr>
                                        <p:cTn dur="500" id="43"/>
                                        <p:tgtEl>
                                          <p:spTgt spid="11"/>
                                        </p:tgtEl>
                                      </p:cBhvr>
                                    </p:animEffect>
                                  </p:childTnLst>
                                </p:cTn>
                              </p:par>
                            </p:childTnLst>
                          </p:cTn>
                        </p:par>
                        <p:par>
                          <p:cTn fill="hold" id="44" nodeType="afterGroup">
                            <p:stCondLst>
                              <p:cond delay="3250"/>
                            </p:stCondLst>
                            <p:childTnLst>
                              <p:par>
                                <p:cTn fill="hold" grpId="0" id="45" nodeType="afterEffect" presetClass="entr" presetID="2" presetSubtype="4">
                                  <p:stCondLst>
                                    <p:cond delay="0"/>
                                  </p:stCondLst>
                                  <p:childTnLst>
                                    <p:set>
                                      <p:cBhvr>
                                        <p:cTn dur="1" fill="hold" id="46">
                                          <p:stCondLst>
                                            <p:cond delay="0"/>
                                          </p:stCondLst>
                                        </p:cTn>
                                        <p:tgtEl>
                                          <p:spTgt spid="10"/>
                                        </p:tgtEl>
                                        <p:attrNameLst>
                                          <p:attrName>style.visibility</p:attrName>
                                        </p:attrNameLst>
                                      </p:cBhvr>
                                      <p:to>
                                        <p:strVal val="visible"/>
                                      </p:to>
                                    </p:set>
                                    <p:anim calcmode="lin" valueType="num">
                                      <p:cBhvr additive="base">
                                        <p:cTn dur="500" fill="hold" id="47"/>
                                        <p:tgtEl>
                                          <p:spTgt spid="10"/>
                                        </p:tgtEl>
                                        <p:attrNameLst>
                                          <p:attrName>ppt_x</p:attrName>
                                        </p:attrNameLst>
                                      </p:cBhvr>
                                      <p:tavLst>
                                        <p:tav tm="0">
                                          <p:val>
                                            <p:strVal val="#ppt_x"/>
                                          </p:val>
                                        </p:tav>
                                        <p:tav tm="100000">
                                          <p:val>
                                            <p:strVal val="#ppt_x"/>
                                          </p:val>
                                        </p:tav>
                                      </p:tavLst>
                                    </p:anim>
                                    <p:anim calcmode="lin" valueType="num">
                                      <p:cBhvr additive="base">
                                        <p:cTn dur="500" fill="hold" id="48"/>
                                        <p:tgtEl>
                                          <p:spTgt spid="10"/>
                                        </p:tgtEl>
                                        <p:attrNameLst>
                                          <p:attrName>ppt_y</p:attrName>
                                        </p:attrNameLst>
                                      </p:cBhvr>
                                      <p:tavLst>
                                        <p:tav tm="0">
                                          <p:val>
                                            <p:strVal val="1+#ppt_h/2"/>
                                          </p:val>
                                        </p:tav>
                                        <p:tav tm="100000">
                                          <p:val>
                                            <p:strVal val="#ppt_y"/>
                                          </p:val>
                                        </p:tav>
                                      </p:tavLst>
                                    </p:anim>
                                  </p:childTnLst>
                                </p:cTn>
                              </p:par>
                            </p:childTnLst>
                          </p:cTn>
                        </p:par>
                        <p:par>
                          <p:cTn fill="hold" id="49" nodeType="afterGroup">
                            <p:stCondLst>
                              <p:cond delay="3750"/>
                            </p:stCondLst>
                            <p:childTnLst>
                              <p:par>
                                <p:cTn fill="hold" id="50" nodeType="afterEffect" presetClass="entr" presetID="2" presetSubtype="8">
                                  <p:stCondLst>
                                    <p:cond delay="0"/>
                                  </p:stCondLst>
                                  <p:childTnLst>
                                    <p:set>
                                      <p:cBhvr>
                                        <p:cTn dur="1" fill="hold" id="51">
                                          <p:stCondLst>
                                            <p:cond delay="0"/>
                                          </p:stCondLst>
                                        </p:cTn>
                                        <p:tgtEl>
                                          <p:spTgt spid="2"/>
                                        </p:tgtEl>
                                        <p:attrNameLst>
                                          <p:attrName>style.visibility</p:attrName>
                                        </p:attrNameLst>
                                      </p:cBhvr>
                                      <p:to>
                                        <p:strVal val="visible"/>
                                      </p:to>
                                    </p:set>
                                    <p:anim calcmode="lin" valueType="num">
                                      <p:cBhvr additive="base">
                                        <p:cTn dur="500" fill="hold" id="52"/>
                                        <p:tgtEl>
                                          <p:spTgt spid="2"/>
                                        </p:tgtEl>
                                        <p:attrNameLst>
                                          <p:attrName>ppt_x</p:attrName>
                                        </p:attrNameLst>
                                      </p:cBhvr>
                                      <p:tavLst>
                                        <p:tav tm="0">
                                          <p:val>
                                            <p:strVal val="0-#ppt_w/2"/>
                                          </p:val>
                                        </p:tav>
                                        <p:tav tm="100000">
                                          <p:val>
                                            <p:strVal val="#ppt_x"/>
                                          </p:val>
                                        </p:tav>
                                      </p:tavLst>
                                    </p:anim>
                                    <p:anim calcmode="lin" valueType="num">
                                      <p:cBhvr additive="base">
                                        <p:cTn dur="500" fill="hold" id="53"/>
                                        <p:tgtEl>
                                          <p:spTgt spid="2"/>
                                        </p:tgtEl>
                                        <p:attrNameLst>
                                          <p:attrName>ppt_y</p:attrName>
                                        </p:attrNameLst>
                                      </p:cBhvr>
                                      <p:tavLst>
                                        <p:tav tm="0">
                                          <p:val>
                                            <p:strVal val="#ppt_y"/>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3"/>
      <p:bldP grpId="0" spid="4"/>
      <p:bldP grpId="0" spid="5"/>
      <p:bldP grpId="0" spid="6"/>
      <p:bldP grpId="0" spid="10"/>
      <p:bldP grpId="0" spid="14"/>
    </p:bldLst>
  </p:timing>
</p:sld>
</file>

<file path=ppt/slides/slide36.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pic>
        <p:nvPicPr>
          <p:cNvPr id="1027" name="Picture 3"/>
          <p:cNvPicPr>
            <a:picLocks noChangeArrowheads="1" noChangeAspect="1"/>
          </p:cNvPicPr>
          <p:nvPr/>
        </p:nvPicPr>
        <p:blipFill>
          <a:blip r:embed="rId3">
            <a:extLst>
              <a:ext uri="{28A0092B-C50C-407E-A947-70E740481C1C}">
                <a14:useLocalDpi val="0"/>
              </a:ext>
            </a:extLst>
          </a:blip>
          <a:stretch>
            <a:fillRect/>
          </a:stretch>
        </p:blipFill>
        <p:spPr bwMode="auto">
          <a:xfrm>
            <a:off x="1047555" y="1068269"/>
            <a:ext cx="2514387" cy="2508199"/>
          </a:xfrm>
          <a:prstGeom prst="rect">
            <a:avLst/>
          </a:prstGeom>
          <a:noFill/>
          <a:extLst>
            <a:ext uri="{909E8E84-426E-40DD-AFC4-6F175D3DCCD1}">
              <a14:hiddenFill>
                <a:solidFill>
                  <a:srgbClr val="FFFFFF"/>
                </a:solidFill>
              </a14:hiddenFill>
            </a:ext>
          </a:extLst>
        </p:spPr>
      </p:pic>
      <p:sp>
        <p:nvSpPr>
          <p:cNvPr id="46" name="Text Box 197"/>
          <p:cNvSpPr txBox="1">
            <a:spLocks noChangeArrowheads="1"/>
          </p:cNvSpPr>
          <p:nvPr/>
        </p:nvSpPr>
        <p:spPr bwMode="ltGray">
          <a:xfrm>
            <a:off x="6203960" y="2627513"/>
            <a:ext cx="2015166" cy="355986"/>
          </a:xfrm>
          <a:prstGeom prst="rect">
            <a:avLst/>
          </a:prstGeom>
          <a:noFill/>
          <a:ln>
            <a:noFill/>
          </a:ln>
          <a:effectLst/>
          <a:extLst>
            <a:ext uri="{909E8E84-426E-40DD-AFC4-6F175D3DCCD1}">
              <a14:hiddenFill>
                <a:gradFill rotWithShape="1">
                  <a:gsLst>
                    <a:gs pos="0">
                      <a:srgbClr val="FFFFFF"/>
                    </a:gs>
                    <a:gs pos="100000">
                      <a:srgbClr val="FF0517"/>
                    </a:gs>
                  </a:gsLst>
                  <a:lin ang="0" scaled="1"/>
                </a:gradFill>
              </a14:hiddenFill>
            </a:ext>
            <a:ext uri="{91240B29-F687-4F45-9708-019B960494DF}">
              <a14:hiddenLine algn="ctr" w="9525">
                <a:solidFill>
                  <a:srgbClr val="000000"/>
                </a:solidFill>
                <a:miter lim="800000"/>
                <a:headEnd/>
                <a:tailEnd/>
              </a14:hiddenLine>
            </a:ext>
            <a:ext uri="{AF507438-7753-43E0-B8FC-AC1667EBCBE1}">
              <a14:hiddenEffects>
                <a:effectLst>
                  <a:outerShdw algn="ctr" dir="2700000" dist="35921" rotWithShape="0">
                    <a:schemeClr val="bg2"/>
                  </a:outerShdw>
                </a:effectLst>
              </a14:hiddenEffects>
            </a:ext>
          </a:extLst>
        </p:spPr>
        <p:txBody>
          <a:bodyPr bIns="40833" lIns="81667" rIns="81667" tIns="40833" wrap="square">
            <a:spAutoFit/>
          </a:bodyPr>
          <a:lstStyle>
            <a:lvl1pPr algn="l" defTabSz="815975" fontAlgn="base">
              <a:defRPr>
                <a:solidFill>
                  <a:schemeClr val="tx1"/>
                </a:solidFill>
                <a:latin typeface="Arial"/>
              </a:defRPr>
            </a:lvl1pPr>
            <a:lvl2pPr algn="l" defTabSz="815975" fontAlgn="base" marL="407988">
              <a:defRPr>
                <a:solidFill>
                  <a:schemeClr val="tx1"/>
                </a:solidFill>
                <a:latin typeface="Arial"/>
              </a:defRPr>
            </a:lvl2pPr>
            <a:lvl3pPr algn="l" defTabSz="815975" fontAlgn="base" marL="815975">
              <a:defRPr>
                <a:solidFill>
                  <a:schemeClr val="tx1"/>
                </a:solidFill>
                <a:latin typeface="Arial"/>
              </a:defRPr>
            </a:lvl3pPr>
            <a:lvl4pPr algn="l" defTabSz="815975" fontAlgn="base" marL="1225550">
              <a:defRPr>
                <a:solidFill>
                  <a:schemeClr val="tx1"/>
                </a:solidFill>
                <a:latin typeface="Arial"/>
              </a:defRPr>
            </a:lvl4pPr>
            <a:lvl5pPr algn="l" defTabSz="815975" fontAlgn="base" marL="1633538">
              <a:defRPr>
                <a:solidFill>
                  <a:schemeClr val="tx1"/>
                </a:solidFill>
                <a:latin typeface="Arial"/>
              </a:defRPr>
            </a:lvl5pPr>
            <a:lvl6pPr defTabSz="815975" fontAlgn="base" marL="2090738">
              <a:spcBef>
                <a:spcPct val="0"/>
              </a:spcBef>
              <a:spcAft>
                <a:spcPct val="0"/>
              </a:spcAft>
              <a:defRPr>
                <a:solidFill>
                  <a:schemeClr val="tx1"/>
                </a:solidFill>
                <a:latin typeface="Arial"/>
              </a:defRPr>
            </a:lvl6pPr>
            <a:lvl7pPr defTabSz="815975" fontAlgn="base" marL="2547938">
              <a:spcBef>
                <a:spcPct val="0"/>
              </a:spcBef>
              <a:spcAft>
                <a:spcPct val="0"/>
              </a:spcAft>
              <a:defRPr>
                <a:solidFill>
                  <a:schemeClr val="tx1"/>
                </a:solidFill>
                <a:latin typeface="Arial"/>
              </a:defRPr>
            </a:lvl7pPr>
            <a:lvl8pPr defTabSz="815975" fontAlgn="base" marL="3005138">
              <a:spcBef>
                <a:spcPct val="0"/>
              </a:spcBef>
              <a:spcAft>
                <a:spcPct val="0"/>
              </a:spcAft>
              <a:defRPr>
                <a:solidFill>
                  <a:schemeClr val="tx1"/>
                </a:solidFill>
                <a:latin typeface="Arial"/>
              </a:defRPr>
            </a:lvl8pPr>
            <a:lvl9pPr defTabSz="815975" fontAlgn="base" marL="3462338">
              <a:spcBef>
                <a:spcPct val="0"/>
              </a:spcBef>
              <a:spcAft>
                <a:spcPct val="0"/>
              </a:spcAft>
              <a:defRPr>
                <a:solidFill>
                  <a:schemeClr val="tx1"/>
                </a:solidFill>
                <a:latin typeface="Arial"/>
              </a:defRPr>
            </a:lvl9pPr>
          </a:lstStyle>
          <a:p>
            <a:pPr defTabSz="914400">
              <a:spcBef>
                <a:spcPct val="50000"/>
              </a:spcBef>
            </a:pPr>
            <a:r>
              <a:rPr altLang="zh-CN" lang="en-US">
                <a:latin charset="-122" panose="020b0503020204020204" pitchFamily="34" typeface="微软雅黑"/>
                <a:ea charset="-122" panose="020b0503020204020204" pitchFamily="34" typeface="微软雅黑"/>
              </a:rPr>
              <a:t>XXX市电网分公司</a:t>
            </a:r>
          </a:p>
        </p:txBody>
      </p:sp>
      <p:sp>
        <p:nvSpPr>
          <p:cNvPr id="43" name="TextBox 42"/>
          <p:cNvSpPr txBox="1"/>
          <p:nvPr/>
        </p:nvSpPr>
        <p:spPr>
          <a:xfrm>
            <a:off x="4359923" y="1273327"/>
            <a:ext cx="4346892" cy="640080"/>
          </a:xfrm>
          <a:prstGeom prst="rect">
            <a:avLst/>
          </a:prstGeom>
          <a:noFill/>
        </p:spPr>
        <p:txBody>
          <a:bodyPr rtlCol="0" wrap="none">
            <a:spAutoFit/>
          </a:bodyPr>
          <a:lstStyle/>
          <a:p>
            <a:r>
              <a:rPr altLang="zh-CN" b="1" lang="en-US" sz="3600">
                <a:latin charset="-122" panose="020b0503020204020204" pitchFamily="34" typeface="微软雅黑"/>
                <a:ea charset="-122" panose="020b0503020204020204" pitchFamily="34" typeface="微软雅黑"/>
              </a:rPr>
              <a:t>POWERPOINT模板</a:t>
            </a:r>
          </a:p>
        </p:txBody>
      </p:sp>
      <p:cxnSp>
        <p:nvCxnSpPr>
          <p:cNvPr id="45" name="直接连接符 44"/>
          <p:cNvCxnSpPr/>
          <p:nvPr/>
        </p:nvCxnSpPr>
        <p:spPr>
          <a:xfrm>
            <a:off x="4426832" y="1981210"/>
            <a:ext cx="4255525" cy="0"/>
          </a:xfrm>
          <a:prstGeom prst="line">
            <a:avLst/>
          </a:prstGeom>
          <a:ln w="28575">
            <a:solidFill>
              <a:srgbClr val="00544A"/>
            </a:solidFill>
          </a:ln>
        </p:spPr>
        <p:style>
          <a:lnRef idx="1">
            <a:schemeClr val="accent1"/>
          </a:lnRef>
          <a:fillRef idx="0">
            <a:schemeClr val="accent1"/>
          </a:fillRef>
          <a:effectRef idx="0">
            <a:schemeClr val="accent1"/>
          </a:effectRef>
          <a:fontRef idx="minor">
            <a:schemeClr val="tx1"/>
          </a:fontRef>
        </p:style>
      </p:cxnSp>
      <p:sp>
        <p:nvSpPr>
          <p:cNvPr id="51" name="TextBox 50"/>
          <p:cNvSpPr txBox="1"/>
          <p:nvPr/>
        </p:nvSpPr>
        <p:spPr>
          <a:xfrm>
            <a:off x="5007994" y="2087483"/>
            <a:ext cx="3180080" cy="396240"/>
          </a:xfrm>
          <a:prstGeom prst="rect">
            <a:avLst/>
          </a:prstGeom>
          <a:noFill/>
        </p:spPr>
        <p:txBody>
          <a:bodyPr rtlCol="0" wrap="none">
            <a:spAutoFit/>
          </a:bodyPr>
          <a:lstStyle/>
          <a:p>
            <a:r>
              <a:rPr altLang="en-US" lang="zh-CN" sz="2000">
                <a:latin charset="-122" panose="020b0503020204020204" pitchFamily="34" typeface="微软雅黑"/>
                <a:ea charset="-122" panose="020b0503020204020204" pitchFamily="34" typeface="微软雅黑"/>
              </a:rPr>
              <a:t>国家电网公司专用PPT模板</a:t>
            </a:r>
          </a:p>
        </p:txBody>
      </p:sp>
      <p:grpSp>
        <p:nvGrpSpPr>
          <p:cNvPr id="54" name="组合 53"/>
          <p:cNvGrpSpPr/>
          <p:nvPr/>
        </p:nvGrpSpPr>
        <p:grpSpPr>
          <a:xfrm>
            <a:off x="0" y="2709834"/>
            <a:ext cx="10160000" cy="3025936"/>
            <a:chOff x="1" y="2709834"/>
            <a:chExt cx="9144001" cy="3025936"/>
          </a:xfrm>
        </p:grpSpPr>
        <p:grpSp>
          <p:nvGrpSpPr>
            <p:cNvPr id="18" name="Group 37"/>
            <p:cNvGrpSpPr/>
            <p:nvPr/>
          </p:nvGrpSpPr>
          <p:grpSpPr>
            <a:xfrm>
              <a:off x="6358825" y="2709834"/>
              <a:ext cx="577666" cy="3025936"/>
              <a:chOff x="1" y="774687"/>
              <a:chExt cx="864093" cy="3113742"/>
            </a:xfrm>
            <a:solidFill>
              <a:srgbClr val="018E7B"/>
            </a:solidFill>
          </p:grpSpPr>
          <p:sp>
            <p:nvSpPr>
              <p:cNvPr id="24" name="任意多边形 215"/>
              <p:cNvSpPr>
                <a:spLocks noChangeArrowheads="1"/>
              </p:cNvSpPr>
              <p:nvPr/>
            </p:nvSpPr>
            <p:spPr bwMode="auto">
              <a:xfrm rot="10800000">
                <a:off x="1" y="774687"/>
                <a:ext cx="864093" cy="3113742"/>
              </a:xfrm>
              <a:custGeom>
                <a:gdLst>
                  <a:gd fmla="*/ 0 w 864096" name="T0"/>
                  <a:gd fmla="*/ 0 h 3113744" name="T1"/>
                  <a:gd fmla="*/ 71616 w 864096" name="T2"/>
                  <a:gd fmla="*/ 500592 h 3113744" name="T3"/>
                  <a:gd fmla="*/ 156960 w 864096" name="T4"/>
                  <a:gd fmla="*/ 866352 h 3113744" name="T5"/>
                  <a:gd fmla="*/ 205728 w 864096" name="T6"/>
                  <a:gd fmla="*/ 1256496 h 3113744" name="T7"/>
                  <a:gd fmla="*/ 242304 w 864096" name="T8"/>
                  <a:gd fmla="*/ 1756368 h 3113744" name="T9"/>
                  <a:gd fmla="*/ 230112 w 864096" name="T10"/>
                  <a:gd fmla="*/ 2463504 h 3113744" name="T11"/>
                  <a:gd fmla="*/ 156960 w 864096" name="T12"/>
                  <a:gd fmla="*/ 3024336 h 3113744" name="T13"/>
                  <a:gd fmla="*/ 720080 w 864096" name="T14"/>
                  <a:gd fmla="*/ 3024336 h 3113744" name="T15"/>
                  <a:gd fmla="*/ 705600 w 864096" name="T16"/>
                  <a:gd fmla="*/ 2695152 h 3113744" name="T17"/>
                  <a:gd fmla="*/ 669024 w 864096" name="T18"/>
                  <a:gd fmla="*/ 2390352 h 3113744" name="T19"/>
                  <a:gd fmla="*/ 644640 w 864096" name="T20"/>
                  <a:gd fmla="*/ 2073360 h 3113744" name="T21"/>
                  <a:gd fmla="*/ 620256 w 864096" name="T22"/>
                  <a:gd fmla="*/ 1744176 h 3113744" name="T23"/>
                  <a:gd fmla="*/ 644640 w 864096" name="T24"/>
                  <a:gd fmla="*/ 1256496 h 3113744" name="T25"/>
                  <a:gd fmla="*/ 693408 w 864096" name="T26"/>
                  <a:gd fmla="*/ 927312 h 3113744" name="T27"/>
                  <a:gd fmla="*/ 778752 w 864096" name="T28"/>
                  <a:gd fmla="*/ 537168 h 3113744" name="T29"/>
                  <a:gd fmla="*/ 864096 w 864096" name="T30"/>
                  <a:gd fmla="*/ 147024 h 3113744" name="T31"/>
                  <a:gd fmla="*/ 864096 w 864096" name="T32"/>
                  <a:gd fmla="*/ 0 h 3113744" name="T33"/>
                  <a:gd fmla="*/ 0 w 864096" name="T34"/>
                  <a:gd fmla="*/ 0 h 3113744" name="T35"/>
                  <a:gd fmla="*/ 0 60000 65536" name="T36"/>
                  <a:gd fmla="*/ 0 60000 65536" name="T37"/>
                  <a:gd fmla="*/ 0 60000 65536" name="T38"/>
                  <a:gd fmla="*/ 0 60000 65536" name="T39"/>
                  <a:gd fmla="*/ 0 60000 65536" name="T40"/>
                  <a:gd fmla="*/ 0 60000 65536" name="T41"/>
                  <a:gd fmla="*/ 0 60000 65536" name="T42"/>
                  <a:gd fmla="*/ 0 60000 65536" name="T43"/>
                  <a:gd fmla="*/ 0 60000 65536" name="T44"/>
                  <a:gd fmla="*/ 0 60000 65536" name="T45"/>
                  <a:gd fmla="*/ 0 60000 65536" name="T46"/>
                  <a:gd fmla="*/ 0 60000 65536" name="T47"/>
                  <a:gd fmla="*/ 0 60000 65536" name="T48"/>
                  <a:gd fmla="*/ 0 60000 65536" name="T49"/>
                  <a:gd fmla="*/ 0 60000 65536" name="T50"/>
                  <a:gd fmla="*/ 0 60000 65536" name="T51"/>
                  <a:gd fmla="*/ 0 60000 65536" name="T52"/>
                  <a:gd fmla="*/ 0 60000 65536" name="T53"/>
                  <a:gd fmla="*/ 0 w 864096" name="T54"/>
                  <a:gd fmla="*/ 0 h 3113744" name="T55"/>
                  <a:gd fmla="*/ 864096 w 864096" name="T56"/>
                  <a:gd fmla="*/ 3113744 h 3113744" name="T57"/>
                </a:gdLst>
                <a:cxnLst>
                  <a:cxn ang="T36">
                    <a:pos x="T0" y="T1"/>
                  </a:cxn>
                  <a:cxn ang="T37">
                    <a:pos x="T2" y="T3"/>
                  </a:cxn>
                  <a:cxn ang="T38">
                    <a:pos x="T4" y="T5"/>
                  </a:cxn>
                  <a:cxn ang="T39">
                    <a:pos x="T6" y="T7"/>
                  </a:cxn>
                  <a:cxn ang="T40">
                    <a:pos x="T8" y="T9"/>
                  </a:cxn>
                  <a:cxn ang="T41">
                    <a:pos x="T10" y="T11"/>
                  </a:cxn>
                  <a:cxn ang="T42">
                    <a:pos x="T12" y="T13"/>
                  </a:cxn>
                  <a:cxn ang="T43">
                    <a:pos x="T14" y="T15"/>
                  </a:cxn>
                  <a:cxn ang="T44">
                    <a:pos x="T16" y="T17"/>
                  </a:cxn>
                  <a:cxn ang="T45">
                    <a:pos x="T18" y="T19"/>
                  </a:cxn>
                  <a:cxn ang="T46">
                    <a:pos x="T20" y="T21"/>
                  </a:cxn>
                  <a:cxn ang="T47">
                    <a:pos x="T22" y="T23"/>
                  </a:cxn>
                  <a:cxn ang="T48">
                    <a:pos x="T24" y="T25"/>
                  </a:cxn>
                  <a:cxn ang="T49">
                    <a:pos x="T26" y="T27"/>
                  </a:cxn>
                  <a:cxn ang="T50">
                    <a:pos x="T28" y="T29"/>
                  </a:cxn>
                  <a:cxn ang="T51">
                    <a:pos x="T30" y="T31"/>
                  </a:cxn>
                  <a:cxn ang="T52">
                    <a:pos x="T32" y="T33"/>
                  </a:cxn>
                  <a:cxn ang="T53">
                    <a:pos x="T34" y="T35"/>
                  </a:cxn>
                </a:cxnLst>
                <a:rect b="T57" l="T54" r="T56" t="T55"/>
                <a:pathLst/>
              </a:cu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5" name="等腰三角形 216"/>
              <p:cNvSpPr>
                <a:spLocks noChangeArrowheads="1"/>
              </p:cNvSpPr>
              <p:nvPr/>
            </p:nvSpPr>
            <p:spPr bwMode="auto">
              <a:xfrm>
                <a:off x="323466" y="1090703"/>
                <a:ext cx="144016" cy="864095"/>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53" name="组合 52"/>
            <p:cNvGrpSpPr/>
            <p:nvPr/>
          </p:nvGrpSpPr>
          <p:grpSpPr>
            <a:xfrm>
              <a:off x="1" y="3068739"/>
              <a:ext cx="9144001" cy="2667029"/>
              <a:chOff x="1" y="3068739"/>
              <a:chExt cx="9144001" cy="2667029"/>
            </a:xfrm>
          </p:grpSpPr>
          <p:sp>
            <p:nvSpPr>
              <p:cNvPr id="5" name="矩形 147"/>
              <p:cNvSpPr>
                <a:spLocks noChangeArrowheads="1"/>
              </p:cNvSpPr>
              <p:nvPr/>
            </p:nvSpPr>
            <p:spPr bwMode="auto">
              <a:xfrm>
                <a:off x="1667819" y="5402326"/>
                <a:ext cx="1074768" cy="254297"/>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6" name="流程图: 手动输入 148"/>
              <p:cNvSpPr>
                <a:spLocks noChangeArrowheads="1"/>
              </p:cNvSpPr>
              <p:nvPr/>
            </p:nvSpPr>
            <p:spPr bwMode="auto">
              <a:xfrm>
                <a:off x="3769989" y="4914626"/>
                <a:ext cx="537385" cy="762886"/>
              </a:xfrm>
              <a:prstGeom prst="flowChartManualInpu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nvGrpSpPr>
              <p:cNvPr id="7" name="Group 9"/>
              <p:cNvGrpSpPr/>
              <p:nvPr/>
            </p:nvGrpSpPr>
            <p:grpSpPr>
              <a:xfrm>
                <a:off x="1159835" y="4639438"/>
                <a:ext cx="307076" cy="1017185"/>
                <a:chExt cx="785817" cy="667926"/>
              </a:xfrm>
              <a:solidFill>
                <a:srgbClr val="018E7B"/>
              </a:solidFill>
            </p:grpSpPr>
            <p:sp>
              <p:nvSpPr>
                <p:cNvPr id="41" name="矩形 192"/>
                <p:cNvSpPr>
                  <a:spLocks noChangeArrowheads="1"/>
                </p:cNvSpPr>
                <p:nvPr/>
              </p:nvSpPr>
              <p:spPr bwMode="auto">
                <a:xfrm>
                  <a:off x="0" y="96446"/>
                  <a:ext cx="785817" cy="57148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42" name="矩形 193"/>
                <p:cNvSpPr>
                  <a:spLocks noChangeArrowheads="1"/>
                </p:cNvSpPr>
                <p:nvPr/>
              </p:nvSpPr>
              <p:spPr bwMode="auto">
                <a:xfrm flipV="1">
                  <a:off x="142882" y="0"/>
                  <a:ext cx="500066" cy="96446"/>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sp>
            <p:nvSpPr>
              <p:cNvPr id="8" name="矩形 150"/>
              <p:cNvSpPr>
                <a:spLocks noChangeArrowheads="1"/>
              </p:cNvSpPr>
              <p:nvPr/>
            </p:nvSpPr>
            <p:spPr bwMode="auto">
              <a:xfrm>
                <a:off x="2905926" y="4490759"/>
                <a:ext cx="153538" cy="1144327"/>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9" name="矩形 188"/>
              <p:cNvSpPr>
                <a:spLocks noChangeArrowheads="1"/>
              </p:cNvSpPr>
              <p:nvPr/>
            </p:nvSpPr>
            <p:spPr bwMode="auto">
              <a:xfrm flipH="1">
                <a:off x="4037843" y="3576465"/>
                <a:ext cx="557040" cy="2133793"/>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nvGrpSpPr>
              <p:cNvPr id="10" name="Group 14"/>
              <p:cNvGrpSpPr/>
              <p:nvPr/>
            </p:nvGrpSpPr>
            <p:grpSpPr>
              <a:xfrm>
                <a:off x="3187074" y="4340301"/>
                <a:ext cx="475193" cy="1395467"/>
                <a:chExt cx="442194" cy="784044"/>
              </a:xfrm>
              <a:solidFill>
                <a:srgbClr val="018E7B"/>
              </a:solidFill>
            </p:grpSpPr>
            <p:sp>
              <p:nvSpPr>
                <p:cNvPr id="38" name="矩形 185"/>
                <p:cNvSpPr>
                  <a:spLocks noChangeArrowheads="1"/>
                </p:cNvSpPr>
                <p:nvPr/>
              </p:nvSpPr>
              <p:spPr bwMode="auto">
                <a:xfrm>
                  <a:off x="0" y="0"/>
                  <a:ext cx="142876" cy="784044"/>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9" name="矩形 186"/>
                <p:cNvSpPr>
                  <a:spLocks noChangeArrowheads="1"/>
                </p:cNvSpPr>
                <p:nvPr/>
              </p:nvSpPr>
              <p:spPr bwMode="auto">
                <a:xfrm>
                  <a:off x="142876" y="61572"/>
                  <a:ext cx="142876" cy="714018"/>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40" name="矩形 187"/>
                <p:cNvSpPr>
                  <a:spLocks noChangeArrowheads="1"/>
                </p:cNvSpPr>
                <p:nvPr/>
              </p:nvSpPr>
              <p:spPr bwMode="auto">
                <a:xfrm>
                  <a:off x="285752" y="133010"/>
                  <a:ext cx="156442" cy="642942"/>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11" name="Group 18"/>
              <p:cNvGrpSpPr/>
              <p:nvPr/>
            </p:nvGrpSpPr>
            <p:grpSpPr>
              <a:xfrm>
                <a:off x="4873401" y="4820219"/>
                <a:ext cx="307076" cy="890036"/>
                <a:chExt cx="785818" cy="667926"/>
              </a:xfrm>
              <a:solidFill>
                <a:srgbClr val="018E7B"/>
              </a:solidFill>
            </p:grpSpPr>
            <p:sp>
              <p:nvSpPr>
                <p:cNvPr id="36" name="矩形 183"/>
                <p:cNvSpPr>
                  <a:spLocks noChangeArrowheads="1"/>
                </p:cNvSpPr>
                <p:nvPr/>
              </p:nvSpPr>
              <p:spPr bwMode="auto">
                <a:xfrm>
                  <a:off x="0" y="96446"/>
                  <a:ext cx="785818" cy="57148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7" name="矩形 184"/>
                <p:cNvSpPr>
                  <a:spLocks noChangeArrowheads="1"/>
                </p:cNvSpPr>
                <p:nvPr/>
              </p:nvSpPr>
              <p:spPr bwMode="auto">
                <a:xfrm flipV="1">
                  <a:off x="142877" y="0"/>
                  <a:ext cx="500066" cy="96446"/>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12" name="Group 21"/>
              <p:cNvGrpSpPr/>
              <p:nvPr/>
            </p:nvGrpSpPr>
            <p:grpSpPr>
              <a:xfrm>
                <a:off x="5228603" y="4639442"/>
                <a:ext cx="383846" cy="1017181"/>
                <a:chExt cx="670074" cy="928694"/>
              </a:xfrm>
              <a:solidFill>
                <a:srgbClr val="018E7B"/>
              </a:solidFill>
            </p:grpSpPr>
            <p:sp>
              <p:nvSpPr>
                <p:cNvPr id="32" name="矩形 179"/>
                <p:cNvSpPr>
                  <a:spLocks noChangeArrowheads="1"/>
                </p:cNvSpPr>
                <p:nvPr/>
              </p:nvSpPr>
              <p:spPr bwMode="auto">
                <a:xfrm>
                  <a:off x="370756" y="0"/>
                  <a:ext cx="142876" cy="92867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3" name="矩形 180"/>
                <p:cNvSpPr>
                  <a:spLocks noChangeArrowheads="1"/>
                </p:cNvSpPr>
                <p:nvPr/>
              </p:nvSpPr>
              <p:spPr bwMode="auto">
                <a:xfrm>
                  <a:off x="156442" y="285752"/>
                  <a:ext cx="156442" cy="642942"/>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4" name="矩形 181"/>
                <p:cNvSpPr>
                  <a:spLocks noChangeArrowheads="1"/>
                </p:cNvSpPr>
                <p:nvPr/>
              </p:nvSpPr>
              <p:spPr bwMode="auto">
                <a:xfrm>
                  <a:off x="513632" y="428628"/>
                  <a:ext cx="156442" cy="500066"/>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5" name="矩形 182"/>
                <p:cNvSpPr>
                  <a:spLocks noChangeArrowheads="1"/>
                </p:cNvSpPr>
                <p:nvPr/>
              </p:nvSpPr>
              <p:spPr bwMode="auto">
                <a:xfrm>
                  <a:off x="0" y="428628"/>
                  <a:ext cx="156442" cy="500066"/>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13" name="Group 26"/>
              <p:cNvGrpSpPr/>
              <p:nvPr/>
            </p:nvGrpSpPr>
            <p:grpSpPr>
              <a:xfrm>
                <a:off x="5689217" y="4337066"/>
                <a:ext cx="307076" cy="1319557"/>
                <a:chExt cx="571504" cy="1170000"/>
              </a:xfrm>
              <a:solidFill>
                <a:srgbClr val="018E7B"/>
              </a:solidFill>
            </p:grpSpPr>
            <p:sp>
              <p:nvSpPr>
                <p:cNvPr id="28" name="矩形 175"/>
                <p:cNvSpPr>
                  <a:spLocks noChangeArrowheads="1"/>
                </p:cNvSpPr>
                <p:nvPr/>
              </p:nvSpPr>
              <p:spPr bwMode="auto">
                <a:xfrm>
                  <a:off x="0" y="169892"/>
                  <a:ext cx="571504" cy="1000108"/>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9" name="矩形 176"/>
                <p:cNvSpPr>
                  <a:spLocks noChangeArrowheads="1"/>
                </p:cNvSpPr>
                <p:nvPr/>
              </p:nvSpPr>
              <p:spPr bwMode="auto">
                <a:xfrm>
                  <a:off x="71438" y="115892"/>
                  <a:ext cx="428628" cy="5400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0" name="矩形 177"/>
                <p:cNvSpPr>
                  <a:spLocks noChangeArrowheads="1"/>
                </p:cNvSpPr>
                <p:nvPr/>
              </p:nvSpPr>
              <p:spPr bwMode="auto">
                <a:xfrm flipH="1">
                  <a:off x="187290" y="54000"/>
                  <a:ext cx="214314" cy="71438"/>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31" name="矩形 178"/>
                <p:cNvSpPr>
                  <a:spLocks noChangeArrowheads="1"/>
                </p:cNvSpPr>
                <p:nvPr/>
              </p:nvSpPr>
              <p:spPr bwMode="auto">
                <a:xfrm flipH="1">
                  <a:off x="115290" y="0"/>
                  <a:ext cx="357190" cy="71438"/>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nvGrpSpPr>
              <p:cNvPr id="14" name="Group 31"/>
              <p:cNvGrpSpPr/>
              <p:nvPr/>
            </p:nvGrpSpPr>
            <p:grpSpPr>
              <a:xfrm>
                <a:off x="7495467" y="3772938"/>
                <a:ext cx="460617" cy="1898089"/>
                <a:chExt cx="571505" cy="1137540"/>
              </a:xfrm>
              <a:solidFill>
                <a:srgbClr val="018E7B"/>
              </a:solidFill>
            </p:grpSpPr>
            <p:sp>
              <p:nvSpPr>
                <p:cNvPr id="26" name="矩形 173"/>
                <p:cNvSpPr>
                  <a:spLocks noChangeArrowheads="1"/>
                </p:cNvSpPr>
                <p:nvPr/>
              </p:nvSpPr>
              <p:spPr bwMode="auto">
                <a:xfrm>
                  <a:off x="0" y="0"/>
                  <a:ext cx="428628" cy="113754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7" name="矩形 174"/>
                <p:cNvSpPr>
                  <a:spLocks noChangeArrowheads="1"/>
                </p:cNvSpPr>
                <p:nvPr/>
              </p:nvSpPr>
              <p:spPr bwMode="auto">
                <a:xfrm>
                  <a:off x="285753" y="60914"/>
                  <a:ext cx="285752" cy="1071570"/>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sp>
            <p:nvSpPr>
              <p:cNvPr id="15" name="Rectangle 5"/>
              <p:cNvSpPr>
                <a:spLocks noChangeArrowheads="1"/>
              </p:cNvSpPr>
              <p:nvPr/>
            </p:nvSpPr>
            <p:spPr bwMode="auto">
              <a:xfrm flipV="1">
                <a:off x="1" y="5635087"/>
                <a:ext cx="9144001" cy="100679"/>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0" panose="020f0502020204030204" pitchFamily="34" typeface="Calibri"/>
                </a:endParaRPr>
              </a:p>
            </p:txBody>
          </p:sp>
          <p:sp>
            <p:nvSpPr>
              <p:cNvPr id="16" name="等腰三角形 144"/>
              <p:cNvSpPr>
                <a:spLocks noChangeArrowheads="1"/>
              </p:cNvSpPr>
              <p:nvPr/>
            </p:nvSpPr>
            <p:spPr bwMode="auto">
              <a:xfrm>
                <a:off x="7545838" y="3068739"/>
                <a:ext cx="271460" cy="795060"/>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17" name="等腰三角形 145"/>
              <p:cNvSpPr>
                <a:spLocks noChangeArrowheads="1"/>
              </p:cNvSpPr>
              <p:nvPr/>
            </p:nvSpPr>
            <p:spPr bwMode="auto">
              <a:xfrm>
                <a:off x="3192764" y="3769151"/>
                <a:ext cx="77788" cy="527936"/>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19" name="矩形 218"/>
              <p:cNvSpPr>
                <a:spLocks noChangeArrowheads="1"/>
              </p:cNvSpPr>
              <p:nvPr/>
            </p:nvSpPr>
            <p:spPr bwMode="auto">
              <a:xfrm>
                <a:off x="8169845" y="4242547"/>
                <a:ext cx="521728" cy="1493221"/>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0" name="矩形 219"/>
              <p:cNvSpPr>
                <a:spLocks noChangeArrowheads="1"/>
              </p:cNvSpPr>
              <p:nvPr/>
            </p:nvSpPr>
            <p:spPr bwMode="auto">
              <a:xfrm>
                <a:off x="8679804" y="4521160"/>
                <a:ext cx="278517" cy="1207972"/>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1" name="等腰三角形 220"/>
              <p:cNvSpPr>
                <a:spLocks noChangeArrowheads="1"/>
              </p:cNvSpPr>
              <p:nvPr/>
            </p:nvSpPr>
            <p:spPr bwMode="auto">
              <a:xfrm>
                <a:off x="4145732" y="3171597"/>
                <a:ext cx="77788" cy="527936"/>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2" name="等腰三角形 221"/>
              <p:cNvSpPr>
                <a:spLocks noChangeArrowheads="1"/>
              </p:cNvSpPr>
              <p:nvPr/>
            </p:nvSpPr>
            <p:spPr bwMode="auto">
              <a:xfrm>
                <a:off x="4424242" y="3171597"/>
                <a:ext cx="77788" cy="527936"/>
              </a:xfrm>
              <a:prstGeom prst="triangle">
                <a:avLst>
                  <a:gd fmla="val 50000" name="adj"/>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sp>
            <p:nvSpPr>
              <p:cNvPr id="23" name="直接连接符 223"/>
              <p:cNvSpPr>
                <a:spLocks noChangeShapeType="1"/>
              </p:cNvSpPr>
              <p:nvPr/>
            </p:nvSpPr>
            <p:spPr bwMode="auto">
              <a:xfrm>
                <a:off x="4165174" y="3299417"/>
                <a:ext cx="317411" cy="2"/>
              </a:xfrm>
              <a:prstGeom prst="line">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en-US" lang="zh-CN">
                  <a:solidFill>
                    <a:srgbClr val="FFFFFF"/>
                  </a:solidFill>
                  <a:latin charset="-122" panose="02010600030101010101" pitchFamily="2" typeface="宋体"/>
                </a:endParaRPr>
              </a:p>
            </p:txBody>
          </p:sp>
          <p:sp>
            <p:nvSpPr>
              <p:cNvPr id="57" name="矩形 218"/>
              <p:cNvSpPr>
                <a:spLocks noChangeArrowheads="1"/>
              </p:cNvSpPr>
              <p:nvPr/>
            </p:nvSpPr>
            <p:spPr bwMode="auto">
              <a:xfrm>
                <a:off x="6386794" y="4169370"/>
                <a:ext cx="521728" cy="1493221"/>
              </a:xfrm>
              <a:prstGeom prst="rect">
                <a:avLst/>
              </a:prstGeom>
              <a:solidFill>
                <a:srgbClr val="00544A"/>
              </a:solidFill>
              <a:ln>
                <a:noFill/>
              </a:ln>
              <a:extLst>
                <a:ext uri="{91240B29-F687-4F45-9708-019B960494DF}">
                  <a14:hiddenLine cap="flat" cmpd="sng" w="25400">
                    <a:solidFill>
                      <a:srgbClr val="395E8A"/>
                    </a:solidFill>
                    <a:miter lim="800000"/>
                    <a:headEnd/>
                    <a:tailEnd/>
                  </a14:hiddenLine>
                </a:ext>
              </a:extLst>
            </p:spPr>
            <p:txBody>
              <a:bodyPr anchor="ctr"/>
              <a:lstStyle/>
              <a:p>
                <a:pPr algn="ctr"/>
                <a:endParaRPr altLang="zh-CN" lang="zh-CN">
                  <a:solidFill>
                    <a:srgbClr val="FFFFFF"/>
                  </a:solidFill>
                  <a:latin charset="-122" panose="02010600030101010101" pitchFamily="2" typeface="宋体"/>
                  <a:sym charset="-122" panose="02010600030101010101" pitchFamily="2" typeface="宋体"/>
                </a:endParaRPr>
              </a:p>
            </p:txBody>
          </p:sp>
        </p:grpSp>
      </p:grpSp>
    </p:spTree>
    <p:extLst>
      <p:ext uri="{BB962C8B-B14F-4D97-AF65-F5344CB8AC3E}">
        <p14:creationId val="4251162697"/>
      </p:ext>
    </p:extLst>
  </p:cSld>
  <p:clrMapOvr>
    <a:masterClrMapping/>
  </p:clrMapOvr>
  <mc:AlternateContent>
    <mc:Choice Requires="p14">
      <p:transition advClick="0" advTm="7000" p14:dur="2000" spd="slow"/>
    </mc:Choice>
    <mc:Fallback>
      <p:transition advClick="0" advTm="7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22" presetSubtype="4">
                                  <p:stCondLst>
                                    <p:cond delay="0"/>
                                  </p:stCondLst>
                                  <p:childTnLst>
                                    <p:set>
                                      <p:cBhvr>
                                        <p:cTn dur="1" fill="hold" id="6">
                                          <p:stCondLst>
                                            <p:cond delay="0"/>
                                          </p:stCondLst>
                                        </p:cTn>
                                        <p:tgtEl>
                                          <p:spTgt spid="54"/>
                                        </p:tgtEl>
                                        <p:attrNameLst>
                                          <p:attrName>style.visibility</p:attrName>
                                        </p:attrNameLst>
                                      </p:cBhvr>
                                      <p:to>
                                        <p:strVal val="visible"/>
                                      </p:to>
                                    </p:set>
                                    <p:animEffect filter="wipe(down)" transition="in">
                                      <p:cBhvr>
                                        <p:cTn dur="1000" id="7"/>
                                        <p:tgtEl>
                                          <p:spTgt spid="54"/>
                                        </p:tgtEl>
                                      </p:cBhvr>
                                    </p:animEffect>
                                  </p:childTnLst>
                                </p:cTn>
                              </p:par>
                            </p:childTnLst>
                          </p:cTn>
                        </p:par>
                        <p:par>
                          <p:cTn fill="hold" id="8" nodeType="afterGroup">
                            <p:stCondLst>
                              <p:cond delay="1000"/>
                            </p:stCondLst>
                            <p:childTnLst>
                              <p:par>
                                <p:cTn fill="hold" id="9" nodeType="afterEffect" presetClass="entr" presetID="23" presetSubtype="32">
                                  <p:stCondLst>
                                    <p:cond delay="0"/>
                                  </p:stCondLst>
                                  <p:childTnLst>
                                    <p:set>
                                      <p:cBhvr>
                                        <p:cTn dur="1" fill="hold" id="10">
                                          <p:stCondLst>
                                            <p:cond delay="0"/>
                                          </p:stCondLst>
                                        </p:cTn>
                                        <p:tgtEl>
                                          <p:spTgt spid="1027"/>
                                        </p:tgtEl>
                                        <p:attrNameLst>
                                          <p:attrName>style.visibility</p:attrName>
                                        </p:attrNameLst>
                                      </p:cBhvr>
                                      <p:to>
                                        <p:strVal val="visible"/>
                                      </p:to>
                                    </p:set>
                                    <p:anim calcmode="lin" valueType="num">
                                      <p:cBhvr>
                                        <p:cTn dur="1000" fill="hold" id="11"/>
                                        <p:tgtEl>
                                          <p:spTgt spid="1027"/>
                                        </p:tgtEl>
                                        <p:attrNameLst>
                                          <p:attrName>ppt_w</p:attrName>
                                        </p:attrNameLst>
                                      </p:cBhvr>
                                      <p:tavLst>
                                        <p:tav tm="0">
                                          <p:val>
                                            <p:strVal val="4*#ppt_w"/>
                                          </p:val>
                                        </p:tav>
                                        <p:tav tm="100000">
                                          <p:val>
                                            <p:strVal val="#ppt_w"/>
                                          </p:val>
                                        </p:tav>
                                      </p:tavLst>
                                    </p:anim>
                                    <p:anim calcmode="lin" valueType="num">
                                      <p:cBhvr>
                                        <p:cTn dur="1000" fill="hold" id="12"/>
                                        <p:tgtEl>
                                          <p:spTgt spid="1027"/>
                                        </p:tgtEl>
                                        <p:attrNameLst>
                                          <p:attrName>ppt_h</p:attrName>
                                        </p:attrNameLst>
                                      </p:cBhvr>
                                      <p:tavLst>
                                        <p:tav tm="0">
                                          <p:val>
                                            <p:strVal val="4*#ppt_h"/>
                                          </p:val>
                                        </p:tav>
                                        <p:tav tm="100000">
                                          <p:val>
                                            <p:strVal val="#ppt_h"/>
                                          </p:val>
                                        </p:tav>
                                      </p:tavLst>
                                    </p:anim>
                                  </p:childTnLst>
                                </p:cTn>
                              </p:par>
                            </p:childTnLst>
                          </p:cTn>
                        </p:par>
                        <p:par>
                          <p:cTn fill="hold" id="13" nodeType="afterGroup">
                            <p:stCondLst>
                              <p:cond delay="2000"/>
                            </p:stCondLst>
                            <p:childTnLst>
                              <p:par>
                                <p:cTn fill="hold" grpId="0" id="14" nodeType="afterEffect" presetClass="entr" presetID="41" presetSubtype="0">
                                  <p:stCondLst>
                                    <p:cond delay="0"/>
                                  </p:stCondLst>
                                  <p:iterate type="lt">
                                    <p:tmPct val="10000"/>
                                  </p:iterate>
                                  <p:childTnLst>
                                    <p:set>
                                      <p:cBhvr>
                                        <p:cTn dur="1" fill="hold" id="15">
                                          <p:stCondLst>
                                            <p:cond delay="0"/>
                                          </p:stCondLst>
                                        </p:cTn>
                                        <p:tgtEl>
                                          <p:spTgt spid="43"/>
                                        </p:tgtEl>
                                        <p:attrNameLst>
                                          <p:attrName>style.visibility</p:attrName>
                                        </p:attrNameLst>
                                      </p:cBhvr>
                                      <p:to>
                                        <p:strVal val="visible"/>
                                      </p:to>
                                    </p:set>
                                    <p:anim calcmode="lin" valueType="num">
                                      <p:cBhvr>
                                        <p:cTn dur="500" fill="hold" id="16"/>
                                        <p:tgtEl>
                                          <p:spTgt spid="43"/>
                                        </p:tgtEl>
                                        <p:attrNameLst>
                                          <p:attrName>ppt_x</p:attrName>
                                        </p:attrNameLst>
                                      </p:cBhvr>
                                      <p:tavLst>
                                        <p:tav tm="0">
                                          <p:val>
                                            <p:strVal val="#ppt_x"/>
                                          </p:val>
                                        </p:tav>
                                        <p:tav tm="50000">
                                          <p:val>
                                            <p:strVal val="#ppt_x+.1"/>
                                          </p:val>
                                        </p:tav>
                                        <p:tav tm="100000">
                                          <p:val>
                                            <p:strVal val="#ppt_x"/>
                                          </p:val>
                                        </p:tav>
                                      </p:tavLst>
                                    </p:anim>
                                    <p:anim calcmode="lin" valueType="num">
                                      <p:cBhvr>
                                        <p:cTn dur="500" fill="hold" id="17"/>
                                        <p:tgtEl>
                                          <p:spTgt spid="43"/>
                                        </p:tgtEl>
                                        <p:attrNameLst>
                                          <p:attrName>ppt_y</p:attrName>
                                        </p:attrNameLst>
                                      </p:cBhvr>
                                      <p:tavLst>
                                        <p:tav tm="0">
                                          <p:val>
                                            <p:strVal val="#ppt_y"/>
                                          </p:val>
                                        </p:tav>
                                        <p:tav tm="100000">
                                          <p:val>
                                            <p:strVal val="#ppt_y"/>
                                          </p:val>
                                        </p:tav>
                                      </p:tavLst>
                                    </p:anim>
                                    <p:anim calcmode="lin" valueType="num">
                                      <p:cBhvr>
                                        <p:cTn dur="500" fill="hold" id="18"/>
                                        <p:tgtEl>
                                          <p:spTgt spid="43"/>
                                        </p:tgtEl>
                                        <p:attrNameLst>
                                          <p:attrName>ppt_h</p:attrName>
                                        </p:attrNameLst>
                                      </p:cBhvr>
                                      <p:tavLst>
                                        <p:tav tm="0">
                                          <p:val>
                                            <p:strVal val="#ppt_h/10"/>
                                          </p:val>
                                        </p:tav>
                                        <p:tav tm="50000">
                                          <p:val>
                                            <p:strVal val="#ppt_h+.01"/>
                                          </p:val>
                                        </p:tav>
                                        <p:tav tm="100000">
                                          <p:val>
                                            <p:strVal val="#ppt_h"/>
                                          </p:val>
                                        </p:tav>
                                      </p:tavLst>
                                    </p:anim>
                                    <p:anim calcmode="lin" valueType="num">
                                      <p:cBhvr>
                                        <p:cTn dur="500" fill="hold" id="19"/>
                                        <p:tgtEl>
                                          <p:spTgt spid="43"/>
                                        </p:tgtEl>
                                        <p:attrNameLst>
                                          <p:attrName>ppt_w</p:attrName>
                                        </p:attrNameLst>
                                      </p:cBhvr>
                                      <p:tavLst>
                                        <p:tav tm="0">
                                          <p:val>
                                            <p:strVal val="#ppt_w/10"/>
                                          </p:val>
                                        </p:tav>
                                        <p:tav tm="50000">
                                          <p:val>
                                            <p:strVal val="#ppt_w+.01"/>
                                          </p:val>
                                        </p:tav>
                                        <p:tav tm="100000">
                                          <p:val>
                                            <p:strVal val="#ppt_w"/>
                                          </p:val>
                                        </p:tav>
                                      </p:tavLst>
                                    </p:anim>
                                    <p:animEffect filter="fade" transition="in">
                                      <p:cBhvr>
                                        <p:cTn dur="500" id="20" tmFilter="0,0; .5, 1; 1, 1"/>
                                        <p:tgtEl>
                                          <p:spTgt spid="43"/>
                                        </p:tgtEl>
                                      </p:cBhvr>
                                    </p:animEffect>
                                  </p:childTnLst>
                                </p:cTn>
                              </p:par>
                            </p:childTnLst>
                          </p:cTn>
                        </p:par>
                        <p:par>
                          <p:cTn fill="hold" id="21" nodeType="afterGroup">
                            <p:stCondLst>
                              <p:cond delay="2500"/>
                            </p:stCondLst>
                            <p:childTnLst>
                              <p:par>
                                <p:cTn fill="hold" id="22" nodeType="afterEffect" presetClass="entr" presetID="22" presetSubtype="8">
                                  <p:stCondLst>
                                    <p:cond delay="0"/>
                                  </p:stCondLst>
                                  <p:childTnLst>
                                    <p:set>
                                      <p:cBhvr>
                                        <p:cTn dur="1" fill="hold" id="23">
                                          <p:stCondLst>
                                            <p:cond delay="0"/>
                                          </p:stCondLst>
                                        </p:cTn>
                                        <p:tgtEl>
                                          <p:spTgt spid="45"/>
                                        </p:tgtEl>
                                        <p:attrNameLst>
                                          <p:attrName>style.visibility</p:attrName>
                                        </p:attrNameLst>
                                      </p:cBhvr>
                                      <p:to>
                                        <p:strVal val="visible"/>
                                      </p:to>
                                    </p:set>
                                    <p:animEffect filter="wipe(left)" transition="in">
                                      <p:cBhvr>
                                        <p:cTn dur="500" id="24"/>
                                        <p:tgtEl>
                                          <p:spTgt spid="45"/>
                                        </p:tgtEl>
                                      </p:cBhvr>
                                    </p:animEffect>
                                  </p:childTnLst>
                                </p:cTn>
                              </p:par>
                            </p:childTnLst>
                          </p:cTn>
                        </p:par>
                        <p:par>
                          <p:cTn fill="hold" id="25" nodeType="afterGroup">
                            <p:stCondLst>
                              <p:cond delay="3000"/>
                            </p:stCondLst>
                            <p:childTnLst>
                              <p:par>
                                <p:cTn fill="hold" grpId="0" id="26" nodeType="afterEffect" presetClass="entr" presetID="31" presetSubtype="0">
                                  <p:stCondLst>
                                    <p:cond delay="0"/>
                                  </p:stCondLst>
                                  <p:childTnLst>
                                    <p:set>
                                      <p:cBhvr>
                                        <p:cTn dur="1" fill="hold" id="27">
                                          <p:stCondLst>
                                            <p:cond delay="0"/>
                                          </p:stCondLst>
                                        </p:cTn>
                                        <p:tgtEl>
                                          <p:spTgt spid="51"/>
                                        </p:tgtEl>
                                        <p:attrNameLst>
                                          <p:attrName>style.visibility</p:attrName>
                                        </p:attrNameLst>
                                      </p:cBhvr>
                                      <p:to>
                                        <p:strVal val="visible"/>
                                      </p:to>
                                    </p:set>
                                    <p:anim calcmode="lin" valueType="num">
                                      <p:cBhvr>
                                        <p:cTn dur="1000" fill="hold" id="28"/>
                                        <p:tgtEl>
                                          <p:spTgt spid="51"/>
                                        </p:tgtEl>
                                        <p:attrNameLst>
                                          <p:attrName>ppt_w</p:attrName>
                                        </p:attrNameLst>
                                      </p:cBhvr>
                                      <p:tavLst>
                                        <p:tav tm="0">
                                          <p:val>
                                            <p:fltVal val="0"/>
                                          </p:val>
                                        </p:tav>
                                        <p:tav tm="100000">
                                          <p:val>
                                            <p:strVal val="#ppt_w"/>
                                          </p:val>
                                        </p:tav>
                                      </p:tavLst>
                                    </p:anim>
                                    <p:anim calcmode="lin" valueType="num">
                                      <p:cBhvr>
                                        <p:cTn dur="1000" fill="hold" id="29"/>
                                        <p:tgtEl>
                                          <p:spTgt spid="51"/>
                                        </p:tgtEl>
                                        <p:attrNameLst>
                                          <p:attrName>ppt_h</p:attrName>
                                        </p:attrNameLst>
                                      </p:cBhvr>
                                      <p:tavLst>
                                        <p:tav tm="0">
                                          <p:val>
                                            <p:fltVal val="0"/>
                                          </p:val>
                                        </p:tav>
                                        <p:tav tm="100000">
                                          <p:val>
                                            <p:strVal val="#ppt_h"/>
                                          </p:val>
                                        </p:tav>
                                      </p:tavLst>
                                    </p:anim>
                                    <p:anim calcmode="lin" valueType="num">
                                      <p:cBhvr>
                                        <p:cTn dur="1000" fill="hold" id="30"/>
                                        <p:tgtEl>
                                          <p:spTgt spid="51"/>
                                        </p:tgtEl>
                                        <p:attrNameLst>
                                          <p:attrName>style.rotation</p:attrName>
                                        </p:attrNameLst>
                                      </p:cBhvr>
                                      <p:tavLst>
                                        <p:tav tm="0">
                                          <p:val>
                                            <p:fltVal val="90"/>
                                          </p:val>
                                        </p:tav>
                                        <p:tav tm="100000">
                                          <p:val>
                                            <p:fltVal val="0"/>
                                          </p:val>
                                        </p:tav>
                                      </p:tavLst>
                                    </p:anim>
                                    <p:animEffect filter="fade" transition="in">
                                      <p:cBhvr>
                                        <p:cTn dur="1000" id="31"/>
                                        <p:tgtEl>
                                          <p:spTgt spid="51"/>
                                        </p:tgtEl>
                                      </p:cBhvr>
                                    </p:animEffect>
                                  </p:childTnLst>
                                </p:cTn>
                              </p:par>
                            </p:childTnLst>
                          </p:cTn>
                        </p:par>
                        <p:par>
                          <p:cTn fill="hold" id="32" nodeType="afterGroup">
                            <p:stCondLst>
                              <p:cond delay="4000"/>
                            </p:stCondLst>
                            <p:childTnLst>
                              <p:par>
                                <p:cTn fill="hold" grpId="0" id="33" nodeType="afterEffect" presetClass="entr" presetID="47" presetSubtype="0">
                                  <p:stCondLst>
                                    <p:cond delay="0"/>
                                  </p:stCondLst>
                                  <p:childTnLst>
                                    <p:set>
                                      <p:cBhvr>
                                        <p:cTn dur="1" fill="hold" id="34">
                                          <p:stCondLst>
                                            <p:cond delay="0"/>
                                          </p:stCondLst>
                                        </p:cTn>
                                        <p:tgtEl>
                                          <p:spTgt spid="46"/>
                                        </p:tgtEl>
                                        <p:attrNameLst>
                                          <p:attrName>style.visibility</p:attrName>
                                        </p:attrNameLst>
                                      </p:cBhvr>
                                      <p:to>
                                        <p:strVal val="visible"/>
                                      </p:to>
                                    </p:set>
                                    <p:animEffect filter="fade" transition="in">
                                      <p:cBhvr>
                                        <p:cTn dur="1000" id="35"/>
                                        <p:tgtEl>
                                          <p:spTgt spid="46"/>
                                        </p:tgtEl>
                                      </p:cBhvr>
                                    </p:animEffect>
                                    <p:anim calcmode="lin" valueType="num">
                                      <p:cBhvr>
                                        <p:cTn dur="1000" fill="hold" id="36"/>
                                        <p:tgtEl>
                                          <p:spTgt spid="46"/>
                                        </p:tgtEl>
                                        <p:attrNameLst>
                                          <p:attrName>ppt_x</p:attrName>
                                        </p:attrNameLst>
                                      </p:cBhvr>
                                      <p:tavLst>
                                        <p:tav tm="0">
                                          <p:val>
                                            <p:strVal val="#ppt_x"/>
                                          </p:val>
                                        </p:tav>
                                        <p:tav tm="100000">
                                          <p:val>
                                            <p:strVal val="#ppt_x"/>
                                          </p:val>
                                        </p:tav>
                                      </p:tavLst>
                                    </p:anim>
                                    <p:anim calcmode="lin" valueType="num">
                                      <p:cBhvr>
                                        <p:cTn dur="1000" fill="hold" id="37"/>
                                        <p:tgtEl>
                                          <p:spTgt spid="46"/>
                                        </p:tgtEl>
                                        <p:attrNameLst>
                                          <p:attrName>ppt_y</p:attrName>
                                        </p:attrNameLst>
                                      </p:cBhvr>
                                      <p:tavLst>
                                        <p:tav tm="0">
                                          <p:val>
                                            <p:strVal val="#ppt_y-.1"/>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46"/>
      <p:bldP grpId="0" spid="43"/>
      <p:bldP grpId="0" spid="51"/>
    </p:bldLst>
  </p:timing>
</p:sld>
</file>

<file path=ppt/slides/slide4.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cxnSp>
        <p:nvCxnSpPr>
          <p:cNvPr id="2" name="直接箭头连接符 1"/>
          <p:cNvCxnSpPr/>
          <p:nvPr/>
        </p:nvCxnSpPr>
        <p:spPr>
          <a:xfrm>
            <a:off x="3631384" y="2235486"/>
            <a:ext cx="557170" cy="940098"/>
          </a:xfrm>
          <a:prstGeom prst="straightConnector1">
            <a:avLst/>
          </a:prstGeom>
          <a:ln w="19050">
            <a:solidFill>
              <a:schemeClr val="tx1">
                <a:lumMod val="65000"/>
                <a:lumOff val="35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3" name="组合 2"/>
          <p:cNvGrpSpPr/>
          <p:nvPr/>
        </p:nvGrpSpPr>
        <p:grpSpPr>
          <a:xfrm>
            <a:off x="975547" y="2206677"/>
            <a:ext cx="2055411" cy="2055411"/>
            <a:chOff x="2312461" y="2396703"/>
            <a:chExt cx="2229394" cy="2229394"/>
          </a:xfrm>
          <a:solidFill>
            <a:srgbClr val="00544A"/>
          </a:solidFill>
        </p:grpSpPr>
        <p:sp>
          <p:nvSpPr>
            <p:cNvPr id="4" name="任意多边形 3"/>
            <p:cNvSpPr/>
            <p:nvPr/>
          </p:nvSpPr>
          <p:spPr>
            <a:xfrm>
              <a:off x="2560655" y="2644897"/>
              <a:ext cx="1733006" cy="1733006"/>
            </a:xfrm>
            <a:custGeom>
              <a:gdLst>
                <a:gd fmla="*/ 866503 w 1733006" name="connsiteX0"/>
                <a:gd fmla="*/ 0 h 1733006" name="connsiteY0"/>
                <a:gd fmla="*/ 1733006 w 1733006" name="connsiteX1"/>
                <a:gd fmla="*/ 866503 h 1733006" name="connsiteY1"/>
                <a:gd fmla="*/ 866503 w 1733006" name="connsiteX2"/>
                <a:gd fmla="*/ 1733006 h 1733006" name="connsiteY2"/>
                <a:gd fmla="*/ 0 w 1733006" name="connsiteX3"/>
                <a:gd fmla="*/ 866503 h 1733006" name="connsiteY3"/>
                <a:gd fmla="*/ 866503 w 1733006" name="connsiteX4"/>
                <a:gd fmla="*/ 0 h 1733006" name="connsiteY4"/>
                <a:gd fmla="*/ 866503 w 1733006" name="connsiteX5"/>
                <a:gd fmla="*/ 282268 h 1733006" name="connsiteY5"/>
                <a:gd fmla="*/ 282268 w 1733006" name="connsiteX6"/>
                <a:gd fmla="*/ 866503 h 1733006" name="connsiteY6"/>
                <a:gd fmla="*/ 866503 w 1733006" name="connsiteX7"/>
                <a:gd fmla="*/ 1450738 h 1733006" name="connsiteY7"/>
                <a:gd fmla="*/ 1450738 w 1733006" name="connsiteX8"/>
                <a:gd fmla="*/ 866503 h 1733006" name="connsiteY8"/>
                <a:gd fmla="*/ 866503 w 1733006" name="connsiteX9"/>
                <a:gd fmla="*/ 282268 h 1733006" name="connsiteY9"/>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b="b" l="l" r="r" t="t"/>
              <a:pathLst>
                <a:path h="1733005" w="1733005">
                  <a:moveTo>
                    <a:pt x="866503" y="0"/>
                  </a:moveTo>
                  <a:cubicBezTo>
                    <a:pt x="1345059" y="0"/>
                    <a:pt x="1733006" y="387947"/>
                    <a:pt x="1733006" y="866503"/>
                  </a:cubicBezTo>
                  <a:cubicBezTo>
                    <a:pt x="1733006" y="1345059"/>
                    <a:pt x="1345059" y="1733006"/>
                    <a:pt x="866503" y="1733006"/>
                  </a:cubicBezTo>
                  <a:cubicBezTo>
                    <a:pt x="387947" y="1733006"/>
                    <a:pt x="0" y="1345059"/>
                    <a:pt x="0" y="866503"/>
                  </a:cubicBezTo>
                  <a:cubicBezTo>
                    <a:pt x="0" y="387947"/>
                    <a:pt x="387947" y="0"/>
                    <a:pt x="866503" y="0"/>
                  </a:cubicBezTo>
                  <a:close/>
                  <a:moveTo>
                    <a:pt x="866503" y="282268"/>
                  </a:moveTo>
                  <a:cubicBezTo>
                    <a:pt x="543839" y="282268"/>
                    <a:pt x="282268" y="543839"/>
                    <a:pt x="282268" y="866503"/>
                  </a:cubicBezTo>
                  <a:cubicBezTo>
                    <a:pt x="282268" y="1189167"/>
                    <a:pt x="543839" y="1450738"/>
                    <a:pt x="866503" y="1450738"/>
                  </a:cubicBezTo>
                  <a:cubicBezTo>
                    <a:pt x="1189167" y="1450738"/>
                    <a:pt x="1450738" y="1189167"/>
                    <a:pt x="1450738" y="866503"/>
                  </a:cubicBezTo>
                  <a:cubicBezTo>
                    <a:pt x="1450738" y="543839"/>
                    <a:pt x="1189167" y="282268"/>
                    <a:pt x="866503" y="282268"/>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5" name="任意多边形 4"/>
            <p:cNvSpPr/>
            <p:nvPr/>
          </p:nvSpPr>
          <p:spPr>
            <a:xfrm>
              <a:off x="2312461" y="2396703"/>
              <a:ext cx="2229394" cy="2229394"/>
            </a:xfrm>
            <a:custGeom>
              <a:gdLst>
                <a:gd fmla="*/ 1114697 w 2229394" name="connsiteX0"/>
                <a:gd fmla="*/ 0 h 2229394" name="connsiteY0"/>
                <a:gd fmla="*/ 2229394 w 2229394" name="connsiteX1"/>
                <a:gd fmla="*/ 1114697 h 2229394" name="connsiteY1"/>
                <a:gd fmla="*/ 1114697 w 2229394" name="connsiteX2"/>
                <a:gd fmla="*/ 2229394 h 2229394" name="connsiteY2"/>
                <a:gd fmla="*/ 0 w 2229394" name="connsiteX3"/>
                <a:gd fmla="*/ 1114697 h 2229394" name="connsiteY3"/>
                <a:gd fmla="*/ 1114697 w 2229394" name="connsiteX4"/>
                <a:gd fmla="*/ 0 h 2229394" name="connsiteY4"/>
                <a:gd fmla="*/ 1114697 w 2229394" name="connsiteX5"/>
                <a:gd fmla="*/ 49947 h 2229394" name="connsiteY5"/>
                <a:gd fmla="*/ 49947 w 2229394" name="connsiteX6"/>
                <a:gd fmla="*/ 1114697 h 2229394" name="connsiteY6"/>
                <a:gd fmla="*/ 1114697 w 2229394" name="connsiteX7"/>
                <a:gd fmla="*/ 2179447 h 2229394" name="connsiteY7"/>
                <a:gd fmla="*/ 2179447 w 2229394" name="connsiteX8"/>
                <a:gd fmla="*/ 1114697 h 2229394" name="connsiteY8"/>
                <a:gd fmla="*/ 1114697 w 2229394" name="connsiteX9"/>
                <a:gd fmla="*/ 49947 h 2229394" name="connsiteY9"/>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b="b" l="l" r="r" t="t"/>
              <a:pathLst>
                <a:path h="2229394" w="2229394">
                  <a:moveTo>
                    <a:pt x="1114697" y="0"/>
                  </a:moveTo>
                  <a:cubicBezTo>
                    <a:pt x="1730327" y="0"/>
                    <a:pt x="2229394" y="499067"/>
                    <a:pt x="2229394" y="1114697"/>
                  </a:cubicBezTo>
                  <a:cubicBezTo>
                    <a:pt x="2229394" y="1730327"/>
                    <a:pt x="1730327" y="2229394"/>
                    <a:pt x="1114697" y="2229394"/>
                  </a:cubicBezTo>
                  <a:cubicBezTo>
                    <a:pt x="499067" y="2229394"/>
                    <a:pt x="0" y="1730327"/>
                    <a:pt x="0" y="1114697"/>
                  </a:cubicBezTo>
                  <a:cubicBezTo>
                    <a:pt x="0" y="499067"/>
                    <a:pt x="499067" y="0"/>
                    <a:pt x="1114697" y="0"/>
                  </a:cubicBezTo>
                  <a:close/>
                  <a:moveTo>
                    <a:pt x="1114697" y="49947"/>
                  </a:moveTo>
                  <a:cubicBezTo>
                    <a:pt x="526652" y="49947"/>
                    <a:pt x="49947" y="526652"/>
                    <a:pt x="49947" y="1114697"/>
                  </a:cubicBezTo>
                  <a:cubicBezTo>
                    <a:pt x="49947" y="1702742"/>
                    <a:pt x="526652" y="2179447"/>
                    <a:pt x="1114697" y="2179447"/>
                  </a:cubicBezTo>
                  <a:cubicBezTo>
                    <a:pt x="1702742" y="2179447"/>
                    <a:pt x="2179447" y="1702742"/>
                    <a:pt x="2179447" y="1114697"/>
                  </a:cubicBezTo>
                  <a:cubicBezTo>
                    <a:pt x="2179447" y="526652"/>
                    <a:pt x="1702742" y="49947"/>
                    <a:pt x="1114697" y="49947"/>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6" name="椭圆 5"/>
            <p:cNvSpPr/>
            <p:nvPr/>
          </p:nvSpPr>
          <p:spPr>
            <a:xfrm>
              <a:off x="2947546" y="3023070"/>
              <a:ext cx="959224" cy="959224"/>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en-US" lang="zh-CN">
                  <a:latin charset="-122" panose="020b0503020204020204" pitchFamily="34" typeface="微软雅黑"/>
                  <a:ea charset="-122" panose="020b0503020204020204" pitchFamily="34" typeface="微软雅黑"/>
                </a:rPr>
                <a:t>起航</a:t>
              </a:r>
            </a:p>
          </p:txBody>
        </p:sp>
      </p:grpSp>
      <p:grpSp>
        <p:nvGrpSpPr>
          <p:cNvPr id="7" name="组合 6"/>
          <p:cNvGrpSpPr/>
          <p:nvPr/>
        </p:nvGrpSpPr>
        <p:grpSpPr>
          <a:xfrm>
            <a:off x="2611261" y="1401661"/>
            <a:ext cx="1094692" cy="1094692"/>
            <a:chOff x="4514233" y="1385310"/>
            <a:chExt cx="1187354" cy="1187354"/>
          </a:xfrm>
          <a:solidFill>
            <a:srgbClr val="00544A"/>
          </a:solidFill>
        </p:grpSpPr>
        <p:sp>
          <p:nvSpPr>
            <p:cNvPr id="8" name="任意多边形 7"/>
            <p:cNvSpPr/>
            <p:nvPr/>
          </p:nvSpPr>
          <p:spPr>
            <a:xfrm>
              <a:off x="4514233" y="1385310"/>
              <a:ext cx="1187354" cy="1187354"/>
            </a:xfrm>
            <a:custGeom>
              <a:gdLst>
                <a:gd fmla="*/ 1114697 w 2229394" name="connsiteX0"/>
                <a:gd fmla="*/ 0 h 2229394" name="connsiteY0"/>
                <a:gd fmla="*/ 2229394 w 2229394" name="connsiteX1"/>
                <a:gd fmla="*/ 1114697 h 2229394" name="connsiteY1"/>
                <a:gd fmla="*/ 1114697 w 2229394" name="connsiteX2"/>
                <a:gd fmla="*/ 2229394 h 2229394" name="connsiteY2"/>
                <a:gd fmla="*/ 0 w 2229394" name="connsiteX3"/>
                <a:gd fmla="*/ 1114697 h 2229394" name="connsiteY3"/>
                <a:gd fmla="*/ 1114697 w 2229394" name="connsiteX4"/>
                <a:gd fmla="*/ 0 h 2229394" name="connsiteY4"/>
                <a:gd fmla="*/ 1114697 w 2229394" name="connsiteX5"/>
                <a:gd fmla="*/ 49947 h 2229394" name="connsiteY5"/>
                <a:gd fmla="*/ 49947 w 2229394" name="connsiteX6"/>
                <a:gd fmla="*/ 1114697 h 2229394" name="connsiteY6"/>
                <a:gd fmla="*/ 1114697 w 2229394" name="connsiteX7"/>
                <a:gd fmla="*/ 2179447 h 2229394" name="connsiteY7"/>
                <a:gd fmla="*/ 2179447 w 2229394" name="connsiteX8"/>
                <a:gd fmla="*/ 1114697 h 2229394" name="connsiteY8"/>
                <a:gd fmla="*/ 1114697 w 2229394" name="connsiteX9"/>
                <a:gd fmla="*/ 49947 h 2229394" name="connsiteY9"/>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b="b" l="l" r="r" t="t"/>
              <a:pathLst>
                <a:path h="2229394" w="2229394">
                  <a:moveTo>
                    <a:pt x="1114697" y="0"/>
                  </a:moveTo>
                  <a:cubicBezTo>
                    <a:pt x="1730327" y="0"/>
                    <a:pt x="2229394" y="499067"/>
                    <a:pt x="2229394" y="1114697"/>
                  </a:cubicBezTo>
                  <a:cubicBezTo>
                    <a:pt x="2229394" y="1730327"/>
                    <a:pt x="1730327" y="2229394"/>
                    <a:pt x="1114697" y="2229394"/>
                  </a:cubicBezTo>
                  <a:cubicBezTo>
                    <a:pt x="499067" y="2229394"/>
                    <a:pt x="0" y="1730327"/>
                    <a:pt x="0" y="1114697"/>
                  </a:cubicBezTo>
                  <a:cubicBezTo>
                    <a:pt x="0" y="499067"/>
                    <a:pt x="499067" y="0"/>
                    <a:pt x="1114697" y="0"/>
                  </a:cubicBezTo>
                  <a:close/>
                  <a:moveTo>
                    <a:pt x="1114697" y="49947"/>
                  </a:moveTo>
                  <a:cubicBezTo>
                    <a:pt x="526652" y="49947"/>
                    <a:pt x="49947" y="526652"/>
                    <a:pt x="49947" y="1114697"/>
                  </a:cubicBezTo>
                  <a:cubicBezTo>
                    <a:pt x="49947" y="1702742"/>
                    <a:pt x="526652" y="2179447"/>
                    <a:pt x="1114697" y="2179447"/>
                  </a:cubicBezTo>
                  <a:cubicBezTo>
                    <a:pt x="1702742" y="2179447"/>
                    <a:pt x="2179447" y="1702742"/>
                    <a:pt x="2179447" y="1114697"/>
                  </a:cubicBezTo>
                  <a:cubicBezTo>
                    <a:pt x="2179447" y="526652"/>
                    <a:pt x="1702742" y="49947"/>
                    <a:pt x="1114697" y="49947"/>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9" name="椭圆 8"/>
            <p:cNvSpPr/>
            <p:nvPr/>
          </p:nvSpPr>
          <p:spPr>
            <a:xfrm>
              <a:off x="4628298" y="1499375"/>
              <a:ext cx="959224" cy="959225"/>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en-US" lang="zh-CN">
                  <a:latin charset="-122" panose="020b0503020204020204" pitchFamily="34" typeface="微软雅黑"/>
                  <a:ea charset="-122" panose="020b0503020204020204" pitchFamily="34" typeface="微软雅黑"/>
                </a:rPr>
                <a:t>起航</a:t>
              </a:r>
            </a:p>
          </p:txBody>
        </p:sp>
      </p:grpSp>
      <p:grpSp>
        <p:nvGrpSpPr>
          <p:cNvPr id="10" name="组合 9"/>
          <p:cNvGrpSpPr/>
          <p:nvPr/>
        </p:nvGrpSpPr>
        <p:grpSpPr>
          <a:xfrm>
            <a:off x="4097389" y="3005549"/>
            <a:ext cx="1094692" cy="1094692"/>
            <a:chOff x="4514233" y="1385310"/>
            <a:chExt cx="1187354" cy="1187354"/>
          </a:xfrm>
          <a:solidFill>
            <a:srgbClr val="00544A"/>
          </a:solidFill>
        </p:grpSpPr>
        <p:sp>
          <p:nvSpPr>
            <p:cNvPr id="11" name="任意多边形 10"/>
            <p:cNvSpPr/>
            <p:nvPr/>
          </p:nvSpPr>
          <p:spPr>
            <a:xfrm>
              <a:off x="4514233" y="1385310"/>
              <a:ext cx="1187354" cy="1187354"/>
            </a:xfrm>
            <a:custGeom>
              <a:gdLst>
                <a:gd fmla="*/ 1114697 w 2229394" name="connsiteX0"/>
                <a:gd fmla="*/ 0 h 2229394" name="connsiteY0"/>
                <a:gd fmla="*/ 2229394 w 2229394" name="connsiteX1"/>
                <a:gd fmla="*/ 1114697 h 2229394" name="connsiteY1"/>
                <a:gd fmla="*/ 1114697 w 2229394" name="connsiteX2"/>
                <a:gd fmla="*/ 2229394 h 2229394" name="connsiteY2"/>
                <a:gd fmla="*/ 0 w 2229394" name="connsiteX3"/>
                <a:gd fmla="*/ 1114697 h 2229394" name="connsiteY3"/>
                <a:gd fmla="*/ 1114697 w 2229394" name="connsiteX4"/>
                <a:gd fmla="*/ 0 h 2229394" name="connsiteY4"/>
                <a:gd fmla="*/ 1114697 w 2229394" name="connsiteX5"/>
                <a:gd fmla="*/ 49947 h 2229394" name="connsiteY5"/>
                <a:gd fmla="*/ 49947 w 2229394" name="connsiteX6"/>
                <a:gd fmla="*/ 1114697 h 2229394" name="connsiteY6"/>
                <a:gd fmla="*/ 1114697 w 2229394" name="connsiteX7"/>
                <a:gd fmla="*/ 2179447 h 2229394" name="connsiteY7"/>
                <a:gd fmla="*/ 2179447 w 2229394" name="connsiteX8"/>
                <a:gd fmla="*/ 1114697 h 2229394" name="connsiteY8"/>
                <a:gd fmla="*/ 1114697 w 2229394" name="connsiteX9"/>
                <a:gd fmla="*/ 49947 h 2229394" name="connsiteY9"/>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b="b" l="l" r="r" t="t"/>
              <a:pathLst>
                <a:path h="2229394" w="2229394">
                  <a:moveTo>
                    <a:pt x="1114697" y="0"/>
                  </a:moveTo>
                  <a:cubicBezTo>
                    <a:pt x="1730327" y="0"/>
                    <a:pt x="2229394" y="499067"/>
                    <a:pt x="2229394" y="1114697"/>
                  </a:cubicBezTo>
                  <a:cubicBezTo>
                    <a:pt x="2229394" y="1730327"/>
                    <a:pt x="1730327" y="2229394"/>
                    <a:pt x="1114697" y="2229394"/>
                  </a:cubicBezTo>
                  <a:cubicBezTo>
                    <a:pt x="499067" y="2229394"/>
                    <a:pt x="0" y="1730327"/>
                    <a:pt x="0" y="1114697"/>
                  </a:cubicBezTo>
                  <a:cubicBezTo>
                    <a:pt x="0" y="499067"/>
                    <a:pt x="499067" y="0"/>
                    <a:pt x="1114697" y="0"/>
                  </a:cubicBezTo>
                  <a:close/>
                  <a:moveTo>
                    <a:pt x="1114697" y="49947"/>
                  </a:moveTo>
                  <a:cubicBezTo>
                    <a:pt x="526652" y="49947"/>
                    <a:pt x="49947" y="526652"/>
                    <a:pt x="49947" y="1114697"/>
                  </a:cubicBezTo>
                  <a:cubicBezTo>
                    <a:pt x="49947" y="1702742"/>
                    <a:pt x="526652" y="2179447"/>
                    <a:pt x="1114697" y="2179447"/>
                  </a:cubicBezTo>
                  <a:cubicBezTo>
                    <a:pt x="1702742" y="2179447"/>
                    <a:pt x="2179447" y="1702742"/>
                    <a:pt x="2179447" y="1114697"/>
                  </a:cubicBezTo>
                  <a:cubicBezTo>
                    <a:pt x="2179447" y="526652"/>
                    <a:pt x="1702742" y="49947"/>
                    <a:pt x="1114697" y="49947"/>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2" name="椭圆 11"/>
            <p:cNvSpPr/>
            <p:nvPr/>
          </p:nvSpPr>
          <p:spPr>
            <a:xfrm>
              <a:off x="4628298" y="1499375"/>
              <a:ext cx="959224" cy="959224"/>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en-US" lang="zh-CN">
                  <a:latin charset="-122" panose="020b0503020204020204" pitchFamily="34" typeface="微软雅黑"/>
                  <a:ea charset="-122" panose="020b0503020204020204" pitchFamily="34" typeface="微软雅黑"/>
                </a:rPr>
                <a:t>起航</a:t>
              </a:r>
            </a:p>
          </p:txBody>
        </p:sp>
      </p:grpSp>
      <p:grpSp>
        <p:nvGrpSpPr>
          <p:cNvPr id="13" name="组合 12"/>
          <p:cNvGrpSpPr/>
          <p:nvPr/>
        </p:nvGrpSpPr>
        <p:grpSpPr>
          <a:xfrm>
            <a:off x="3049204" y="4153644"/>
            <a:ext cx="1094692" cy="1094692"/>
            <a:chOff x="4514233" y="1385310"/>
            <a:chExt cx="1187354" cy="1187354"/>
          </a:xfrm>
          <a:solidFill>
            <a:srgbClr val="00544A"/>
          </a:solidFill>
        </p:grpSpPr>
        <p:sp>
          <p:nvSpPr>
            <p:cNvPr id="14" name="任意多边形 13"/>
            <p:cNvSpPr/>
            <p:nvPr/>
          </p:nvSpPr>
          <p:spPr>
            <a:xfrm>
              <a:off x="4514233" y="1385310"/>
              <a:ext cx="1187354" cy="1187354"/>
            </a:xfrm>
            <a:custGeom>
              <a:gdLst>
                <a:gd fmla="*/ 1114697 w 2229394" name="connsiteX0"/>
                <a:gd fmla="*/ 0 h 2229394" name="connsiteY0"/>
                <a:gd fmla="*/ 2229394 w 2229394" name="connsiteX1"/>
                <a:gd fmla="*/ 1114697 h 2229394" name="connsiteY1"/>
                <a:gd fmla="*/ 1114697 w 2229394" name="connsiteX2"/>
                <a:gd fmla="*/ 2229394 h 2229394" name="connsiteY2"/>
                <a:gd fmla="*/ 0 w 2229394" name="connsiteX3"/>
                <a:gd fmla="*/ 1114697 h 2229394" name="connsiteY3"/>
                <a:gd fmla="*/ 1114697 w 2229394" name="connsiteX4"/>
                <a:gd fmla="*/ 0 h 2229394" name="connsiteY4"/>
                <a:gd fmla="*/ 1114697 w 2229394" name="connsiteX5"/>
                <a:gd fmla="*/ 49947 h 2229394" name="connsiteY5"/>
                <a:gd fmla="*/ 49947 w 2229394" name="connsiteX6"/>
                <a:gd fmla="*/ 1114697 h 2229394" name="connsiteY6"/>
                <a:gd fmla="*/ 1114697 w 2229394" name="connsiteX7"/>
                <a:gd fmla="*/ 2179447 h 2229394" name="connsiteY7"/>
                <a:gd fmla="*/ 2179447 w 2229394" name="connsiteX8"/>
                <a:gd fmla="*/ 1114697 h 2229394" name="connsiteY8"/>
                <a:gd fmla="*/ 1114697 w 2229394" name="connsiteX9"/>
                <a:gd fmla="*/ 49947 h 2229394" name="connsiteY9"/>
              </a:gd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b="b" l="l" r="r" t="t"/>
              <a:pathLst>
                <a:path h="2229394" w="2229394">
                  <a:moveTo>
                    <a:pt x="1114697" y="0"/>
                  </a:moveTo>
                  <a:cubicBezTo>
                    <a:pt x="1730327" y="0"/>
                    <a:pt x="2229394" y="499067"/>
                    <a:pt x="2229394" y="1114697"/>
                  </a:cubicBezTo>
                  <a:cubicBezTo>
                    <a:pt x="2229394" y="1730327"/>
                    <a:pt x="1730327" y="2229394"/>
                    <a:pt x="1114697" y="2229394"/>
                  </a:cubicBezTo>
                  <a:cubicBezTo>
                    <a:pt x="499067" y="2229394"/>
                    <a:pt x="0" y="1730327"/>
                    <a:pt x="0" y="1114697"/>
                  </a:cubicBezTo>
                  <a:cubicBezTo>
                    <a:pt x="0" y="499067"/>
                    <a:pt x="499067" y="0"/>
                    <a:pt x="1114697" y="0"/>
                  </a:cubicBezTo>
                  <a:close/>
                  <a:moveTo>
                    <a:pt x="1114697" y="49947"/>
                  </a:moveTo>
                  <a:cubicBezTo>
                    <a:pt x="526652" y="49947"/>
                    <a:pt x="49947" y="526652"/>
                    <a:pt x="49947" y="1114697"/>
                  </a:cubicBezTo>
                  <a:cubicBezTo>
                    <a:pt x="49947" y="1702742"/>
                    <a:pt x="526652" y="2179447"/>
                    <a:pt x="1114697" y="2179447"/>
                  </a:cubicBezTo>
                  <a:cubicBezTo>
                    <a:pt x="1702742" y="2179447"/>
                    <a:pt x="2179447" y="1702742"/>
                    <a:pt x="2179447" y="1114697"/>
                  </a:cubicBezTo>
                  <a:cubicBezTo>
                    <a:pt x="2179447" y="526652"/>
                    <a:pt x="1702742" y="49947"/>
                    <a:pt x="1114697" y="49947"/>
                  </a:cubicBez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15" name="椭圆 14"/>
            <p:cNvSpPr/>
            <p:nvPr/>
          </p:nvSpPr>
          <p:spPr>
            <a:xfrm>
              <a:off x="4628298" y="1499375"/>
              <a:ext cx="959224" cy="959224"/>
            </a:xfrm>
            <a:prstGeom prst="ellipse">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en-US" lang="zh-CN">
                  <a:latin charset="-122" panose="020b0503020204020204" pitchFamily="34" typeface="微软雅黑"/>
                  <a:ea charset="-122" panose="020b0503020204020204" pitchFamily="34" typeface="微软雅黑"/>
                </a:rPr>
                <a:t>起航</a:t>
              </a:r>
            </a:p>
          </p:txBody>
        </p:sp>
      </p:grpSp>
      <p:cxnSp>
        <p:nvCxnSpPr>
          <p:cNvPr id="16" name="直接连接符 15"/>
          <p:cNvCxnSpPr/>
          <p:nvPr/>
        </p:nvCxnSpPr>
        <p:spPr>
          <a:xfrm flipV="1">
            <a:off x="2242896" y="1947800"/>
            <a:ext cx="7" cy="1"/>
          </a:xfrm>
          <a:prstGeom prst="line">
            <a:avLst/>
          </a:prstGeom>
          <a:ln w="19050">
            <a:solidFill>
              <a:srgbClr val="F7D9D3"/>
            </a:solidFill>
          </a:ln>
        </p:spPr>
        <p:style>
          <a:lnRef idx="1">
            <a:schemeClr val="accent1"/>
          </a:lnRef>
          <a:fillRef idx="0">
            <a:schemeClr val="accent1"/>
          </a:fillRef>
          <a:effectRef idx="0">
            <a:schemeClr val="accent1"/>
          </a:effectRef>
          <a:fontRef idx="minor">
            <a:schemeClr val="tx1"/>
          </a:fontRef>
        </p:style>
      </p:cxnSp>
      <p:grpSp>
        <p:nvGrpSpPr>
          <p:cNvPr id="17" name="组合 16"/>
          <p:cNvGrpSpPr/>
          <p:nvPr/>
        </p:nvGrpSpPr>
        <p:grpSpPr>
          <a:xfrm>
            <a:off x="1985359" y="1935223"/>
            <a:ext cx="538883" cy="323701"/>
            <a:chOff x="3322273" y="2018969"/>
            <a:chExt cx="584497" cy="351101"/>
          </a:xfrm>
        </p:grpSpPr>
        <p:cxnSp>
          <p:nvCxnSpPr>
            <p:cNvPr id="18" name="直接连接符 17"/>
            <p:cNvCxnSpPr/>
            <p:nvPr/>
          </p:nvCxnSpPr>
          <p:spPr>
            <a:xfrm flipV="1">
              <a:off x="3322273" y="2018969"/>
              <a:ext cx="265053" cy="351101"/>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cxnSp>
          <p:nvCxnSpPr>
            <p:cNvPr id="19" name="直接连接符 18"/>
            <p:cNvCxnSpPr/>
            <p:nvPr/>
          </p:nvCxnSpPr>
          <p:spPr>
            <a:xfrm>
              <a:off x="3579726" y="2018969"/>
              <a:ext cx="327044" cy="0"/>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grpSp>
      <p:cxnSp>
        <p:nvCxnSpPr>
          <p:cNvPr id="20" name="直接连接符 19"/>
          <p:cNvCxnSpPr/>
          <p:nvPr/>
        </p:nvCxnSpPr>
        <p:spPr>
          <a:xfrm>
            <a:off x="3833454" y="1907823"/>
            <a:ext cx="1133111" cy="1"/>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cxnSp>
        <p:nvCxnSpPr>
          <p:cNvPr id="21" name="直接连接符 20"/>
          <p:cNvCxnSpPr/>
          <p:nvPr/>
        </p:nvCxnSpPr>
        <p:spPr>
          <a:xfrm flipH="1">
            <a:off x="4198425" y="4765444"/>
            <a:ext cx="69736" cy="1"/>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grpSp>
        <p:nvGrpSpPr>
          <p:cNvPr id="22" name="组合 21"/>
          <p:cNvGrpSpPr/>
          <p:nvPr/>
        </p:nvGrpSpPr>
        <p:grpSpPr>
          <a:xfrm>
            <a:off x="5278133" y="848062"/>
            <a:ext cx="3618293" cy="545652"/>
            <a:chOff x="6615048" y="917255"/>
            <a:chExt cx="3924569" cy="591840"/>
          </a:xfrm>
        </p:grpSpPr>
        <p:sp>
          <p:nvSpPr>
            <p:cNvPr id="23" name="圆角矩形 22"/>
            <p:cNvSpPr/>
            <p:nvPr/>
          </p:nvSpPr>
          <p:spPr>
            <a:xfrm>
              <a:off x="6632466" y="957609"/>
              <a:ext cx="879566" cy="217714"/>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4" name="文本框 96"/>
            <p:cNvSpPr txBox="1"/>
            <p:nvPr/>
          </p:nvSpPr>
          <p:spPr>
            <a:xfrm>
              <a:off x="6711667" y="917255"/>
              <a:ext cx="745289" cy="562021"/>
            </a:xfrm>
            <a:prstGeom prst="rect">
              <a:avLst/>
            </a:prstGeom>
            <a:noFill/>
          </p:spPr>
          <p:txBody>
            <a:bodyPr rtlCol="0" wrap="square">
              <a:spAutoFit/>
            </a:bodyPr>
            <a:lstStyle/>
            <a:p>
              <a:r>
                <a:rPr altLang="en-US" lang="zh-CN" sz="1400">
                  <a:solidFill>
                    <a:schemeClr val="bg1"/>
                  </a:solidFill>
                  <a:latin charset="-122" panose="020b0503020204020204" pitchFamily="34" typeface="微软雅黑"/>
                  <a:ea charset="-122" panose="020b0503020204020204" pitchFamily="34" typeface="微软雅黑"/>
                </a:rPr>
                <a:t>共完成</a:t>
              </a:r>
            </a:p>
          </p:txBody>
        </p:sp>
        <p:sp>
          <p:nvSpPr>
            <p:cNvPr id="25" name="文本框 101"/>
            <p:cNvSpPr txBox="1"/>
            <p:nvPr/>
          </p:nvSpPr>
          <p:spPr>
            <a:xfrm>
              <a:off x="6615047" y="1208649"/>
              <a:ext cx="3924569" cy="297540"/>
            </a:xfrm>
            <a:prstGeom prst="rect">
              <a:avLst/>
            </a:prstGeom>
            <a:noFill/>
          </p:spPr>
          <p:txBody>
            <a:bodyPr rtlCol="0" wrap="square">
              <a:spAutoFit/>
            </a:bodyPr>
            <a:lstStyle/>
            <a:p>
              <a:r>
                <a:rPr altLang="en-US" lang="zh-CN" sz="1200">
                  <a:latin charset="-122" panose="020b0503020204020204" pitchFamily="34" typeface="微软雅黑"/>
                  <a:ea charset="-122" panose="020b0503020204020204" pitchFamily="34" typeface="微软雅黑"/>
                </a:rPr>
                <a:t>我们可以炸掉竞争对手炸掉竞争对手炸掉竞争对手</a:t>
              </a:r>
            </a:p>
          </p:txBody>
        </p:sp>
      </p:grpSp>
      <p:grpSp>
        <p:nvGrpSpPr>
          <p:cNvPr id="26" name="组合 25"/>
          <p:cNvGrpSpPr/>
          <p:nvPr/>
        </p:nvGrpSpPr>
        <p:grpSpPr>
          <a:xfrm>
            <a:off x="5278134" y="1410779"/>
            <a:ext cx="3506691" cy="537752"/>
            <a:chOff x="6615048" y="1479340"/>
            <a:chExt cx="3803520" cy="583272"/>
          </a:xfrm>
        </p:grpSpPr>
        <p:sp>
          <p:nvSpPr>
            <p:cNvPr id="27" name="圆角矩形 26"/>
            <p:cNvSpPr/>
            <p:nvPr/>
          </p:nvSpPr>
          <p:spPr>
            <a:xfrm>
              <a:off x="6632466" y="1520715"/>
              <a:ext cx="660977" cy="217714"/>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28" name="文本框 97"/>
            <p:cNvSpPr txBox="1"/>
            <p:nvPr/>
          </p:nvSpPr>
          <p:spPr>
            <a:xfrm>
              <a:off x="6674941" y="1479340"/>
              <a:ext cx="618502" cy="330601"/>
            </a:xfrm>
            <a:prstGeom prst="rect">
              <a:avLst/>
            </a:prstGeom>
            <a:noFill/>
          </p:spPr>
          <p:txBody>
            <a:bodyPr rtlCol="0" wrap="square">
              <a:spAutoFit/>
            </a:bodyPr>
            <a:lstStyle/>
            <a:p>
              <a:r>
                <a:rPr altLang="en-US" lang="zh-CN" sz="1400">
                  <a:solidFill>
                    <a:schemeClr val="bg1"/>
                  </a:solidFill>
                  <a:latin charset="-122" panose="020b0503020204020204" pitchFamily="34" typeface="微软雅黑"/>
                  <a:ea charset="-122" panose="020b0503020204020204" pitchFamily="34" typeface="微软雅黑"/>
                </a:rPr>
                <a:t>完成</a:t>
              </a:r>
            </a:p>
          </p:txBody>
        </p:sp>
        <p:sp>
          <p:nvSpPr>
            <p:cNvPr id="29" name="文本框 102"/>
            <p:cNvSpPr txBox="1"/>
            <p:nvPr/>
          </p:nvSpPr>
          <p:spPr>
            <a:xfrm>
              <a:off x="6615048" y="1778857"/>
              <a:ext cx="3803520" cy="281011"/>
            </a:xfrm>
            <a:prstGeom prst="rect">
              <a:avLst/>
            </a:prstGeom>
            <a:noFill/>
          </p:spPr>
          <p:txBody>
            <a:bodyPr rtlCol="0" wrap="square">
              <a:spAutoFit/>
            </a:bodyPr>
            <a:lstStyle/>
            <a:p>
              <a:r>
                <a:rPr altLang="en-US" lang="zh-CN" sz="1100">
                  <a:latin charset="-122" panose="020b0503020204020204" pitchFamily="34" typeface="微软雅黑"/>
                  <a:ea charset="-122" panose="020b0503020204020204" pitchFamily="34" typeface="微软雅黑"/>
                </a:rPr>
                <a:t>我们可以炸掉竞争对手炸掉竞争对手</a:t>
              </a:r>
            </a:p>
          </p:txBody>
        </p:sp>
      </p:grpSp>
      <p:grpSp>
        <p:nvGrpSpPr>
          <p:cNvPr id="30" name="组合 29"/>
          <p:cNvGrpSpPr/>
          <p:nvPr/>
        </p:nvGrpSpPr>
        <p:grpSpPr>
          <a:xfrm>
            <a:off x="5278134" y="1982531"/>
            <a:ext cx="3506691" cy="527397"/>
            <a:chOff x="6615048" y="2051967"/>
            <a:chExt cx="3803520" cy="572040"/>
          </a:xfrm>
        </p:grpSpPr>
        <p:sp>
          <p:nvSpPr>
            <p:cNvPr id="31" name="圆角矩形 30"/>
            <p:cNvSpPr/>
            <p:nvPr/>
          </p:nvSpPr>
          <p:spPr>
            <a:xfrm>
              <a:off x="6632466" y="2082852"/>
              <a:ext cx="879566" cy="217714"/>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32" name="文本框 98"/>
            <p:cNvSpPr txBox="1"/>
            <p:nvPr/>
          </p:nvSpPr>
          <p:spPr>
            <a:xfrm>
              <a:off x="6711666" y="2051967"/>
              <a:ext cx="879566" cy="330601"/>
            </a:xfrm>
            <a:prstGeom prst="rect">
              <a:avLst/>
            </a:prstGeom>
            <a:noFill/>
          </p:spPr>
          <p:txBody>
            <a:bodyPr rtlCol="0" wrap="square">
              <a:spAutoFit/>
            </a:bodyPr>
            <a:lstStyle/>
            <a:p>
              <a:r>
                <a:rPr altLang="en-US" lang="zh-CN" sz="1400">
                  <a:solidFill>
                    <a:schemeClr val="bg1"/>
                  </a:solidFill>
                  <a:latin charset="-122" panose="020b0503020204020204" pitchFamily="34" typeface="微软雅黑"/>
                  <a:ea charset="-122" panose="020b0503020204020204" pitchFamily="34" typeface="微软雅黑"/>
                </a:rPr>
                <a:t>第三项</a:t>
              </a:r>
            </a:p>
          </p:txBody>
        </p:sp>
        <p:sp>
          <p:nvSpPr>
            <p:cNvPr id="33" name="文本框 103"/>
            <p:cNvSpPr txBox="1"/>
            <p:nvPr/>
          </p:nvSpPr>
          <p:spPr>
            <a:xfrm>
              <a:off x="6615048" y="2340253"/>
              <a:ext cx="3803520" cy="281011"/>
            </a:xfrm>
            <a:prstGeom prst="rect">
              <a:avLst/>
            </a:prstGeom>
            <a:noFill/>
          </p:spPr>
          <p:txBody>
            <a:bodyPr rtlCol="0" wrap="square">
              <a:spAutoFit/>
            </a:bodyPr>
            <a:lstStyle/>
            <a:p>
              <a:r>
                <a:rPr altLang="en-US" lang="zh-CN" sz="1100">
                  <a:latin charset="-122" panose="020b0503020204020204" pitchFamily="34" typeface="微软雅黑"/>
                  <a:ea charset="-122" panose="020b0503020204020204" pitchFamily="34" typeface="微软雅黑"/>
                </a:rPr>
                <a:t>我们可以炸掉竞争对手炸掉竞争对手炸掉</a:t>
              </a:r>
            </a:p>
          </p:txBody>
        </p:sp>
      </p:grpSp>
      <p:sp>
        <p:nvSpPr>
          <p:cNvPr id="34" name="左中括号 33"/>
          <p:cNvSpPr/>
          <p:nvPr/>
        </p:nvSpPr>
        <p:spPr>
          <a:xfrm>
            <a:off x="5117228" y="1087580"/>
            <a:ext cx="115373" cy="1824343"/>
          </a:xfrm>
          <a:prstGeom prst="leftBracket">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txBody>
          <a:bodyPr anchor="ctr" rtlCol="0"/>
          <a:lstStyle/>
          <a:p>
            <a:pPr algn="ctr"/>
            <a:endParaRPr altLang="en-US" lang="zh-CN"/>
          </a:p>
        </p:txBody>
      </p:sp>
      <p:grpSp>
        <p:nvGrpSpPr>
          <p:cNvPr id="35" name="组合 34"/>
          <p:cNvGrpSpPr/>
          <p:nvPr/>
        </p:nvGrpSpPr>
        <p:grpSpPr>
          <a:xfrm>
            <a:off x="5268489" y="2560781"/>
            <a:ext cx="3506691" cy="547344"/>
            <a:chOff x="6605403" y="2628531"/>
            <a:chExt cx="3803520" cy="593676"/>
          </a:xfrm>
        </p:grpSpPr>
        <p:sp>
          <p:nvSpPr>
            <p:cNvPr id="36" name="圆角矩形 35"/>
            <p:cNvSpPr/>
            <p:nvPr/>
          </p:nvSpPr>
          <p:spPr>
            <a:xfrm>
              <a:off x="6632466" y="2678262"/>
              <a:ext cx="1483924" cy="217714"/>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37" name="文本框 100"/>
            <p:cNvSpPr txBox="1"/>
            <p:nvPr/>
          </p:nvSpPr>
          <p:spPr>
            <a:xfrm>
              <a:off x="6621659" y="2628531"/>
              <a:ext cx="1440381" cy="562022"/>
            </a:xfrm>
            <a:prstGeom prst="rect">
              <a:avLst/>
            </a:prstGeom>
            <a:noFill/>
          </p:spPr>
          <p:txBody>
            <a:bodyPr rtlCol="0" wrap="square">
              <a:spAutoFit/>
            </a:bodyPr>
            <a:lstStyle/>
            <a:p>
              <a:r>
                <a:rPr altLang="en-US" lang="zh-CN" sz="1400">
                  <a:solidFill>
                    <a:schemeClr val="bg1"/>
                  </a:solidFill>
                  <a:latin charset="-122" panose="020b0503020204020204" pitchFamily="34" typeface="微软雅黑"/>
                  <a:ea charset="-122" panose="020b0503020204020204" pitchFamily="34" typeface="微软雅黑"/>
                </a:rPr>
                <a:t>七个字标题长度</a:t>
              </a:r>
            </a:p>
          </p:txBody>
        </p:sp>
        <p:sp>
          <p:nvSpPr>
            <p:cNvPr id="38" name="文本框 106"/>
            <p:cNvSpPr txBox="1"/>
            <p:nvPr/>
          </p:nvSpPr>
          <p:spPr>
            <a:xfrm>
              <a:off x="6605403" y="2938452"/>
              <a:ext cx="3803520" cy="281011"/>
            </a:xfrm>
            <a:prstGeom prst="rect">
              <a:avLst/>
            </a:prstGeom>
            <a:noFill/>
          </p:spPr>
          <p:txBody>
            <a:bodyPr rtlCol="0" wrap="square">
              <a:spAutoFit/>
            </a:bodyPr>
            <a:lstStyle/>
            <a:p>
              <a:r>
                <a:rPr altLang="en-US" lang="zh-CN" sz="1100">
                  <a:latin charset="-122" panose="020b0503020204020204" pitchFamily="34" typeface="微软雅黑"/>
                  <a:ea charset="-122" panose="020b0503020204020204" pitchFamily="34" typeface="微软雅黑"/>
                </a:rPr>
                <a:t>我们可以炸掉竞争对手炸掉竞争对手炸掉竞争对手</a:t>
              </a:r>
            </a:p>
          </p:txBody>
        </p:sp>
      </p:grpSp>
      <p:grpSp>
        <p:nvGrpSpPr>
          <p:cNvPr id="39" name="组合 38"/>
          <p:cNvGrpSpPr/>
          <p:nvPr/>
        </p:nvGrpSpPr>
        <p:grpSpPr>
          <a:xfrm>
            <a:off x="5320389" y="3361559"/>
            <a:ext cx="985799" cy="546481"/>
            <a:chOff x="7536789" y="3640226"/>
            <a:chExt cx="1069243" cy="592738"/>
          </a:xfrm>
        </p:grpSpPr>
        <p:sp>
          <p:nvSpPr>
            <p:cNvPr id="40" name="圆角矩形 39"/>
            <p:cNvSpPr/>
            <p:nvPr/>
          </p:nvSpPr>
          <p:spPr>
            <a:xfrm>
              <a:off x="7592834" y="3714776"/>
              <a:ext cx="957152" cy="443638"/>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41" name="圆角矩形 40"/>
            <p:cNvSpPr/>
            <p:nvPr/>
          </p:nvSpPr>
          <p:spPr>
            <a:xfrm>
              <a:off x="7536789" y="3640226"/>
              <a:ext cx="1069243" cy="592738"/>
            </a:xfrm>
            <a:prstGeom prst="roundRect">
              <a:avLst/>
            </a:prstGeom>
            <a:noFill/>
            <a:ln w="2857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42" name="文本框 116"/>
            <p:cNvSpPr txBox="1"/>
            <p:nvPr/>
          </p:nvSpPr>
          <p:spPr>
            <a:xfrm>
              <a:off x="7618962" y="3769156"/>
              <a:ext cx="957152" cy="297540"/>
            </a:xfrm>
            <a:prstGeom prst="rect">
              <a:avLst/>
            </a:prstGeom>
            <a:noFill/>
          </p:spPr>
          <p:txBody>
            <a:bodyPr rtlCol="0" wrap="square">
              <a:spAutoFit/>
            </a:bodyPr>
            <a:lstStyle/>
            <a:p>
              <a:r>
                <a:rPr altLang="en-US" lang="zh-CN" sz="1200">
                  <a:solidFill>
                    <a:schemeClr val="bg1"/>
                  </a:solidFill>
                  <a:latin charset="-122" panose="020b0503020204020204" pitchFamily="34" typeface="微软雅黑"/>
                  <a:ea charset="-122" panose="020b0503020204020204" pitchFamily="34" typeface="微软雅黑"/>
                </a:rPr>
                <a:t>冲向明年</a:t>
              </a:r>
            </a:p>
          </p:txBody>
        </p:sp>
      </p:grpSp>
      <p:grpSp>
        <p:nvGrpSpPr>
          <p:cNvPr id="43" name="组合 42"/>
          <p:cNvGrpSpPr/>
          <p:nvPr/>
        </p:nvGrpSpPr>
        <p:grpSpPr>
          <a:xfrm>
            <a:off x="4310228" y="4515331"/>
            <a:ext cx="985799" cy="546481"/>
            <a:chOff x="6308512" y="4888568"/>
            <a:chExt cx="1069243" cy="592738"/>
          </a:xfrm>
        </p:grpSpPr>
        <p:sp>
          <p:nvSpPr>
            <p:cNvPr id="44" name="圆角矩形 43"/>
            <p:cNvSpPr/>
            <p:nvPr/>
          </p:nvSpPr>
          <p:spPr>
            <a:xfrm>
              <a:off x="6364557" y="4963118"/>
              <a:ext cx="957152" cy="443638"/>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45" name="圆角矩形 44"/>
            <p:cNvSpPr/>
            <p:nvPr/>
          </p:nvSpPr>
          <p:spPr>
            <a:xfrm>
              <a:off x="6308512" y="4888568"/>
              <a:ext cx="1069243" cy="592738"/>
            </a:xfrm>
            <a:prstGeom prst="roundRect">
              <a:avLst/>
            </a:prstGeom>
            <a:noFill/>
            <a:ln w="2857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46" name="文本框 117"/>
            <p:cNvSpPr txBox="1"/>
            <p:nvPr/>
          </p:nvSpPr>
          <p:spPr>
            <a:xfrm>
              <a:off x="6413814" y="5036519"/>
              <a:ext cx="957152" cy="297540"/>
            </a:xfrm>
            <a:prstGeom prst="rect">
              <a:avLst/>
            </a:prstGeom>
            <a:noFill/>
          </p:spPr>
          <p:txBody>
            <a:bodyPr rtlCol="0" wrap="square">
              <a:spAutoFit/>
            </a:bodyPr>
            <a:lstStyle/>
            <a:p>
              <a:r>
                <a:rPr altLang="en-US" lang="zh-CN" sz="1200">
                  <a:solidFill>
                    <a:schemeClr val="bg1"/>
                  </a:solidFill>
                  <a:latin charset="-122" panose="020b0503020204020204" pitchFamily="34" typeface="微软雅黑"/>
                  <a:ea charset="-122" panose="020b0503020204020204" pitchFamily="34" typeface="微软雅黑"/>
                </a:rPr>
                <a:t>冲向明年</a:t>
              </a:r>
            </a:p>
          </p:txBody>
        </p:sp>
      </p:grpSp>
      <p:cxnSp>
        <p:nvCxnSpPr>
          <p:cNvPr id="53" name="直接箭头连接符 52"/>
          <p:cNvCxnSpPr/>
          <p:nvPr/>
        </p:nvCxnSpPr>
        <p:spPr>
          <a:xfrm flipH="1">
            <a:off x="3976581" y="4006239"/>
            <a:ext cx="270783" cy="275618"/>
          </a:xfrm>
          <a:prstGeom prst="straightConnector1">
            <a:avLst/>
          </a:prstGeom>
          <a:ln w="19050">
            <a:solidFill>
              <a:schemeClr val="tx1">
                <a:lumMod val="65000"/>
                <a:lumOff val="35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4" name="直接连接符 53"/>
          <p:cNvCxnSpPr/>
          <p:nvPr/>
        </p:nvCxnSpPr>
        <p:spPr>
          <a:xfrm flipH="1">
            <a:off x="5224016" y="3611672"/>
            <a:ext cx="69736" cy="1"/>
          </a:xfrm>
          <a:prstGeom prst="line">
            <a:avLst/>
          </a:prstGeom>
          <a:ln w="19050">
            <a:solidFill>
              <a:schemeClr val="tx1">
                <a:lumMod val="65000"/>
                <a:lumOff val="35000"/>
              </a:schemeClr>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val="1188319186"/>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decel="100000" fill="hold" id="5" nodeType="afterEffect" presetClass="entr" presetID="50" presetSubtype="0">
                                  <p:stCondLst>
                                    <p:cond delay="0"/>
                                  </p:stCondLst>
                                  <p:childTnLst>
                                    <p:set>
                                      <p:cBhvr>
                                        <p:cTn dur="1" fill="hold" id="6">
                                          <p:stCondLst>
                                            <p:cond delay="0"/>
                                          </p:stCondLst>
                                        </p:cTn>
                                        <p:tgtEl>
                                          <p:spTgt spid="3"/>
                                        </p:tgtEl>
                                        <p:attrNameLst>
                                          <p:attrName>style.visibility</p:attrName>
                                        </p:attrNameLst>
                                      </p:cBhvr>
                                      <p:to>
                                        <p:strVal val="visible"/>
                                      </p:to>
                                    </p:set>
                                    <p:anim calcmode="lin" valueType="num">
                                      <p:cBhvr>
                                        <p:cTn dur="750" fill="hold" id="7"/>
                                        <p:tgtEl>
                                          <p:spTgt spid="3"/>
                                        </p:tgtEl>
                                        <p:attrNameLst>
                                          <p:attrName>ppt_w</p:attrName>
                                        </p:attrNameLst>
                                      </p:cBhvr>
                                      <p:tavLst>
                                        <p:tav tm="0">
                                          <p:val>
                                            <p:strVal val="#ppt_w+.3"/>
                                          </p:val>
                                        </p:tav>
                                        <p:tav tm="100000">
                                          <p:val>
                                            <p:strVal val="#ppt_w"/>
                                          </p:val>
                                        </p:tav>
                                      </p:tavLst>
                                    </p:anim>
                                    <p:anim calcmode="lin" valueType="num">
                                      <p:cBhvr>
                                        <p:cTn dur="750" fill="hold" id="8"/>
                                        <p:tgtEl>
                                          <p:spTgt spid="3"/>
                                        </p:tgtEl>
                                        <p:attrNameLst>
                                          <p:attrName>ppt_h</p:attrName>
                                        </p:attrNameLst>
                                      </p:cBhvr>
                                      <p:tavLst>
                                        <p:tav tm="0">
                                          <p:val>
                                            <p:strVal val="#ppt_h"/>
                                          </p:val>
                                        </p:tav>
                                        <p:tav tm="100000">
                                          <p:val>
                                            <p:strVal val="#ppt_h"/>
                                          </p:val>
                                        </p:tav>
                                      </p:tavLst>
                                    </p:anim>
                                    <p:animEffect filter="fade" transition="in">
                                      <p:cBhvr>
                                        <p:cTn dur="750" id="9"/>
                                        <p:tgtEl>
                                          <p:spTgt spid="3"/>
                                        </p:tgtEl>
                                      </p:cBhvr>
                                    </p:animEffect>
                                  </p:childTnLst>
                                </p:cTn>
                              </p:par>
                            </p:childTnLst>
                          </p:cTn>
                        </p:par>
                        <p:par>
                          <p:cTn fill="hold" id="10" nodeType="afterGroup">
                            <p:stCondLst>
                              <p:cond delay="750"/>
                            </p:stCondLst>
                            <p:childTnLst>
                              <p:par>
                                <p:cTn fill="hold" id="11" nodeType="afterEffect" presetClass="entr" presetID="22" presetSubtype="8">
                                  <p:stCondLst>
                                    <p:cond delay="0"/>
                                  </p:stCondLst>
                                  <p:childTnLst>
                                    <p:set>
                                      <p:cBhvr>
                                        <p:cTn dur="1" fill="hold" id="12">
                                          <p:stCondLst>
                                            <p:cond delay="0"/>
                                          </p:stCondLst>
                                        </p:cTn>
                                        <p:tgtEl>
                                          <p:spTgt spid="17"/>
                                        </p:tgtEl>
                                        <p:attrNameLst>
                                          <p:attrName>style.visibility</p:attrName>
                                        </p:attrNameLst>
                                      </p:cBhvr>
                                      <p:to>
                                        <p:strVal val="visible"/>
                                      </p:to>
                                    </p:set>
                                    <p:animEffect filter="wipe(left)" transition="in">
                                      <p:cBhvr>
                                        <p:cTn dur="250" id="13"/>
                                        <p:tgtEl>
                                          <p:spTgt spid="17"/>
                                        </p:tgtEl>
                                      </p:cBhvr>
                                    </p:animEffect>
                                  </p:childTnLst>
                                </p:cTn>
                              </p:par>
                            </p:childTnLst>
                          </p:cTn>
                        </p:par>
                        <p:par>
                          <p:cTn fill="hold" id="14" nodeType="afterGroup">
                            <p:stCondLst>
                              <p:cond delay="1000"/>
                            </p:stCondLst>
                            <p:childTnLst>
                              <p:par>
                                <p:cTn decel="100000" fill="hold" id="15" nodeType="afterEffect" presetClass="entr" presetID="50" presetSubtype="0">
                                  <p:stCondLst>
                                    <p:cond delay="0"/>
                                  </p:stCondLst>
                                  <p:childTnLst>
                                    <p:set>
                                      <p:cBhvr>
                                        <p:cTn dur="1" fill="hold" id="16">
                                          <p:stCondLst>
                                            <p:cond delay="0"/>
                                          </p:stCondLst>
                                        </p:cTn>
                                        <p:tgtEl>
                                          <p:spTgt spid="7"/>
                                        </p:tgtEl>
                                        <p:attrNameLst>
                                          <p:attrName>style.visibility</p:attrName>
                                        </p:attrNameLst>
                                      </p:cBhvr>
                                      <p:to>
                                        <p:strVal val="visible"/>
                                      </p:to>
                                    </p:set>
                                    <p:anim calcmode="lin" valueType="num">
                                      <p:cBhvr>
                                        <p:cTn dur="750" fill="hold" id="17"/>
                                        <p:tgtEl>
                                          <p:spTgt spid="7"/>
                                        </p:tgtEl>
                                        <p:attrNameLst>
                                          <p:attrName>ppt_w</p:attrName>
                                        </p:attrNameLst>
                                      </p:cBhvr>
                                      <p:tavLst>
                                        <p:tav tm="0">
                                          <p:val>
                                            <p:strVal val="#ppt_w+.3"/>
                                          </p:val>
                                        </p:tav>
                                        <p:tav tm="100000">
                                          <p:val>
                                            <p:strVal val="#ppt_w"/>
                                          </p:val>
                                        </p:tav>
                                      </p:tavLst>
                                    </p:anim>
                                    <p:anim calcmode="lin" valueType="num">
                                      <p:cBhvr>
                                        <p:cTn dur="750" fill="hold" id="18"/>
                                        <p:tgtEl>
                                          <p:spTgt spid="7"/>
                                        </p:tgtEl>
                                        <p:attrNameLst>
                                          <p:attrName>ppt_h</p:attrName>
                                        </p:attrNameLst>
                                      </p:cBhvr>
                                      <p:tavLst>
                                        <p:tav tm="0">
                                          <p:val>
                                            <p:strVal val="#ppt_h"/>
                                          </p:val>
                                        </p:tav>
                                        <p:tav tm="100000">
                                          <p:val>
                                            <p:strVal val="#ppt_h"/>
                                          </p:val>
                                        </p:tav>
                                      </p:tavLst>
                                    </p:anim>
                                    <p:animEffect filter="fade" transition="in">
                                      <p:cBhvr>
                                        <p:cTn dur="750" id="19"/>
                                        <p:tgtEl>
                                          <p:spTgt spid="7"/>
                                        </p:tgtEl>
                                      </p:cBhvr>
                                    </p:animEffect>
                                  </p:childTnLst>
                                </p:cTn>
                              </p:par>
                            </p:childTnLst>
                          </p:cTn>
                        </p:par>
                        <p:par>
                          <p:cTn fill="hold" id="20" nodeType="afterGroup">
                            <p:stCondLst>
                              <p:cond delay="1750"/>
                            </p:stCondLst>
                            <p:childTnLst>
                              <p:par>
                                <p:cTn fill="hold" id="21" nodeType="afterEffect" presetClass="entr" presetID="22" presetSubtype="8">
                                  <p:stCondLst>
                                    <p:cond delay="0"/>
                                  </p:stCondLst>
                                  <p:childTnLst>
                                    <p:set>
                                      <p:cBhvr>
                                        <p:cTn dur="1" fill="hold" id="22">
                                          <p:stCondLst>
                                            <p:cond delay="0"/>
                                          </p:stCondLst>
                                        </p:cTn>
                                        <p:tgtEl>
                                          <p:spTgt spid="2"/>
                                        </p:tgtEl>
                                        <p:attrNameLst>
                                          <p:attrName>style.visibility</p:attrName>
                                        </p:attrNameLst>
                                      </p:cBhvr>
                                      <p:to>
                                        <p:strVal val="visible"/>
                                      </p:to>
                                    </p:set>
                                    <p:animEffect filter="wipe(left)" transition="in">
                                      <p:cBhvr>
                                        <p:cTn dur="250" id="23"/>
                                        <p:tgtEl>
                                          <p:spTgt spid="2"/>
                                        </p:tgtEl>
                                      </p:cBhvr>
                                    </p:animEffect>
                                  </p:childTnLst>
                                </p:cTn>
                              </p:par>
                            </p:childTnLst>
                          </p:cTn>
                        </p:par>
                        <p:par>
                          <p:cTn fill="hold" id="24" nodeType="afterGroup">
                            <p:stCondLst>
                              <p:cond delay="2000"/>
                            </p:stCondLst>
                            <p:childTnLst>
                              <p:par>
                                <p:cTn decel="100000" fill="hold" id="25" nodeType="afterEffect" presetClass="entr" presetID="50" presetSubtype="0">
                                  <p:stCondLst>
                                    <p:cond delay="0"/>
                                  </p:stCondLst>
                                  <p:childTnLst>
                                    <p:set>
                                      <p:cBhvr>
                                        <p:cTn dur="1" fill="hold" id="26">
                                          <p:stCondLst>
                                            <p:cond delay="0"/>
                                          </p:stCondLst>
                                        </p:cTn>
                                        <p:tgtEl>
                                          <p:spTgt spid="10"/>
                                        </p:tgtEl>
                                        <p:attrNameLst>
                                          <p:attrName>style.visibility</p:attrName>
                                        </p:attrNameLst>
                                      </p:cBhvr>
                                      <p:to>
                                        <p:strVal val="visible"/>
                                      </p:to>
                                    </p:set>
                                    <p:anim calcmode="lin" valueType="num">
                                      <p:cBhvr>
                                        <p:cTn dur="750" fill="hold" id="27"/>
                                        <p:tgtEl>
                                          <p:spTgt spid="10"/>
                                        </p:tgtEl>
                                        <p:attrNameLst>
                                          <p:attrName>ppt_w</p:attrName>
                                        </p:attrNameLst>
                                      </p:cBhvr>
                                      <p:tavLst>
                                        <p:tav tm="0">
                                          <p:val>
                                            <p:strVal val="#ppt_w+.3"/>
                                          </p:val>
                                        </p:tav>
                                        <p:tav tm="100000">
                                          <p:val>
                                            <p:strVal val="#ppt_w"/>
                                          </p:val>
                                        </p:tav>
                                      </p:tavLst>
                                    </p:anim>
                                    <p:anim calcmode="lin" valueType="num">
                                      <p:cBhvr>
                                        <p:cTn dur="750" fill="hold" id="28"/>
                                        <p:tgtEl>
                                          <p:spTgt spid="10"/>
                                        </p:tgtEl>
                                        <p:attrNameLst>
                                          <p:attrName>ppt_h</p:attrName>
                                        </p:attrNameLst>
                                      </p:cBhvr>
                                      <p:tavLst>
                                        <p:tav tm="0">
                                          <p:val>
                                            <p:strVal val="#ppt_h"/>
                                          </p:val>
                                        </p:tav>
                                        <p:tav tm="100000">
                                          <p:val>
                                            <p:strVal val="#ppt_h"/>
                                          </p:val>
                                        </p:tav>
                                      </p:tavLst>
                                    </p:anim>
                                    <p:animEffect filter="fade" transition="in">
                                      <p:cBhvr>
                                        <p:cTn dur="750" id="29"/>
                                        <p:tgtEl>
                                          <p:spTgt spid="10"/>
                                        </p:tgtEl>
                                      </p:cBhvr>
                                    </p:animEffect>
                                  </p:childTnLst>
                                </p:cTn>
                              </p:par>
                            </p:childTnLst>
                          </p:cTn>
                        </p:par>
                        <p:par>
                          <p:cTn fill="hold" id="30" nodeType="afterGroup">
                            <p:stCondLst>
                              <p:cond delay="2750"/>
                            </p:stCondLst>
                            <p:childTnLst>
                              <p:par>
                                <p:cTn fill="hold" id="31" nodeType="afterEffect" presetClass="entr" presetID="22" presetSubtype="1">
                                  <p:stCondLst>
                                    <p:cond delay="0"/>
                                  </p:stCondLst>
                                  <p:childTnLst>
                                    <p:set>
                                      <p:cBhvr>
                                        <p:cTn dur="1" fill="hold" id="32">
                                          <p:stCondLst>
                                            <p:cond delay="0"/>
                                          </p:stCondLst>
                                        </p:cTn>
                                        <p:tgtEl>
                                          <p:spTgt spid="53"/>
                                        </p:tgtEl>
                                        <p:attrNameLst>
                                          <p:attrName>style.visibility</p:attrName>
                                        </p:attrNameLst>
                                      </p:cBhvr>
                                      <p:to>
                                        <p:strVal val="visible"/>
                                      </p:to>
                                    </p:set>
                                    <p:animEffect filter="wipe(up)" transition="in">
                                      <p:cBhvr>
                                        <p:cTn dur="250" id="33"/>
                                        <p:tgtEl>
                                          <p:spTgt spid="53"/>
                                        </p:tgtEl>
                                      </p:cBhvr>
                                    </p:animEffect>
                                  </p:childTnLst>
                                </p:cTn>
                              </p:par>
                            </p:childTnLst>
                          </p:cTn>
                        </p:par>
                        <p:par>
                          <p:cTn fill="hold" id="34" nodeType="afterGroup">
                            <p:stCondLst>
                              <p:cond delay="3000"/>
                            </p:stCondLst>
                            <p:childTnLst>
                              <p:par>
                                <p:cTn decel="100000" fill="hold" id="35" nodeType="afterEffect" presetClass="entr" presetID="50" presetSubtype="0">
                                  <p:stCondLst>
                                    <p:cond delay="0"/>
                                  </p:stCondLst>
                                  <p:childTnLst>
                                    <p:set>
                                      <p:cBhvr>
                                        <p:cTn dur="1" fill="hold" id="36">
                                          <p:stCondLst>
                                            <p:cond delay="0"/>
                                          </p:stCondLst>
                                        </p:cTn>
                                        <p:tgtEl>
                                          <p:spTgt spid="13"/>
                                        </p:tgtEl>
                                        <p:attrNameLst>
                                          <p:attrName>style.visibility</p:attrName>
                                        </p:attrNameLst>
                                      </p:cBhvr>
                                      <p:to>
                                        <p:strVal val="visible"/>
                                      </p:to>
                                    </p:set>
                                    <p:anim calcmode="lin" valueType="num">
                                      <p:cBhvr>
                                        <p:cTn dur="750" fill="hold" id="37"/>
                                        <p:tgtEl>
                                          <p:spTgt spid="13"/>
                                        </p:tgtEl>
                                        <p:attrNameLst>
                                          <p:attrName>ppt_w</p:attrName>
                                        </p:attrNameLst>
                                      </p:cBhvr>
                                      <p:tavLst>
                                        <p:tav tm="0">
                                          <p:val>
                                            <p:strVal val="#ppt_w+.3"/>
                                          </p:val>
                                        </p:tav>
                                        <p:tav tm="100000">
                                          <p:val>
                                            <p:strVal val="#ppt_w"/>
                                          </p:val>
                                        </p:tav>
                                      </p:tavLst>
                                    </p:anim>
                                    <p:anim calcmode="lin" valueType="num">
                                      <p:cBhvr>
                                        <p:cTn dur="750" fill="hold" id="38"/>
                                        <p:tgtEl>
                                          <p:spTgt spid="13"/>
                                        </p:tgtEl>
                                        <p:attrNameLst>
                                          <p:attrName>ppt_h</p:attrName>
                                        </p:attrNameLst>
                                      </p:cBhvr>
                                      <p:tavLst>
                                        <p:tav tm="0">
                                          <p:val>
                                            <p:strVal val="#ppt_h"/>
                                          </p:val>
                                        </p:tav>
                                        <p:tav tm="100000">
                                          <p:val>
                                            <p:strVal val="#ppt_h"/>
                                          </p:val>
                                        </p:tav>
                                      </p:tavLst>
                                    </p:anim>
                                    <p:animEffect filter="fade" transition="in">
                                      <p:cBhvr>
                                        <p:cTn dur="750" id="39"/>
                                        <p:tgtEl>
                                          <p:spTgt spid="13"/>
                                        </p:tgtEl>
                                      </p:cBhvr>
                                    </p:animEffect>
                                  </p:childTnLst>
                                </p:cTn>
                              </p:par>
                            </p:childTnLst>
                          </p:cTn>
                        </p:par>
                        <p:par>
                          <p:cTn fill="hold" id="40" nodeType="afterGroup">
                            <p:stCondLst>
                              <p:cond delay="3750"/>
                            </p:stCondLst>
                            <p:childTnLst>
                              <p:par>
                                <p:cTn fill="hold" id="41" nodeType="afterEffect" presetClass="entr" presetID="22" presetSubtype="8">
                                  <p:stCondLst>
                                    <p:cond delay="0"/>
                                  </p:stCondLst>
                                  <p:childTnLst>
                                    <p:set>
                                      <p:cBhvr>
                                        <p:cTn dur="1" fill="hold" id="42">
                                          <p:stCondLst>
                                            <p:cond delay="0"/>
                                          </p:stCondLst>
                                        </p:cTn>
                                        <p:tgtEl>
                                          <p:spTgt spid="20"/>
                                        </p:tgtEl>
                                        <p:attrNameLst>
                                          <p:attrName>style.visibility</p:attrName>
                                        </p:attrNameLst>
                                      </p:cBhvr>
                                      <p:to>
                                        <p:strVal val="visible"/>
                                      </p:to>
                                    </p:set>
                                    <p:animEffect filter="wipe(left)" transition="in">
                                      <p:cBhvr>
                                        <p:cTn dur="250" id="43"/>
                                        <p:tgtEl>
                                          <p:spTgt spid="20"/>
                                        </p:tgtEl>
                                      </p:cBhvr>
                                    </p:animEffect>
                                  </p:childTnLst>
                                </p:cTn>
                              </p:par>
                            </p:childTnLst>
                          </p:cTn>
                        </p:par>
                        <p:par>
                          <p:cTn fill="hold" id="44" nodeType="afterGroup">
                            <p:stCondLst>
                              <p:cond delay="4000"/>
                            </p:stCondLst>
                            <p:childTnLst>
                              <p:par>
                                <p:cTn fill="hold" grpId="0" id="45" nodeType="afterEffect" presetClass="entr" presetID="16" presetSubtype="42">
                                  <p:stCondLst>
                                    <p:cond delay="0"/>
                                  </p:stCondLst>
                                  <p:childTnLst>
                                    <p:set>
                                      <p:cBhvr>
                                        <p:cTn dur="1" fill="hold" id="46">
                                          <p:stCondLst>
                                            <p:cond delay="0"/>
                                          </p:stCondLst>
                                        </p:cTn>
                                        <p:tgtEl>
                                          <p:spTgt spid="34"/>
                                        </p:tgtEl>
                                        <p:attrNameLst>
                                          <p:attrName>style.visibility</p:attrName>
                                        </p:attrNameLst>
                                      </p:cBhvr>
                                      <p:to>
                                        <p:strVal val="visible"/>
                                      </p:to>
                                    </p:set>
                                    <p:animEffect filter="barn(outHorizontal)" transition="in">
                                      <p:cBhvr>
                                        <p:cTn dur="250" id="47"/>
                                        <p:tgtEl>
                                          <p:spTgt spid="34"/>
                                        </p:tgtEl>
                                      </p:cBhvr>
                                    </p:animEffect>
                                  </p:childTnLst>
                                </p:cTn>
                              </p:par>
                            </p:childTnLst>
                          </p:cTn>
                        </p:par>
                        <p:par>
                          <p:cTn fill="hold" id="48" nodeType="afterGroup">
                            <p:stCondLst>
                              <p:cond delay="4250"/>
                            </p:stCondLst>
                            <p:childTnLst>
                              <p:par>
                                <p:cTn fill="hold" id="49" nodeType="afterEffect" presetClass="entr" presetID="12" presetSubtype="1">
                                  <p:stCondLst>
                                    <p:cond delay="0"/>
                                  </p:stCondLst>
                                  <p:childTnLst>
                                    <p:set>
                                      <p:cBhvr>
                                        <p:cTn dur="1" fill="hold" id="50">
                                          <p:stCondLst>
                                            <p:cond delay="0"/>
                                          </p:stCondLst>
                                        </p:cTn>
                                        <p:tgtEl>
                                          <p:spTgt spid="22"/>
                                        </p:tgtEl>
                                        <p:attrNameLst>
                                          <p:attrName>style.visibility</p:attrName>
                                        </p:attrNameLst>
                                      </p:cBhvr>
                                      <p:to>
                                        <p:strVal val="visible"/>
                                      </p:to>
                                    </p:set>
                                    <p:anim calcmode="lin" valueType="num">
                                      <p:cBhvr additive="base">
                                        <p:cTn dur="250" id="51"/>
                                        <p:tgtEl>
                                          <p:spTgt spid="22"/>
                                        </p:tgtEl>
                                        <p:attrNameLst>
                                          <p:attrName>ppt_y</p:attrName>
                                        </p:attrNameLst>
                                      </p:cBhvr>
                                      <p:tavLst>
                                        <p:tav tm="0">
                                          <p:val>
                                            <p:strVal val="#ppt_y-#ppt_h*1.125000"/>
                                          </p:val>
                                        </p:tav>
                                        <p:tav tm="100000">
                                          <p:val>
                                            <p:strVal val="#ppt_y"/>
                                          </p:val>
                                        </p:tav>
                                      </p:tavLst>
                                    </p:anim>
                                    <p:animEffect filter="wipe(down)" transition="in">
                                      <p:cBhvr>
                                        <p:cTn dur="250" id="52"/>
                                        <p:tgtEl>
                                          <p:spTgt spid="22"/>
                                        </p:tgtEl>
                                      </p:cBhvr>
                                    </p:animEffect>
                                  </p:childTnLst>
                                </p:cTn>
                              </p:par>
                            </p:childTnLst>
                          </p:cTn>
                        </p:par>
                        <p:par>
                          <p:cTn fill="hold" id="53" nodeType="afterGroup">
                            <p:stCondLst>
                              <p:cond delay="4500"/>
                            </p:stCondLst>
                            <p:childTnLst>
                              <p:par>
                                <p:cTn fill="hold" id="54" nodeType="afterEffect" presetClass="entr" presetID="12" presetSubtype="1">
                                  <p:stCondLst>
                                    <p:cond delay="0"/>
                                  </p:stCondLst>
                                  <p:childTnLst>
                                    <p:set>
                                      <p:cBhvr>
                                        <p:cTn dur="1" fill="hold" id="55">
                                          <p:stCondLst>
                                            <p:cond delay="0"/>
                                          </p:stCondLst>
                                        </p:cTn>
                                        <p:tgtEl>
                                          <p:spTgt spid="26"/>
                                        </p:tgtEl>
                                        <p:attrNameLst>
                                          <p:attrName>style.visibility</p:attrName>
                                        </p:attrNameLst>
                                      </p:cBhvr>
                                      <p:to>
                                        <p:strVal val="visible"/>
                                      </p:to>
                                    </p:set>
                                    <p:anim calcmode="lin" valueType="num">
                                      <p:cBhvr additive="base">
                                        <p:cTn dur="250" id="56"/>
                                        <p:tgtEl>
                                          <p:spTgt spid="26"/>
                                        </p:tgtEl>
                                        <p:attrNameLst>
                                          <p:attrName>ppt_y</p:attrName>
                                        </p:attrNameLst>
                                      </p:cBhvr>
                                      <p:tavLst>
                                        <p:tav tm="0">
                                          <p:val>
                                            <p:strVal val="#ppt_y-#ppt_h*1.125000"/>
                                          </p:val>
                                        </p:tav>
                                        <p:tav tm="100000">
                                          <p:val>
                                            <p:strVal val="#ppt_y"/>
                                          </p:val>
                                        </p:tav>
                                      </p:tavLst>
                                    </p:anim>
                                    <p:animEffect filter="wipe(down)" transition="in">
                                      <p:cBhvr>
                                        <p:cTn dur="250" id="57"/>
                                        <p:tgtEl>
                                          <p:spTgt spid="26"/>
                                        </p:tgtEl>
                                      </p:cBhvr>
                                    </p:animEffect>
                                  </p:childTnLst>
                                </p:cTn>
                              </p:par>
                            </p:childTnLst>
                          </p:cTn>
                        </p:par>
                        <p:par>
                          <p:cTn fill="hold" id="58" nodeType="afterGroup">
                            <p:stCondLst>
                              <p:cond delay="4750"/>
                            </p:stCondLst>
                            <p:childTnLst>
                              <p:par>
                                <p:cTn fill="hold" id="59" nodeType="afterEffect" presetClass="entr" presetID="12" presetSubtype="1">
                                  <p:stCondLst>
                                    <p:cond delay="0"/>
                                  </p:stCondLst>
                                  <p:childTnLst>
                                    <p:set>
                                      <p:cBhvr>
                                        <p:cTn dur="1" fill="hold" id="60">
                                          <p:stCondLst>
                                            <p:cond delay="0"/>
                                          </p:stCondLst>
                                        </p:cTn>
                                        <p:tgtEl>
                                          <p:spTgt spid="30"/>
                                        </p:tgtEl>
                                        <p:attrNameLst>
                                          <p:attrName>style.visibility</p:attrName>
                                        </p:attrNameLst>
                                      </p:cBhvr>
                                      <p:to>
                                        <p:strVal val="visible"/>
                                      </p:to>
                                    </p:set>
                                    <p:anim calcmode="lin" valueType="num">
                                      <p:cBhvr additive="base">
                                        <p:cTn dur="250" id="61"/>
                                        <p:tgtEl>
                                          <p:spTgt spid="30"/>
                                        </p:tgtEl>
                                        <p:attrNameLst>
                                          <p:attrName>ppt_y</p:attrName>
                                        </p:attrNameLst>
                                      </p:cBhvr>
                                      <p:tavLst>
                                        <p:tav tm="0">
                                          <p:val>
                                            <p:strVal val="#ppt_y-#ppt_h*1.125000"/>
                                          </p:val>
                                        </p:tav>
                                        <p:tav tm="100000">
                                          <p:val>
                                            <p:strVal val="#ppt_y"/>
                                          </p:val>
                                        </p:tav>
                                      </p:tavLst>
                                    </p:anim>
                                    <p:animEffect filter="wipe(down)" transition="in">
                                      <p:cBhvr>
                                        <p:cTn dur="250" id="62"/>
                                        <p:tgtEl>
                                          <p:spTgt spid="30"/>
                                        </p:tgtEl>
                                      </p:cBhvr>
                                    </p:animEffect>
                                  </p:childTnLst>
                                </p:cTn>
                              </p:par>
                            </p:childTnLst>
                          </p:cTn>
                        </p:par>
                        <p:par>
                          <p:cTn fill="hold" id="63" nodeType="afterGroup">
                            <p:stCondLst>
                              <p:cond delay="5000"/>
                            </p:stCondLst>
                            <p:childTnLst>
                              <p:par>
                                <p:cTn fill="hold" id="64" nodeType="afterEffect" presetClass="entr" presetID="12" presetSubtype="1">
                                  <p:stCondLst>
                                    <p:cond delay="0"/>
                                  </p:stCondLst>
                                  <p:childTnLst>
                                    <p:set>
                                      <p:cBhvr>
                                        <p:cTn dur="1" fill="hold" id="65">
                                          <p:stCondLst>
                                            <p:cond delay="0"/>
                                          </p:stCondLst>
                                        </p:cTn>
                                        <p:tgtEl>
                                          <p:spTgt spid="35"/>
                                        </p:tgtEl>
                                        <p:attrNameLst>
                                          <p:attrName>style.visibility</p:attrName>
                                        </p:attrNameLst>
                                      </p:cBhvr>
                                      <p:to>
                                        <p:strVal val="visible"/>
                                      </p:to>
                                    </p:set>
                                    <p:anim calcmode="lin" valueType="num">
                                      <p:cBhvr additive="base">
                                        <p:cTn dur="250" id="66"/>
                                        <p:tgtEl>
                                          <p:spTgt spid="35"/>
                                        </p:tgtEl>
                                        <p:attrNameLst>
                                          <p:attrName>ppt_y</p:attrName>
                                        </p:attrNameLst>
                                      </p:cBhvr>
                                      <p:tavLst>
                                        <p:tav tm="0">
                                          <p:val>
                                            <p:strVal val="#ppt_y-#ppt_h*1.125000"/>
                                          </p:val>
                                        </p:tav>
                                        <p:tav tm="100000">
                                          <p:val>
                                            <p:strVal val="#ppt_y"/>
                                          </p:val>
                                        </p:tav>
                                      </p:tavLst>
                                    </p:anim>
                                    <p:animEffect filter="wipe(down)" transition="in">
                                      <p:cBhvr>
                                        <p:cTn dur="250" id="67"/>
                                        <p:tgtEl>
                                          <p:spTgt spid="35"/>
                                        </p:tgtEl>
                                      </p:cBhvr>
                                    </p:animEffect>
                                  </p:childTnLst>
                                </p:cTn>
                              </p:par>
                            </p:childTnLst>
                          </p:cTn>
                        </p:par>
                        <p:par>
                          <p:cTn fill="hold" id="68" nodeType="afterGroup">
                            <p:stCondLst>
                              <p:cond delay="5250"/>
                            </p:stCondLst>
                            <p:childTnLst>
                              <p:par>
                                <p:cTn fill="hold" id="69" nodeType="afterEffect" presetClass="entr" presetID="22" presetSubtype="8">
                                  <p:stCondLst>
                                    <p:cond delay="0"/>
                                  </p:stCondLst>
                                  <p:childTnLst>
                                    <p:set>
                                      <p:cBhvr>
                                        <p:cTn dur="1" fill="hold" id="70">
                                          <p:stCondLst>
                                            <p:cond delay="0"/>
                                          </p:stCondLst>
                                        </p:cTn>
                                        <p:tgtEl>
                                          <p:spTgt spid="54"/>
                                        </p:tgtEl>
                                        <p:attrNameLst>
                                          <p:attrName>style.visibility</p:attrName>
                                        </p:attrNameLst>
                                      </p:cBhvr>
                                      <p:to>
                                        <p:strVal val="visible"/>
                                      </p:to>
                                    </p:set>
                                    <p:animEffect filter="wipe(left)" transition="in">
                                      <p:cBhvr>
                                        <p:cTn dur="250" id="71"/>
                                        <p:tgtEl>
                                          <p:spTgt spid="54"/>
                                        </p:tgtEl>
                                      </p:cBhvr>
                                    </p:animEffect>
                                  </p:childTnLst>
                                </p:cTn>
                              </p:par>
                            </p:childTnLst>
                          </p:cTn>
                        </p:par>
                        <p:par>
                          <p:cTn fill="hold" id="72" nodeType="afterGroup">
                            <p:stCondLst>
                              <p:cond delay="5500"/>
                            </p:stCondLst>
                            <p:childTnLst>
                              <p:par>
                                <p:cTn fill="hold" id="73" nodeType="afterEffect" presetClass="entr" presetID="22" presetSubtype="8">
                                  <p:stCondLst>
                                    <p:cond delay="0"/>
                                  </p:stCondLst>
                                  <p:childTnLst>
                                    <p:set>
                                      <p:cBhvr>
                                        <p:cTn dur="1" fill="hold" id="74">
                                          <p:stCondLst>
                                            <p:cond delay="0"/>
                                          </p:stCondLst>
                                        </p:cTn>
                                        <p:tgtEl>
                                          <p:spTgt spid="21"/>
                                        </p:tgtEl>
                                        <p:attrNameLst>
                                          <p:attrName>style.visibility</p:attrName>
                                        </p:attrNameLst>
                                      </p:cBhvr>
                                      <p:to>
                                        <p:strVal val="visible"/>
                                      </p:to>
                                    </p:set>
                                    <p:animEffect filter="wipe(left)" transition="in">
                                      <p:cBhvr>
                                        <p:cTn dur="250" id="75"/>
                                        <p:tgtEl>
                                          <p:spTgt spid="21"/>
                                        </p:tgtEl>
                                      </p:cBhvr>
                                    </p:animEffect>
                                  </p:childTnLst>
                                </p:cTn>
                              </p:par>
                            </p:childTnLst>
                          </p:cTn>
                        </p:par>
                        <p:par>
                          <p:cTn fill="hold" id="76" nodeType="afterGroup">
                            <p:stCondLst>
                              <p:cond delay="5750"/>
                            </p:stCondLst>
                            <p:childTnLst>
                              <p:par>
                                <p:cTn fill="hold" id="77" nodeType="afterEffect" presetClass="entr" presetID="12" presetSubtype="8">
                                  <p:stCondLst>
                                    <p:cond delay="0"/>
                                  </p:stCondLst>
                                  <p:childTnLst>
                                    <p:set>
                                      <p:cBhvr>
                                        <p:cTn dur="1" fill="hold" id="78">
                                          <p:stCondLst>
                                            <p:cond delay="0"/>
                                          </p:stCondLst>
                                        </p:cTn>
                                        <p:tgtEl>
                                          <p:spTgt spid="39"/>
                                        </p:tgtEl>
                                        <p:attrNameLst>
                                          <p:attrName>style.visibility</p:attrName>
                                        </p:attrNameLst>
                                      </p:cBhvr>
                                      <p:to>
                                        <p:strVal val="visible"/>
                                      </p:to>
                                    </p:set>
                                    <p:anim calcmode="lin" valueType="num">
                                      <p:cBhvr additive="base">
                                        <p:cTn dur="250" id="79"/>
                                        <p:tgtEl>
                                          <p:spTgt spid="39"/>
                                        </p:tgtEl>
                                        <p:attrNameLst>
                                          <p:attrName>ppt_x</p:attrName>
                                        </p:attrNameLst>
                                      </p:cBhvr>
                                      <p:tavLst>
                                        <p:tav tm="0">
                                          <p:val>
                                            <p:strVal val="#ppt_x-#ppt_w*1.125000"/>
                                          </p:val>
                                        </p:tav>
                                        <p:tav tm="100000">
                                          <p:val>
                                            <p:strVal val="#ppt_x"/>
                                          </p:val>
                                        </p:tav>
                                      </p:tavLst>
                                    </p:anim>
                                    <p:animEffect filter="wipe(right)" transition="in">
                                      <p:cBhvr>
                                        <p:cTn dur="250" id="80"/>
                                        <p:tgtEl>
                                          <p:spTgt spid="39"/>
                                        </p:tgtEl>
                                      </p:cBhvr>
                                    </p:animEffect>
                                  </p:childTnLst>
                                </p:cTn>
                              </p:par>
                            </p:childTnLst>
                          </p:cTn>
                        </p:par>
                        <p:par>
                          <p:cTn fill="hold" id="81" nodeType="afterGroup">
                            <p:stCondLst>
                              <p:cond delay="6000"/>
                            </p:stCondLst>
                            <p:childTnLst>
                              <p:par>
                                <p:cTn fill="hold" id="82" nodeType="afterEffect" presetClass="entr" presetID="12" presetSubtype="8">
                                  <p:stCondLst>
                                    <p:cond delay="0"/>
                                  </p:stCondLst>
                                  <p:childTnLst>
                                    <p:set>
                                      <p:cBhvr>
                                        <p:cTn dur="1" fill="hold" id="83">
                                          <p:stCondLst>
                                            <p:cond delay="0"/>
                                          </p:stCondLst>
                                        </p:cTn>
                                        <p:tgtEl>
                                          <p:spTgt spid="43"/>
                                        </p:tgtEl>
                                        <p:attrNameLst>
                                          <p:attrName>style.visibility</p:attrName>
                                        </p:attrNameLst>
                                      </p:cBhvr>
                                      <p:to>
                                        <p:strVal val="visible"/>
                                      </p:to>
                                    </p:set>
                                    <p:anim calcmode="lin" valueType="num">
                                      <p:cBhvr additive="base">
                                        <p:cTn dur="250" id="84"/>
                                        <p:tgtEl>
                                          <p:spTgt spid="43"/>
                                        </p:tgtEl>
                                        <p:attrNameLst>
                                          <p:attrName>ppt_x</p:attrName>
                                        </p:attrNameLst>
                                      </p:cBhvr>
                                      <p:tavLst>
                                        <p:tav tm="0">
                                          <p:val>
                                            <p:strVal val="#ppt_x-#ppt_w*1.125000"/>
                                          </p:val>
                                        </p:tav>
                                        <p:tav tm="100000">
                                          <p:val>
                                            <p:strVal val="#ppt_x"/>
                                          </p:val>
                                        </p:tav>
                                      </p:tavLst>
                                    </p:anim>
                                    <p:animEffect filter="wipe(right)" transition="in">
                                      <p:cBhvr>
                                        <p:cTn dur="250" id="85"/>
                                        <p:tgtEl>
                                          <p:spTgt spid="43"/>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34"/>
    </p:bldLst>
  </p:timing>
</p:sld>
</file>

<file path=ppt/slides/slide5.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3279803" y="1911773"/>
            <a:ext cx="2628619" cy="2628031"/>
            <a:chOff x="3868719" y="1776670"/>
            <a:chExt cx="2628619" cy="2628031"/>
          </a:xfrm>
        </p:grpSpPr>
        <p:sp>
          <p:nvSpPr>
            <p:cNvPr id="3" name="Freeform 4"/>
            <p:cNvSpPr/>
            <p:nvPr/>
          </p:nvSpPr>
          <p:spPr bwMode="auto">
            <a:xfrm>
              <a:off x="3868719" y="1776670"/>
              <a:ext cx="2628619" cy="2628031"/>
            </a:xfrm>
            <a:custGeom>
              <a:gdLst>
                <a:gd fmla="*/ 800 w 1050" name="T0"/>
                <a:gd fmla="*/ 903 h 1049" name="T1"/>
                <a:gd fmla="*/ 766 w 1050" name="T2"/>
                <a:gd fmla="*/ 996 h 1049" name="T3"/>
                <a:gd fmla="*/ 671 w 1050" name="T4"/>
                <a:gd fmla="*/ 969 h 1049" name="T5"/>
                <a:gd fmla="*/ 625 w 1050" name="T6"/>
                <a:gd fmla="*/ 1044 h 1049" name="T7"/>
                <a:gd fmla="*/ 526 w 1050" name="T8"/>
                <a:gd fmla="*/ 991 h 1049" name="T9"/>
                <a:gd fmla="*/ 443 w 1050" name="T10"/>
                <a:gd fmla="*/ 1047 h 1049" name="T11"/>
                <a:gd fmla="*/ 381 w 1050" name="T12"/>
                <a:gd fmla="*/ 969 h 1049" name="T13"/>
                <a:gd fmla="*/ 301 w 1050" name="T14"/>
                <a:gd fmla="*/ 1003 h 1049" name="T15"/>
                <a:gd fmla="*/ 272 w 1050" name="T16"/>
                <a:gd fmla="*/ 917 h 1049" name="T17"/>
                <a:gd fmla="*/ 232 w 1050" name="T18"/>
                <a:gd fmla="*/ 888 h 1049" name="T19"/>
                <a:gd fmla="*/ 140 w 1050" name="T20"/>
                <a:gd fmla="*/ 886 h 1049" name="T21"/>
                <a:gd fmla="*/ 134 w 1050" name="T22"/>
                <a:gd fmla="*/ 778 h 1049" name="T23"/>
                <a:gd fmla="*/ 47 w 1050" name="T24"/>
                <a:gd fmla="*/ 750 h 1049" name="T25"/>
                <a:gd fmla="*/ 78 w 1050" name="T26"/>
                <a:gd fmla="*/ 657 h 1049" name="T27"/>
                <a:gd fmla="*/ 0 w 1050" name="T28"/>
                <a:gd fmla="*/ 590 h 1049" name="T29"/>
                <a:gd fmla="*/ 60 w 1050" name="T30"/>
                <a:gd fmla="*/ 500 h 1049" name="T31"/>
                <a:gd fmla="*/ 6 w 1050" name="T32"/>
                <a:gd fmla="*/ 426 h 1049" name="T33"/>
                <a:gd fmla="*/ 86 w 1050" name="T34"/>
                <a:gd fmla="*/ 368 h 1049" name="T35"/>
                <a:gd fmla="*/ 55 w 1050" name="T36"/>
                <a:gd fmla="*/ 284 h 1049" name="T37"/>
                <a:gd fmla="*/ 148 w 1050" name="T38"/>
                <a:gd fmla="*/ 250 h 1049" name="T39"/>
                <a:gd fmla="*/ 140 w 1050" name="T40"/>
                <a:gd fmla="*/ 163 h 1049" name="T41"/>
                <a:gd fmla="*/ 232 w 1050" name="T42"/>
                <a:gd fmla="*/ 162 h 1049" name="T43"/>
                <a:gd fmla="*/ 271 w 1050" name="T44"/>
                <a:gd fmla="*/ 61 h 1049" name="T45"/>
                <a:gd fmla="*/ 358 w 1050" name="T46"/>
                <a:gd fmla="*/ 88 h 1049" name="T47"/>
                <a:gd fmla="*/ 405 w 1050" name="T48"/>
                <a:gd fmla="*/ 73 h 1049" name="T49"/>
                <a:gd fmla="*/ 501 w 1050" name="T50"/>
                <a:gd fmla="*/ 58 h 1049" name="T51"/>
                <a:gd fmla="*/ 592 w 1050" name="T52"/>
                <a:gd fmla="*/ 0 h 1049" name="T53"/>
                <a:gd fmla="*/ 646 w 1050" name="T54"/>
                <a:gd fmla="*/ 73 h 1049" name="T55"/>
                <a:gd fmla="*/ 694 w 1050" name="T56"/>
                <a:gd fmla="*/ 88 h 1049" name="T57"/>
                <a:gd fmla="*/ 781 w 1050" name="T58"/>
                <a:gd fmla="*/ 61 h 1049" name="T59"/>
                <a:gd fmla="*/ 810 w 1050" name="T60"/>
                <a:gd fmla="*/ 155 h 1049" name="T61"/>
                <a:gd fmla="*/ 900 w 1050" name="T62"/>
                <a:gd fmla="*/ 151 h 1049" name="T63"/>
                <a:gd fmla="*/ 904 w 1050" name="T64"/>
                <a:gd fmla="*/ 250 h 1049" name="T65"/>
                <a:gd fmla="*/ 997 w 1050" name="T66"/>
                <a:gd fmla="*/ 284 h 1049" name="T67"/>
                <a:gd fmla="*/ 970 w 1050" name="T68"/>
                <a:gd fmla="*/ 380 h 1049" name="T69"/>
                <a:gd fmla="*/ 1045 w 1050" name="T70"/>
                <a:gd fmla="*/ 426 h 1049" name="T71"/>
                <a:gd fmla="*/ 993 w 1050" name="T72"/>
                <a:gd fmla="*/ 524 h 1049" name="T73"/>
                <a:gd fmla="*/ 1048 w 1050" name="T74"/>
                <a:gd fmla="*/ 607 h 1049" name="T75"/>
                <a:gd fmla="*/ 970 w 1050" name="T76"/>
                <a:gd fmla="*/ 669 h 1049" name="T77"/>
                <a:gd fmla="*/ 1005 w 1050" name="T78"/>
                <a:gd fmla="*/ 750 h 1049" name="T79"/>
                <a:gd fmla="*/ 918 w 1050" name="T80"/>
                <a:gd fmla="*/ 778 h 1049" name="T81"/>
                <a:gd fmla="*/ 889 w 1050" name="T82"/>
                <a:gd fmla="*/ 818 h 1049" name="T83"/>
                <a:gd fmla="*/ 888 w 1050" name="T84"/>
                <a:gd fmla="*/ 911 h 1049" name="T8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Lst>
              <a:rect b="b" l="0" r="r" t="0"/>
              <a:pathLst>
                <a:path h="1049" w="1050">
                  <a:moveTo>
                    <a:pt x="888" y="911"/>
                  </a:moveTo>
                  <a:lnTo>
                    <a:pt x="820" y="888"/>
                  </a:lnTo>
                  <a:lnTo>
                    <a:pt x="800" y="903"/>
                  </a:lnTo>
                  <a:lnTo>
                    <a:pt x="780" y="917"/>
                  </a:lnTo>
                  <a:lnTo>
                    <a:pt x="781" y="988"/>
                  </a:lnTo>
                  <a:lnTo>
                    <a:pt x="766" y="996"/>
                  </a:lnTo>
                  <a:lnTo>
                    <a:pt x="751" y="1003"/>
                  </a:lnTo>
                  <a:lnTo>
                    <a:pt x="694" y="961"/>
                  </a:lnTo>
                  <a:lnTo>
                    <a:pt x="671" y="969"/>
                  </a:lnTo>
                  <a:lnTo>
                    <a:pt x="658" y="972"/>
                  </a:lnTo>
                  <a:lnTo>
                    <a:pt x="646" y="976"/>
                  </a:lnTo>
                  <a:lnTo>
                    <a:pt x="625" y="1044"/>
                  </a:lnTo>
                  <a:lnTo>
                    <a:pt x="592" y="1049"/>
                  </a:lnTo>
                  <a:lnTo>
                    <a:pt x="551" y="991"/>
                  </a:lnTo>
                  <a:lnTo>
                    <a:pt x="526" y="991"/>
                  </a:lnTo>
                  <a:lnTo>
                    <a:pt x="501" y="991"/>
                  </a:lnTo>
                  <a:lnTo>
                    <a:pt x="460" y="1049"/>
                  </a:lnTo>
                  <a:lnTo>
                    <a:pt x="443" y="1047"/>
                  </a:lnTo>
                  <a:lnTo>
                    <a:pt x="426" y="1044"/>
                  </a:lnTo>
                  <a:lnTo>
                    <a:pt x="405" y="976"/>
                  </a:lnTo>
                  <a:lnTo>
                    <a:pt x="381" y="969"/>
                  </a:lnTo>
                  <a:lnTo>
                    <a:pt x="369" y="965"/>
                  </a:lnTo>
                  <a:lnTo>
                    <a:pt x="358" y="961"/>
                  </a:lnTo>
                  <a:lnTo>
                    <a:pt x="301" y="1003"/>
                  </a:lnTo>
                  <a:lnTo>
                    <a:pt x="286" y="996"/>
                  </a:lnTo>
                  <a:lnTo>
                    <a:pt x="271" y="988"/>
                  </a:lnTo>
                  <a:lnTo>
                    <a:pt x="272" y="917"/>
                  </a:lnTo>
                  <a:lnTo>
                    <a:pt x="252" y="903"/>
                  </a:lnTo>
                  <a:lnTo>
                    <a:pt x="242" y="895"/>
                  </a:lnTo>
                  <a:lnTo>
                    <a:pt x="232" y="888"/>
                  </a:lnTo>
                  <a:lnTo>
                    <a:pt x="164" y="911"/>
                  </a:lnTo>
                  <a:lnTo>
                    <a:pt x="152" y="899"/>
                  </a:lnTo>
                  <a:lnTo>
                    <a:pt x="140" y="886"/>
                  </a:lnTo>
                  <a:lnTo>
                    <a:pt x="163" y="818"/>
                  </a:lnTo>
                  <a:lnTo>
                    <a:pt x="148" y="799"/>
                  </a:lnTo>
                  <a:lnTo>
                    <a:pt x="134" y="778"/>
                  </a:lnTo>
                  <a:lnTo>
                    <a:pt x="63" y="779"/>
                  </a:lnTo>
                  <a:lnTo>
                    <a:pt x="55" y="765"/>
                  </a:lnTo>
                  <a:lnTo>
                    <a:pt x="47" y="750"/>
                  </a:lnTo>
                  <a:lnTo>
                    <a:pt x="90" y="693"/>
                  </a:lnTo>
                  <a:lnTo>
                    <a:pt x="82" y="669"/>
                  </a:lnTo>
                  <a:lnTo>
                    <a:pt x="78" y="657"/>
                  </a:lnTo>
                  <a:lnTo>
                    <a:pt x="75" y="645"/>
                  </a:lnTo>
                  <a:lnTo>
                    <a:pt x="6" y="623"/>
                  </a:lnTo>
                  <a:lnTo>
                    <a:pt x="0" y="590"/>
                  </a:lnTo>
                  <a:lnTo>
                    <a:pt x="60" y="549"/>
                  </a:lnTo>
                  <a:lnTo>
                    <a:pt x="59" y="524"/>
                  </a:lnTo>
                  <a:lnTo>
                    <a:pt x="60" y="500"/>
                  </a:lnTo>
                  <a:lnTo>
                    <a:pt x="0" y="459"/>
                  </a:lnTo>
                  <a:lnTo>
                    <a:pt x="3" y="442"/>
                  </a:lnTo>
                  <a:lnTo>
                    <a:pt x="6" y="426"/>
                  </a:lnTo>
                  <a:lnTo>
                    <a:pt x="75" y="405"/>
                  </a:lnTo>
                  <a:lnTo>
                    <a:pt x="82" y="380"/>
                  </a:lnTo>
                  <a:lnTo>
                    <a:pt x="86" y="368"/>
                  </a:lnTo>
                  <a:lnTo>
                    <a:pt x="90" y="356"/>
                  </a:lnTo>
                  <a:lnTo>
                    <a:pt x="47" y="299"/>
                  </a:lnTo>
                  <a:lnTo>
                    <a:pt x="55" y="284"/>
                  </a:lnTo>
                  <a:lnTo>
                    <a:pt x="63" y="270"/>
                  </a:lnTo>
                  <a:lnTo>
                    <a:pt x="134" y="271"/>
                  </a:lnTo>
                  <a:lnTo>
                    <a:pt x="148" y="250"/>
                  </a:lnTo>
                  <a:lnTo>
                    <a:pt x="155" y="240"/>
                  </a:lnTo>
                  <a:lnTo>
                    <a:pt x="163" y="231"/>
                  </a:lnTo>
                  <a:lnTo>
                    <a:pt x="140" y="163"/>
                  </a:lnTo>
                  <a:lnTo>
                    <a:pt x="152" y="151"/>
                  </a:lnTo>
                  <a:lnTo>
                    <a:pt x="164" y="139"/>
                  </a:lnTo>
                  <a:lnTo>
                    <a:pt x="232" y="162"/>
                  </a:lnTo>
                  <a:lnTo>
                    <a:pt x="252" y="147"/>
                  </a:lnTo>
                  <a:lnTo>
                    <a:pt x="272" y="133"/>
                  </a:lnTo>
                  <a:lnTo>
                    <a:pt x="271" y="61"/>
                  </a:lnTo>
                  <a:lnTo>
                    <a:pt x="286" y="53"/>
                  </a:lnTo>
                  <a:lnTo>
                    <a:pt x="301" y="46"/>
                  </a:lnTo>
                  <a:lnTo>
                    <a:pt x="358" y="88"/>
                  </a:lnTo>
                  <a:lnTo>
                    <a:pt x="381" y="80"/>
                  </a:lnTo>
                  <a:lnTo>
                    <a:pt x="393" y="76"/>
                  </a:lnTo>
                  <a:lnTo>
                    <a:pt x="405" y="73"/>
                  </a:lnTo>
                  <a:lnTo>
                    <a:pt x="426" y="5"/>
                  </a:lnTo>
                  <a:lnTo>
                    <a:pt x="460" y="0"/>
                  </a:lnTo>
                  <a:lnTo>
                    <a:pt x="501" y="58"/>
                  </a:lnTo>
                  <a:lnTo>
                    <a:pt x="526" y="57"/>
                  </a:lnTo>
                  <a:lnTo>
                    <a:pt x="551" y="58"/>
                  </a:lnTo>
                  <a:lnTo>
                    <a:pt x="592" y="0"/>
                  </a:lnTo>
                  <a:lnTo>
                    <a:pt x="608" y="2"/>
                  </a:lnTo>
                  <a:lnTo>
                    <a:pt x="625" y="5"/>
                  </a:lnTo>
                  <a:lnTo>
                    <a:pt x="646" y="73"/>
                  </a:lnTo>
                  <a:lnTo>
                    <a:pt x="671" y="80"/>
                  </a:lnTo>
                  <a:lnTo>
                    <a:pt x="682" y="84"/>
                  </a:lnTo>
                  <a:lnTo>
                    <a:pt x="694" y="88"/>
                  </a:lnTo>
                  <a:lnTo>
                    <a:pt x="751" y="46"/>
                  </a:lnTo>
                  <a:lnTo>
                    <a:pt x="766" y="53"/>
                  </a:lnTo>
                  <a:lnTo>
                    <a:pt x="781" y="61"/>
                  </a:lnTo>
                  <a:lnTo>
                    <a:pt x="780" y="133"/>
                  </a:lnTo>
                  <a:lnTo>
                    <a:pt x="800" y="147"/>
                  </a:lnTo>
                  <a:lnTo>
                    <a:pt x="810" y="155"/>
                  </a:lnTo>
                  <a:lnTo>
                    <a:pt x="820" y="162"/>
                  </a:lnTo>
                  <a:lnTo>
                    <a:pt x="888" y="139"/>
                  </a:lnTo>
                  <a:lnTo>
                    <a:pt x="900" y="151"/>
                  </a:lnTo>
                  <a:lnTo>
                    <a:pt x="912" y="163"/>
                  </a:lnTo>
                  <a:lnTo>
                    <a:pt x="889" y="231"/>
                  </a:lnTo>
                  <a:lnTo>
                    <a:pt x="904" y="250"/>
                  </a:lnTo>
                  <a:lnTo>
                    <a:pt x="918" y="271"/>
                  </a:lnTo>
                  <a:lnTo>
                    <a:pt x="989" y="270"/>
                  </a:lnTo>
                  <a:lnTo>
                    <a:pt x="997" y="284"/>
                  </a:lnTo>
                  <a:lnTo>
                    <a:pt x="1005" y="299"/>
                  </a:lnTo>
                  <a:lnTo>
                    <a:pt x="962" y="356"/>
                  </a:lnTo>
                  <a:lnTo>
                    <a:pt x="970" y="380"/>
                  </a:lnTo>
                  <a:lnTo>
                    <a:pt x="974" y="393"/>
                  </a:lnTo>
                  <a:lnTo>
                    <a:pt x="977" y="405"/>
                  </a:lnTo>
                  <a:lnTo>
                    <a:pt x="1045" y="426"/>
                  </a:lnTo>
                  <a:lnTo>
                    <a:pt x="1050" y="459"/>
                  </a:lnTo>
                  <a:lnTo>
                    <a:pt x="992" y="500"/>
                  </a:lnTo>
                  <a:lnTo>
                    <a:pt x="993" y="524"/>
                  </a:lnTo>
                  <a:lnTo>
                    <a:pt x="992" y="549"/>
                  </a:lnTo>
                  <a:lnTo>
                    <a:pt x="1050" y="590"/>
                  </a:lnTo>
                  <a:lnTo>
                    <a:pt x="1048" y="607"/>
                  </a:lnTo>
                  <a:lnTo>
                    <a:pt x="1045" y="623"/>
                  </a:lnTo>
                  <a:lnTo>
                    <a:pt x="977" y="645"/>
                  </a:lnTo>
                  <a:lnTo>
                    <a:pt x="970" y="669"/>
                  </a:lnTo>
                  <a:lnTo>
                    <a:pt x="966" y="681"/>
                  </a:lnTo>
                  <a:lnTo>
                    <a:pt x="962" y="693"/>
                  </a:lnTo>
                  <a:lnTo>
                    <a:pt x="1005" y="750"/>
                  </a:lnTo>
                  <a:lnTo>
                    <a:pt x="997" y="765"/>
                  </a:lnTo>
                  <a:lnTo>
                    <a:pt x="989" y="779"/>
                  </a:lnTo>
                  <a:lnTo>
                    <a:pt x="918" y="778"/>
                  </a:lnTo>
                  <a:lnTo>
                    <a:pt x="904" y="799"/>
                  </a:lnTo>
                  <a:lnTo>
                    <a:pt x="897" y="809"/>
                  </a:lnTo>
                  <a:lnTo>
                    <a:pt x="889" y="818"/>
                  </a:lnTo>
                  <a:lnTo>
                    <a:pt x="912" y="886"/>
                  </a:lnTo>
                  <a:lnTo>
                    <a:pt x="900" y="899"/>
                  </a:lnTo>
                  <a:lnTo>
                    <a:pt x="888" y="911"/>
                  </a:lnTo>
                  <a:close/>
                </a:path>
              </a:pathLst>
            </a:custGeom>
            <a:solidFill>
              <a:srgbClr val="A9A9A9"/>
            </a:solidFill>
            <a:ln cap="rnd" w="9525">
              <a:noFill/>
              <a:prstDash val="solid"/>
              <a:round/>
            </a:ln>
            <a:extLst/>
          </p:spPr>
          <p:txBody>
            <a:bodyPr anchor="ctr" vert="eaVert"/>
            <a:lstStyle/>
            <a:p>
              <a:pPr fontAlgn="base">
                <a:spcBef>
                  <a:spcPct val="0"/>
                </a:spcBef>
                <a:spcAft>
                  <a:spcPct val="0"/>
                </a:spcAft>
              </a:pPr>
              <a:endParaRPr kern="0" lang="en-US" sz="1400">
                <a:solidFill>
                  <a:sysClr lastClr="FFFFFF" val="window"/>
                </a:solidFill>
                <a:latin charset="-122" panose="020b0503020204020204" pitchFamily="34" typeface="微软雅黑"/>
                <a:ea charset="-122" panose="020b0503020204020204" pitchFamily="34" typeface="微软雅黑"/>
              </a:endParaRPr>
            </a:p>
          </p:txBody>
        </p:sp>
        <p:sp>
          <p:nvSpPr>
            <p:cNvPr id="4" name="Oval 5"/>
            <p:cNvSpPr>
              <a:spLocks noChangeArrowheads="1"/>
            </p:cNvSpPr>
            <p:nvPr/>
          </p:nvSpPr>
          <p:spPr bwMode="auto">
            <a:xfrm>
              <a:off x="4274765" y="2177285"/>
              <a:ext cx="1821868" cy="1826802"/>
            </a:xfrm>
            <a:prstGeom prst="ellipse">
              <a:avLst/>
            </a:prstGeom>
            <a:solidFill>
              <a:schemeClr val="bg1">
                <a:lumMod val="95000"/>
              </a:schemeClr>
            </a:solidFill>
            <a:ln w="22225">
              <a:noFill/>
              <a:round/>
            </a:ln>
            <a:effectLst/>
            <a:extLst>
              <a:ext uri="{AF507438-7753-43E0-B8FC-AC1667EBCBE1}">
                <a14:hiddenEffects>
                  <a:effectLst>
                    <a:outerShdw algn="ctr" dir="2700000" dist="35921" rotWithShape="0">
                      <a:srgbClr val="808080"/>
                    </a:outerShdw>
                  </a:effectLst>
                </a14:hiddenEffects>
              </a:ext>
            </a:extLst>
          </p:spPr>
          <p:txBody>
            <a:bodyPr anchor="ctr" anchorCtr="1"/>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defRPr/>
              </a:pPr>
              <a:r>
                <a:rPr altLang="en-US" kern="0" lang="zh-CN">
                  <a:latin charset="-122" panose="020b0503020204020204" pitchFamily="34" typeface="微软雅黑"/>
                  <a:ea charset="-122" panose="020b0503020204020204" pitchFamily="34" typeface="微软雅黑"/>
                </a:rPr>
                <a:t>单击此处添加文本</a:t>
              </a:r>
            </a:p>
          </p:txBody>
        </p:sp>
      </p:grpSp>
      <p:grpSp>
        <p:nvGrpSpPr>
          <p:cNvPr id="5" name="组合 4"/>
          <p:cNvGrpSpPr/>
          <p:nvPr/>
        </p:nvGrpSpPr>
        <p:grpSpPr>
          <a:xfrm>
            <a:off x="5593874" y="1429838"/>
            <a:ext cx="1790385" cy="1789984"/>
            <a:chOff x="6012485" y="1170407"/>
            <a:chExt cx="1487948" cy="1487615"/>
          </a:xfrm>
        </p:grpSpPr>
        <p:sp>
          <p:nvSpPr>
            <p:cNvPr id="6" name="Freeform 6"/>
            <p:cNvSpPr/>
            <p:nvPr/>
          </p:nvSpPr>
          <p:spPr bwMode="auto">
            <a:xfrm>
              <a:off x="6012485" y="1170407"/>
              <a:ext cx="1487948" cy="1487615"/>
            </a:xfrm>
            <a:custGeom>
              <a:gdLst>
                <a:gd fmla="*/ 441 w 637" name="T0"/>
                <a:gd fmla="*/ 550 h 638" name="T1"/>
                <a:gd fmla="*/ 420 w 637" name="T2"/>
                <a:gd fmla="*/ 560 h 638" name="T3"/>
                <a:gd fmla="*/ 397 w 637" name="T4"/>
                <a:gd fmla="*/ 568 h 638" name="T5"/>
                <a:gd fmla="*/ 362 w 637" name="T6"/>
                <a:gd fmla="*/ 636 h 638" name="T7"/>
                <a:gd fmla="*/ 312 w 637" name="T8"/>
                <a:gd fmla="*/ 579 h 638" name="T9"/>
                <a:gd fmla="*/ 288 w 637" name="T10"/>
                <a:gd fmla="*/ 577 h 638" name="T11"/>
                <a:gd fmla="*/ 264 w 637" name="T12"/>
                <a:gd fmla="*/ 573 h 638" name="T13"/>
                <a:gd fmla="*/ 209 w 637" name="T14"/>
                <a:gd fmla="*/ 619 h 638" name="T15"/>
                <a:gd fmla="*/ 181 w 637" name="T16"/>
                <a:gd fmla="*/ 608 h 638" name="T17"/>
                <a:gd fmla="*/ 174 w 637" name="T18"/>
                <a:gd fmla="*/ 533 h 638" name="T19"/>
                <a:gd fmla="*/ 155 w 637" name="T20"/>
                <a:gd fmla="*/ 519 h 638" name="T21"/>
                <a:gd fmla="*/ 79 w 637" name="T22"/>
                <a:gd fmla="*/ 531 h 638" name="T23"/>
                <a:gd fmla="*/ 56 w 637" name="T24"/>
                <a:gd fmla="*/ 502 h 638" name="T25"/>
                <a:gd fmla="*/ 89 w 637" name="T26"/>
                <a:gd fmla="*/ 432 h 638" name="T27"/>
                <a:gd fmla="*/ 78 w 637" name="T28"/>
                <a:gd fmla="*/ 410 h 638" name="T29"/>
                <a:gd fmla="*/ 6 w 637" name="T30"/>
                <a:gd fmla="*/ 383 h 638" name="T31"/>
                <a:gd fmla="*/ 0 w 637" name="T32"/>
                <a:gd fmla="*/ 346 h 638" name="T33"/>
                <a:gd fmla="*/ 64 w 637" name="T34"/>
                <a:gd fmla="*/ 301 h 638" name="T35"/>
                <a:gd fmla="*/ 67 w 637" name="T36"/>
                <a:gd fmla="*/ 276 h 638" name="T37"/>
                <a:gd fmla="*/ 17 w 637" name="T38"/>
                <a:gd fmla="*/ 215 h 638" name="T39"/>
                <a:gd fmla="*/ 30 w 637" name="T40"/>
                <a:gd fmla="*/ 182 h 638" name="T41"/>
                <a:gd fmla="*/ 109 w 637" name="T42"/>
                <a:gd fmla="*/ 175 h 638" name="T43"/>
                <a:gd fmla="*/ 124 w 637" name="T44"/>
                <a:gd fmla="*/ 155 h 638" name="T45"/>
                <a:gd fmla="*/ 111 w 637" name="T46"/>
                <a:gd fmla="*/ 76 h 638" name="T47"/>
                <a:gd fmla="*/ 138 w 637" name="T48"/>
                <a:gd fmla="*/ 55 h 638" name="T49"/>
                <a:gd fmla="*/ 211 w 637" name="T50"/>
                <a:gd fmla="*/ 88 h 638" name="T51"/>
                <a:gd fmla="*/ 234 w 637" name="T52"/>
                <a:gd fmla="*/ 79 h 638" name="T53"/>
                <a:gd fmla="*/ 261 w 637" name="T54"/>
                <a:gd fmla="*/ 4 h 638" name="T55"/>
                <a:gd fmla="*/ 279 w 637" name="T56"/>
                <a:gd fmla="*/ 1 h 638" name="T57"/>
                <a:gd fmla="*/ 330 w 637" name="T58"/>
                <a:gd fmla="*/ 64 h 638" name="T59"/>
                <a:gd fmla="*/ 355 w 637" name="T60"/>
                <a:gd fmla="*/ 66 h 638" name="T61"/>
                <a:gd fmla="*/ 379 w 637" name="T62"/>
                <a:gd fmla="*/ 70 h 638" name="T63"/>
                <a:gd fmla="*/ 436 w 637" name="T64"/>
                <a:gd fmla="*/ 21 h 638" name="T65"/>
                <a:gd fmla="*/ 461 w 637" name="T66"/>
                <a:gd fmla="*/ 32 h 638" name="T67"/>
                <a:gd fmla="*/ 468 w 637" name="T68"/>
                <a:gd fmla="*/ 110 h 638" name="T69"/>
                <a:gd fmla="*/ 488 w 637" name="T70"/>
                <a:gd fmla="*/ 125 h 638" name="T71"/>
                <a:gd fmla="*/ 562 w 637" name="T72"/>
                <a:gd fmla="*/ 112 h 638" name="T73"/>
                <a:gd fmla="*/ 579 w 637" name="T74"/>
                <a:gd fmla="*/ 136 h 638" name="T75"/>
                <a:gd fmla="*/ 548 w 637" name="T76"/>
                <a:gd fmla="*/ 201 h 638" name="T77"/>
                <a:gd fmla="*/ 554 w 637" name="T78"/>
                <a:gd fmla="*/ 213 h 638" name="T79"/>
                <a:gd fmla="*/ 563 w 637" name="T80"/>
                <a:gd fmla="*/ 235 h 638" name="T81"/>
                <a:gd fmla="*/ 632 w 637" name="T82"/>
                <a:gd fmla="*/ 261 h 638" name="T83"/>
                <a:gd fmla="*/ 637 w 637" name="T84"/>
                <a:gd fmla="*/ 301 h 638" name="T85"/>
                <a:gd fmla="*/ 577 w 637" name="T86"/>
                <a:gd fmla="*/ 344 h 638" name="T87"/>
                <a:gd fmla="*/ 574 w 637" name="T88"/>
                <a:gd fmla="*/ 367 h 638" name="T89"/>
                <a:gd fmla="*/ 620 w 637" name="T90"/>
                <a:gd fmla="*/ 424 h 638" name="T91"/>
                <a:gd fmla="*/ 604 w 637" name="T92"/>
                <a:gd fmla="*/ 462 h 638" name="T93"/>
                <a:gd fmla="*/ 532 w 637" name="T94"/>
                <a:gd fmla="*/ 469 h 638" name="T95"/>
                <a:gd fmla="*/ 518 w 637" name="T96"/>
                <a:gd fmla="*/ 488 h 638" name="T97"/>
                <a:gd fmla="*/ 529 w 637" name="T98"/>
                <a:gd fmla="*/ 559 h 638" name="T99"/>
                <a:gd fmla="*/ 505 w 637" name="T100"/>
                <a:gd fmla="*/ 579 h 638" name="T101"/>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Lst>
              <a:rect b="b" l="0" r="r" t="0"/>
              <a:pathLst>
                <a:path h="638" w="637">
                  <a:moveTo>
                    <a:pt x="496" y="585"/>
                  </a:moveTo>
                  <a:lnTo>
                    <a:pt x="441" y="550"/>
                  </a:lnTo>
                  <a:lnTo>
                    <a:pt x="431" y="555"/>
                  </a:lnTo>
                  <a:lnTo>
                    <a:pt x="420" y="560"/>
                  </a:lnTo>
                  <a:lnTo>
                    <a:pt x="409" y="564"/>
                  </a:lnTo>
                  <a:lnTo>
                    <a:pt x="397" y="568"/>
                  </a:lnTo>
                  <a:lnTo>
                    <a:pt x="382" y="633"/>
                  </a:lnTo>
                  <a:lnTo>
                    <a:pt x="362" y="636"/>
                  </a:lnTo>
                  <a:lnTo>
                    <a:pt x="342" y="638"/>
                  </a:lnTo>
                  <a:lnTo>
                    <a:pt x="312" y="579"/>
                  </a:lnTo>
                  <a:lnTo>
                    <a:pt x="300" y="579"/>
                  </a:lnTo>
                  <a:lnTo>
                    <a:pt x="288" y="577"/>
                  </a:lnTo>
                  <a:lnTo>
                    <a:pt x="275" y="576"/>
                  </a:lnTo>
                  <a:lnTo>
                    <a:pt x="264" y="573"/>
                  </a:lnTo>
                  <a:lnTo>
                    <a:pt x="219" y="622"/>
                  </a:lnTo>
                  <a:lnTo>
                    <a:pt x="209" y="619"/>
                  </a:lnTo>
                  <a:lnTo>
                    <a:pt x="200" y="616"/>
                  </a:lnTo>
                  <a:lnTo>
                    <a:pt x="181" y="608"/>
                  </a:lnTo>
                  <a:lnTo>
                    <a:pt x="184" y="540"/>
                  </a:lnTo>
                  <a:lnTo>
                    <a:pt x="174" y="533"/>
                  </a:lnTo>
                  <a:lnTo>
                    <a:pt x="164" y="526"/>
                  </a:lnTo>
                  <a:lnTo>
                    <a:pt x="155" y="519"/>
                  </a:lnTo>
                  <a:lnTo>
                    <a:pt x="146" y="511"/>
                  </a:lnTo>
                  <a:lnTo>
                    <a:pt x="79" y="531"/>
                  </a:lnTo>
                  <a:lnTo>
                    <a:pt x="67" y="517"/>
                  </a:lnTo>
                  <a:lnTo>
                    <a:pt x="56" y="502"/>
                  </a:lnTo>
                  <a:lnTo>
                    <a:pt x="94" y="443"/>
                  </a:lnTo>
                  <a:lnTo>
                    <a:pt x="89" y="432"/>
                  </a:lnTo>
                  <a:lnTo>
                    <a:pt x="83" y="421"/>
                  </a:lnTo>
                  <a:lnTo>
                    <a:pt x="78" y="410"/>
                  </a:lnTo>
                  <a:lnTo>
                    <a:pt x="74" y="398"/>
                  </a:lnTo>
                  <a:lnTo>
                    <a:pt x="6" y="383"/>
                  </a:lnTo>
                  <a:lnTo>
                    <a:pt x="3" y="364"/>
                  </a:lnTo>
                  <a:lnTo>
                    <a:pt x="0" y="346"/>
                  </a:lnTo>
                  <a:lnTo>
                    <a:pt x="63" y="314"/>
                  </a:lnTo>
                  <a:lnTo>
                    <a:pt x="64" y="301"/>
                  </a:lnTo>
                  <a:lnTo>
                    <a:pt x="65" y="288"/>
                  </a:lnTo>
                  <a:lnTo>
                    <a:pt x="67" y="276"/>
                  </a:lnTo>
                  <a:lnTo>
                    <a:pt x="69" y="264"/>
                  </a:lnTo>
                  <a:lnTo>
                    <a:pt x="17" y="215"/>
                  </a:lnTo>
                  <a:lnTo>
                    <a:pt x="23" y="198"/>
                  </a:lnTo>
                  <a:lnTo>
                    <a:pt x="30" y="182"/>
                  </a:lnTo>
                  <a:lnTo>
                    <a:pt x="102" y="185"/>
                  </a:lnTo>
                  <a:lnTo>
                    <a:pt x="109" y="175"/>
                  </a:lnTo>
                  <a:lnTo>
                    <a:pt x="117" y="165"/>
                  </a:lnTo>
                  <a:lnTo>
                    <a:pt x="124" y="155"/>
                  </a:lnTo>
                  <a:lnTo>
                    <a:pt x="133" y="146"/>
                  </a:lnTo>
                  <a:lnTo>
                    <a:pt x="111" y="76"/>
                  </a:lnTo>
                  <a:lnTo>
                    <a:pt x="124" y="65"/>
                  </a:lnTo>
                  <a:lnTo>
                    <a:pt x="138" y="55"/>
                  </a:lnTo>
                  <a:lnTo>
                    <a:pt x="200" y="94"/>
                  </a:lnTo>
                  <a:lnTo>
                    <a:pt x="211" y="88"/>
                  </a:lnTo>
                  <a:lnTo>
                    <a:pt x="222" y="83"/>
                  </a:lnTo>
                  <a:lnTo>
                    <a:pt x="234" y="79"/>
                  </a:lnTo>
                  <a:lnTo>
                    <a:pt x="246" y="75"/>
                  </a:lnTo>
                  <a:lnTo>
                    <a:pt x="261" y="4"/>
                  </a:lnTo>
                  <a:lnTo>
                    <a:pt x="270" y="3"/>
                  </a:lnTo>
                  <a:lnTo>
                    <a:pt x="279" y="1"/>
                  </a:lnTo>
                  <a:lnTo>
                    <a:pt x="297" y="0"/>
                  </a:lnTo>
                  <a:lnTo>
                    <a:pt x="330" y="64"/>
                  </a:lnTo>
                  <a:lnTo>
                    <a:pt x="343" y="65"/>
                  </a:lnTo>
                  <a:lnTo>
                    <a:pt x="355" y="66"/>
                  </a:lnTo>
                  <a:lnTo>
                    <a:pt x="367" y="68"/>
                  </a:lnTo>
                  <a:lnTo>
                    <a:pt x="379" y="70"/>
                  </a:lnTo>
                  <a:lnTo>
                    <a:pt x="427" y="18"/>
                  </a:lnTo>
                  <a:lnTo>
                    <a:pt x="436" y="21"/>
                  </a:lnTo>
                  <a:lnTo>
                    <a:pt x="444" y="25"/>
                  </a:lnTo>
                  <a:lnTo>
                    <a:pt x="461" y="32"/>
                  </a:lnTo>
                  <a:lnTo>
                    <a:pt x="458" y="103"/>
                  </a:lnTo>
                  <a:lnTo>
                    <a:pt x="468" y="110"/>
                  </a:lnTo>
                  <a:lnTo>
                    <a:pt x="478" y="117"/>
                  </a:lnTo>
                  <a:lnTo>
                    <a:pt x="488" y="125"/>
                  </a:lnTo>
                  <a:lnTo>
                    <a:pt x="497" y="134"/>
                  </a:lnTo>
                  <a:lnTo>
                    <a:pt x="562" y="112"/>
                  </a:lnTo>
                  <a:lnTo>
                    <a:pt x="574" y="128"/>
                  </a:lnTo>
                  <a:lnTo>
                    <a:pt x="579" y="136"/>
                  </a:lnTo>
                  <a:lnTo>
                    <a:pt x="586" y="144"/>
                  </a:lnTo>
                  <a:lnTo>
                    <a:pt x="548" y="201"/>
                  </a:lnTo>
                  <a:lnTo>
                    <a:pt x="551" y="206"/>
                  </a:lnTo>
                  <a:lnTo>
                    <a:pt x="554" y="213"/>
                  </a:lnTo>
                  <a:lnTo>
                    <a:pt x="559" y="224"/>
                  </a:lnTo>
                  <a:lnTo>
                    <a:pt x="563" y="235"/>
                  </a:lnTo>
                  <a:lnTo>
                    <a:pt x="567" y="247"/>
                  </a:lnTo>
                  <a:lnTo>
                    <a:pt x="632" y="261"/>
                  </a:lnTo>
                  <a:lnTo>
                    <a:pt x="635" y="280"/>
                  </a:lnTo>
                  <a:lnTo>
                    <a:pt x="637" y="301"/>
                  </a:lnTo>
                  <a:lnTo>
                    <a:pt x="578" y="332"/>
                  </a:lnTo>
                  <a:lnTo>
                    <a:pt x="577" y="344"/>
                  </a:lnTo>
                  <a:lnTo>
                    <a:pt x="576" y="356"/>
                  </a:lnTo>
                  <a:lnTo>
                    <a:pt x="574" y="367"/>
                  </a:lnTo>
                  <a:lnTo>
                    <a:pt x="571" y="380"/>
                  </a:lnTo>
                  <a:lnTo>
                    <a:pt x="620" y="424"/>
                  </a:lnTo>
                  <a:lnTo>
                    <a:pt x="613" y="443"/>
                  </a:lnTo>
                  <a:lnTo>
                    <a:pt x="604" y="462"/>
                  </a:lnTo>
                  <a:lnTo>
                    <a:pt x="539" y="458"/>
                  </a:lnTo>
                  <a:lnTo>
                    <a:pt x="532" y="469"/>
                  </a:lnTo>
                  <a:lnTo>
                    <a:pt x="525" y="479"/>
                  </a:lnTo>
                  <a:lnTo>
                    <a:pt x="518" y="488"/>
                  </a:lnTo>
                  <a:lnTo>
                    <a:pt x="510" y="497"/>
                  </a:lnTo>
                  <a:lnTo>
                    <a:pt x="529" y="559"/>
                  </a:lnTo>
                  <a:lnTo>
                    <a:pt x="513" y="573"/>
                  </a:lnTo>
                  <a:lnTo>
                    <a:pt x="505" y="579"/>
                  </a:lnTo>
                  <a:lnTo>
                    <a:pt x="496" y="585"/>
                  </a:lnTo>
                  <a:close/>
                </a:path>
              </a:pathLst>
            </a:custGeom>
            <a:solidFill>
              <a:srgbClr val="00544A"/>
            </a:solidFill>
            <a:ln algn="ctr" cap="flat" cmpd="sng" w="3175">
              <a:noFill/>
              <a:prstDash val="solid"/>
            </a:ln>
            <a:effectLst/>
            <a:extLst/>
          </p:spPr>
          <p:txBody>
            <a:bodyPr anchor="ctr" lIns="0" rIns="0"/>
            <a:lstStyle/>
            <a:p>
              <a:pPr algn="ctr" fontAlgn="base">
                <a:lnSpc>
                  <a:spcPct val="120000"/>
                </a:lnSpc>
                <a:spcBef>
                  <a:spcPts val="600"/>
                </a:spcBef>
                <a:spcAft>
                  <a:spcPts val="600"/>
                </a:spcAft>
              </a:pPr>
              <a:endParaRPr kern="0" lang="en-US" sz="2800">
                <a:latin charset="-122" panose="020b0503020204020204" pitchFamily="34" typeface="微软雅黑"/>
                <a:ea charset="-122" panose="020b0503020204020204" pitchFamily="34" typeface="微软雅黑"/>
              </a:endParaRPr>
            </a:p>
          </p:txBody>
        </p:sp>
        <p:sp>
          <p:nvSpPr>
            <p:cNvPr id="7" name="Oval 7"/>
            <p:cNvSpPr>
              <a:spLocks noChangeArrowheads="1"/>
            </p:cNvSpPr>
            <p:nvPr/>
          </p:nvSpPr>
          <p:spPr bwMode="auto">
            <a:xfrm>
              <a:off x="6307671" y="1468197"/>
              <a:ext cx="897577" cy="892035"/>
            </a:xfrm>
            <a:prstGeom prst="ellipse">
              <a:avLst/>
            </a:prstGeom>
            <a:solidFill>
              <a:schemeClr val="bg1">
                <a:lumMod val="95000"/>
              </a:schemeClr>
            </a:solidFill>
            <a:ln w="22225">
              <a:noFill/>
              <a:round/>
            </a:ln>
            <a:effectLst/>
            <a:extLst>
              <a:ext uri="{AF507438-7753-43E0-B8FC-AC1667EBCBE1}">
                <a14:hiddenEffects>
                  <a:effectLst>
                    <a:outerShdw algn="ctr" dir="2700000" dist="35921" rotWithShape="0">
                      <a:srgbClr val="808080"/>
                    </a:outerShdw>
                  </a:effectLst>
                </a14:hiddenEffects>
              </a:ext>
            </a:extLst>
          </p:spPr>
          <p:txBody>
            <a:bodyPr anchor="ctr" anchorCtr="1"/>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defRPr/>
              </a:pPr>
              <a:r>
                <a:rPr altLang="en-US" kern="0" lang="zh-CN" sz="1200">
                  <a:latin charset="-122" panose="020b0503020204020204" pitchFamily="34" typeface="微软雅黑"/>
                  <a:ea charset="-122" panose="020b0503020204020204" pitchFamily="34" typeface="微软雅黑"/>
                </a:rPr>
                <a:t>单击此处添加文本</a:t>
              </a:r>
            </a:p>
          </p:txBody>
        </p:sp>
      </p:grpSp>
      <p:grpSp>
        <p:nvGrpSpPr>
          <p:cNvPr id="8" name="组合 7"/>
          <p:cNvGrpSpPr/>
          <p:nvPr/>
        </p:nvGrpSpPr>
        <p:grpSpPr>
          <a:xfrm>
            <a:off x="1348172" y="1697772"/>
            <a:ext cx="2075647" cy="2080525"/>
            <a:chOff x="2057536" y="1194444"/>
            <a:chExt cx="2075647" cy="2080525"/>
          </a:xfrm>
        </p:grpSpPr>
        <p:sp>
          <p:nvSpPr>
            <p:cNvPr id="9" name="Freeform 8"/>
            <p:cNvSpPr/>
            <p:nvPr/>
          </p:nvSpPr>
          <p:spPr bwMode="auto">
            <a:xfrm>
              <a:off x="2057536" y="1194444"/>
              <a:ext cx="2075647" cy="2080525"/>
            </a:xfrm>
            <a:custGeom>
              <a:gdLst>
                <a:gd fmla="*/ 587 w 808" name="T0"/>
                <a:gd fmla="*/ 691 h 810" name="T1"/>
                <a:gd fmla="*/ 553 w 808" name="T2"/>
                <a:gd fmla="*/ 710 h 810" name="T3"/>
                <a:gd fmla="*/ 535 w 808" name="T4"/>
                <a:gd fmla="*/ 789 h 810" name="T5"/>
                <a:gd fmla="*/ 509 w 808" name="T6"/>
                <a:gd fmla="*/ 797 h 810" name="T7"/>
                <a:gd fmla="*/ 450 w 808" name="T8"/>
                <a:gd fmla="*/ 741 h 810" name="T9"/>
                <a:gd fmla="*/ 425 w 808" name="T10"/>
                <a:gd fmla="*/ 744 h 810" name="T11"/>
                <a:gd fmla="*/ 378 w 808" name="T12"/>
                <a:gd fmla="*/ 810 h 810" name="T13"/>
                <a:gd fmla="*/ 351 w 808" name="T14"/>
                <a:gd fmla="*/ 807 h 810" name="T15"/>
                <a:gd fmla="*/ 317 w 808" name="T16"/>
                <a:gd fmla="*/ 733 h 810" name="T17"/>
                <a:gd fmla="*/ 292 w 808" name="T18"/>
                <a:gd fmla="*/ 726 h 810" name="T19"/>
                <a:gd fmla="*/ 225 w 808" name="T20"/>
                <a:gd fmla="*/ 769 h 810" name="T21"/>
                <a:gd fmla="*/ 199 w 808" name="T22"/>
                <a:gd fmla="*/ 755 h 810" name="T23"/>
                <a:gd fmla="*/ 197 w 808" name="T24"/>
                <a:gd fmla="*/ 675 h 810" name="T25"/>
                <a:gd fmla="*/ 177 w 808" name="T26"/>
                <a:gd fmla="*/ 658 h 810" name="T27"/>
                <a:gd fmla="*/ 99 w 808" name="T28"/>
                <a:gd fmla="*/ 672 h 810" name="T29"/>
                <a:gd fmla="*/ 81 w 808" name="T30"/>
                <a:gd fmla="*/ 649 h 810" name="T31"/>
                <a:gd fmla="*/ 103 w 808" name="T32"/>
                <a:gd fmla="*/ 563 h 810" name="T33"/>
                <a:gd fmla="*/ 92 w 808" name="T34"/>
                <a:gd fmla="*/ 540 h 810" name="T35"/>
                <a:gd fmla="*/ 16 w 808" name="T36"/>
                <a:gd fmla="*/ 521 h 810" name="T37"/>
                <a:gd fmla="*/ 67 w 808" name="T38"/>
                <a:gd fmla="*/ 461 h 810" name="T39"/>
                <a:gd fmla="*/ 64 w 808" name="T40"/>
                <a:gd fmla="*/ 436 h 810" name="T41"/>
                <a:gd fmla="*/ 62 w 808" name="T42"/>
                <a:gd fmla="*/ 410 h 810" name="T43"/>
                <a:gd fmla="*/ 1 w 808" name="T44"/>
                <a:gd fmla="*/ 362 h 810" name="T45"/>
                <a:gd fmla="*/ 70 w 808" name="T46"/>
                <a:gd fmla="*/ 328 h 810" name="T47"/>
                <a:gd fmla="*/ 78 w 808" name="T48"/>
                <a:gd fmla="*/ 303 h 810" name="T49"/>
                <a:gd fmla="*/ 86 w 808" name="T50"/>
                <a:gd fmla="*/ 278 h 810" name="T51"/>
                <a:gd fmla="*/ 48 w 808" name="T52"/>
                <a:gd fmla="*/ 212 h 810" name="T53"/>
                <a:gd fmla="*/ 125 w 808" name="T54"/>
                <a:gd fmla="*/ 206 h 810" name="T55"/>
                <a:gd fmla="*/ 140 w 808" name="T56"/>
                <a:gd fmla="*/ 186 h 810" name="T57"/>
                <a:gd fmla="*/ 157 w 808" name="T58"/>
                <a:gd fmla="*/ 166 h 810" name="T59"/>
                <a:gd fmla="*/ 148 w 808" name="T60"/>
                <a:gd fmla="*/ 91 h 810" name="T61"/>
                <a:gd fmla="*/ 221 w 808" name="T62"/>
                <a:gd fmla="*/ 114 h 810" name="T63"/>
                <a:gd fmla="*/ 255 w 808" name="T64"/>
                <a:gd fmla="*/ 95 h 810" name="T65"/>
                <a:gd fmla="*/ 272 w 808" name="T66"/>
                <a:gd fmla="*/ 21 h 810" name="T67"/>
                <a:gd fmla="*/ 302 w 808" name="T68"/>
                <a:gd fmla="*/ 12 h 810" name="T69"/>
                <a:gd fmla="*/ 358 w 808" name="T70"/>
                <a:gd fmla="*/ 63 h 810" name="T71"/>
                <a:gd fmla="*/ 383 w 808" name="T72"/>
                <a:gd fmla="*/ 61 h 810" name="T73"/>
                <a:gd fmla="*/ 427 w 808" name="T74"/>
                <a:gd fmla="*/ 0 h 810" name="T75"/>
                <a:gd fmla="*/ 459 w 808" name="T76"/>
                <a:gd fmla="*/ 3 h 810" name="T77"/>
                <a:gd fmla="*/ 491 w 808" name="T78"/>
                <a:gd fmla="*/ 71 h 810" name="T79"/>
                <a:gd fmla="*/ 515 w 808" name="T80"/>
                <a:gd fmla="*/ 78 h 810" name="T81"/>
                <a:gd fmla="*/ 579 w 808" name="T82"/>
                <a:gd fmla="*/ 39 h 810" name="T83"/>
                <a:gd fmla="*/ 607 w 808" name="T84"/>
                <a:gd fmla="*/ 54 h 810" name="T85"/>
                <a:gd fmla="*/ 611 w 808" name="T86"/>
                <a:gd fmla="*/ 130 h 810" name="T87"/>
                <a:gd fmla="*/ 630 w 808" name="T88"/>
                <a:gd fmla="*/ 146 h 810" name="T89"/>
                <a:gd fmla="*/ 705 w 808" name="T90"/>
                <a:gd fmla="*/ 134 h 810" name="T91"/>
                <a:gd fmla="*/ 725 w 808" name="T92"/>
                <a:gd fmla="*/ 158 h 810" name="T93"/>
                <a:gd fmla="*/ 705 w 808" name="T94"/>
                <a:gd fmla="*/ 241 h 810" name="T95"/>
                <a:gd fmla="*/ 716 w 808" name="T96"/>
                <a:gd fmla="*/ 264 h 810" name="T97"/>
                <a:gd fmla="*/ 791 w 808" name="T98"/>
                <a:gd fmla="*/ 285 h 810" name="T99"/>
                <a:gd fmla="*/ 740 w 808" name="T100"/>
                <a:gd fmla="*/ 343 h 810" name="T101"/>
                <a:gd fmla="*/ 744 w 808" name="T102"/>
                <a:gd fmla="*/ 368 h 810" name="T103"/>
                <a:gd fmla="*/ 745 w 808" name="T104"/>
                <a:gd fmla="*/ 395 h 810" name="T105"/>
                <a:gd fmla="*/ 807 w 808" name="T106"/>
                <a:gd fmla="*/ 442 h 810" name="T107"/>
                <a:gd fmla="*/ 737 w 808" name="T108"/>
                <a:gd fmla="*/ 477 h 810" name="T109"/>
                <a:gd fmla="*/ 730 w 808" name="T110"/>
                <a:gd fmla="*/ 502 h 810" name="T111"/>
                <a:gd fmla="*/ 722 w 808" name="T112"/>
                <a:gd fmla="*/ 526 h 810" name="T113"/>
                <a:gd fmla="*/ 762 w 808" name="T114"/>
                <a:gd fmla="*/ 595 h 810" name="T115"/>
                <a:gd fmla="*/ 683 w 808" name="T116"/>
                <a:gd fmla="*/ 599 h 810" name="T117"/>
                <a:gd fmla="*/ 668 w 808" name="T118"/>
                <a:gd fmla="*/ 620 h 810" name="T119"/>
                <a:gd fmla="*/ 651 w 808" name="T120"/>
                <a:gd fmla="*/ 639 h 810" name="T121"/>
                <a:gd fmla="*/ 662 w 808" name="T122"/>
                <a:gd fmla="*/ 718 h 810" name="T12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b="b" l="0" r="r" t="0"/>
              <a:pathLst>
                <a:path h="810" w="806">
                  <a:moveTo>
                    <a:pt x="651" y="726"/>
                  </a:moveTo>
                  <a:lnTo>
                    <a:pt x="587" y="691"/>
                  </a:lnTo>
                  <a:lnTo>
                    <a:pt x="565" y="704"/>
                  </a:lnTo>
                  <a:lnTo>
                    <a:pt x="553" y="710"/>
                  </a:lnTo>
                  <a:lnTo>
                    <a:pt x="542" y="716"/>
                  </a:lnTo>
                  <a:lnTo>
                    <a:pt x="535" y="789"/>
                  </a:lnTo>
                  <a:lnTo>
                    <a:pt x="522" y="794"/>
                  </a:lnTo>
                  <a:lnTo>
                    <a:pt x="509" y="797"/>
                  </a:lnTo>
                  <a:lnTo>
                    <a:pt x="462" y="739"/>
                  </a:lnTo>
                  <a:lnTo>
                    <a:pt x="450" y="741"/>
                  </a:lnTo>
                  <a:lnTo>
                    <a:pt x="437" y="743"/>
                  </a:lnTo>
                  <a:lnTo>
                    <a:pt x="425" y="744"/>
                  </a:lnTo>
                  <a:lnTo>
                    <a:pt x="412" y="744"/>
                  </a:lnTo>
                  <a:lnTo>
                    <a:pt x="378" y="810"/>
                  </a:lnTo>
                  <a:lnTo>
                    <a:pt x="364" y="809"/>
                  </a:lnTo>
                  <a:lnTo>
                    <a:pt x="351" y="807"/>
                  </a:lnTo>
                  <a:lnTo>
                    <a:pt x="329" y="736"/>
                  </a:lnTo>
                  <a:lnTo>
                    <a:pt x="317" y="733"/>
                  </a:lnTo>
                  <a:lnTo>
                    <a:pt x="304" y="730"/>
                  </a:lnTo>
                  <a:lnTo>
                    <a:pt x="292" y="726"/>
                  </a:lnTo>
                  <a:lnTo>
                    <a:pt x="280" y="721"/>
                  </a:lnTo>
                  <a:lnTo>
                    <a:pt x="225" y="769"/>
                  </a:lnTo>
                  <a:lnTo>
                    <a:pt x="212" y="763"/>
                  </a:lnTo>
                  <a:lnTo>
                    <a:pt x="199" y="755"/>
                  </a:lnTo>
                  <a:lnTo>
                    <a:pt x="207" y="683"/>
                  </a:lnTo>
                  <a:lnTo>
                    <a:pt x="197" y="675"/>
                  </a:lnTo>
                  <a:lnTo>
                    <a:pt x="187" y="667"/>
                  </a:lnTo>
                  <a:lnTo>
                    <a:pt x="177" y="658"/>
                  </a:lnTo>
                  <a:lnTo>
                    <a:pt x="168" y="650"/>
                  </a:lnTo>
                  <a:lnTo>
                    <a:pt x="99" y="672"/>
                  </a:lnTo>
                  <a:lnTo>
                    <a:pt x="90" y="661"/>
                  </a:lnTo>
                  <a:lnTo>
                    <a:pt x="81" y="649"/>
                  </a:lnTo>
                  <a:lnTo>
                    <a:pt x="116" y="586"/>
                  </a:lnTo>
                  <a:lnTo>
                    <a:pt x="103" y="563"/>
                  </a:lnTo>
                  <a:lnTo>
                    <a:pt x="97" y="552"/>
                  </a:lnTo>
                  <a:lnTo>
                    <a:pt x="92" y="540"/>
                  </a:lnTo>
                  <a:lnTo>
                    <a:pt x="20" y="534"/>
                  </a:lnTo>
                  <a:lnTo>
                    <a:pt x="16" y="521"/>
                  </a:lnTo>
                  <a:lnTo>
                    <a:pt x="12" y="507"/>
                  </a:lnTo>
                  <a:lnTo>
                    <a:pt x="67" y="461"/>
                  </a:lnTo>
                  <a:lnTo>
                    <a:pt x="65" y="449"/>
                  </a:lnTo>
                  <a:lnTo>
                    <a:pt x="64" y="436"/>
                  </a:lnTo>
                  <a:lnTo>
                    <a:pt x="63" y="423"/>
                  </a:lnTo>
                  <a:lnTo>
                    <a:pt x="62" y="410"/>
                  </a:lnTo>
                  <a:lnTo>
                    <a:pt x="0" y="378"/>
                  </a:lnTo>
                  <a:lnTo>
                    <a:pt x="1" y="362"/>
                  </a:lnTo>
                  <a:lnTo>
                    <a:pt x="3" y="348"/>
                  </a:lnTo>
                  <a:lnTo>
                    <a:pt x="70" y="328"/>
                  </a:lnTo>
                  <a:lnTo>
                    <a:pt x="73" y="316"/>
                  </a:lnTo>
                  <a:lnTo>
                    <a:pt x="78" y="303"/>
                  </a:lnTo>
                  <a:lnTo>
                    <a:pt x="82" y="291"/>
                  </a:lnTo>
                  <a:lnTo>
                    <a:pt x="86" y="278"/>
                  </a:lnTo>
                  <a:lnTo>
                    <a:pt x="41" y="225"/>
                  </a:lnTo>
                  <a:lnTo>
                    <a:pt x="48" y="212"/>
                  </a:lnTo>
                  <a:lnTo>
                    <a:pt x="55" y="199"/>
                  </a:lnTo>
                  <a:lnTo>
                    <a:pt x="125" y="206"/>
                  </a:lnTo>
                  <a:lnTo>
                    <a:pt x="132" y="196"/>
                  </a:lnTo>
                  <a:lnTo>
                    <a:pt x="140" y="186"/>
                  </a:lnTo>
                  <a:lnTo>
                    <a:pt x="148" y="175"/>
                  </a:lnTo>
                  <a:lnTo>
                    <a:pt x="157" y="166"/>
                  </a:lnTo>
                  <a:lnTo>
                    <a:pt x="136" y="101"/>
                  </a:lnTo>
                  <a:lnTo>
                    <a:pt x="148" y="91"/>
                  </a:lnTo>
                  <a:lnTo>
                    <a:pt x="160" y="80"/>
                  </a:lnTo>
                  <a:lnTo>
                    <a:pt x="221" y="114"/>
                  </a:lnTo>
                  <a:lnTo>
                    <a:pt x="243" y="101"/>
                  </a:lnTo>
                  <a:lnTo>
                    <a:pt x="255" y="95"/>
                  </a:lnTo>
                  <a:lnTo>
                    <a:pt x="266" y="90"/>
                  </a:lnTo>
                  <a:lnTo>
                    <a:pt x="272" y="21"/>
                  </a:lnTo>
                  <a:lnTo>
                    <a:pt x="287" y="16"/>
                  </a:lnTo>
                  <a:lnTo>
                    <a:pt x="302" y="12"/>
                  </a:lnTo>
                  <a:lnTo>
                    <a:pt x="345" y="65"/>
                  </a:lnTo>
                  <a:lnTo>
                    <a:pt x="358" y="63"/>
                  </a:lnTo>
                  <a:lnTo>
                    <a:pt x="371" y="62"/>
                  </a:lnTo>
                  <a:lnTo>
                    <a:pt x="383" y="61"/>
                  </a:lnTo>
                  <a:lnTo>
                    <a:pt x="396" y="60"/>
                  </a:lnTo>
                  <a:lnTo>
                    <a:pt x="427" y="0"/>
                  </a:lnTo>
                  <a:lnTo>
                    <a:pt x="443" y="1"/>
                  </a:lnTo>
                  <a:lnTo>
                    <a:pt x="459" y="3"/>
                  </a:lnTo>
                  <a:lnTo>
                    <a:pt x="479" y="68"/>
                  </a:lnTo>
                  <a:lnTo>
                    <a:pt x="491" y="71"/>
                  </a:lnTo>
                  <a:lnTo>
                    <a:pt x="503" y="75"/>
                  </a:lnTo>
                  <a:lnTo>
                    <a:pt x="515" y="78"/>
                  </a:lnTo>
                  <a:lnTo>
                    <a:pt x="527" y="83"/>
                  </a:lnTo>
                  <a:lnTo>
                    <a:pt x="579" y="39"/>
                  </a:lnTo>
                  <a:lnTo>
                    <a:pt x="593" y="46"/>
                  </a:lnTo>
                  <a:lnTo>
                    <a:pt x="607" y="54"/>
                  </a:lnTo>
                  <a:lnTo>
                    <a:pt x="599" y="122"/>
                  </a:lnTo>
                  <a:lnTo>
                    <a:pt x="611" y="130"/>
                  </a:lnTo>
                  <a:lnTo>
                    <a:pt x="621" y="138"/>
                  </a:lnTo>
                  <a:lnTo>
                    <a:pt x="630" y="146"/>
                  </a:lnTo>
                  <a:lnTo>
                    <a:pt x="640" y="155"/>
                  </a:lnTo>
                  <a:lnTo>
                    <a:pt x="705" y="134"/>
                  </a:lnTo>
                  <a:lnTo>
                    <a:pt x="715" y="146"/>
                  </a:lnTo>
                  <a:lnTo>
                    <a:pt x="725" y="158"/>
                  </a:lnTo>
                  <a:lnTo>
                    <a:pt x="692" y="219"/>
                  </a:lnTo>
                  <a:lnTo>
                    <a:pt x="705" y="241"/>
                  </a:lnTo>
                  <a:lnTo>
                    <a:pt x="710" y="252"/>
                  </a:lnTo>
                  <a:lnTo>
                    <a:pt x="716" y="264"/>
                  </a:lnTo>
                  <a:lnTo>
                    <a:pt x="786" y="270"/>
                  </a:lnTo>
                  <a:lnTo>
                    <a:pt x="791" y="285"/>
                  </a:lnTo>
                  <a:lnTo>
                    <a:pt x="795" y="300"/>
                  </a:lnTo>
                  <a:lnTo>
                    <a:pt x="740" y="343"/>
                  </a:lnTo>
                  <a:lnTo>
                    <a:pt x="742" y="356"/>
                  </a:lnTo>
                  <a:lnTo>
                    <a:pt x="744" y="368"/>
                  </a:lnTo>
                  <a:lnTo>
                    <a:pt x="745" y="382"/>
                  </a:lnTo>
                  <a:lnTo>
                    <a:pt x="745" y="395"/>
                  </a:lnTo>
                  <a:lnTo>
                    <a:pt x="808" y="427"/>
                  </a:lnTo>
                  <a:lnTo>
                    <a:pt x="807" y="442"/>
                  </a:lnTo>
                  <a:lnTo>
                    <a:pt x="805" y="457"/>
                  </a:lnTo>
                  <a:lnTo>
                    <a:pt x="737" y="477"/>
                  </a:lnTo>
                  <a:lnTo>
                    <a:pt x="734" y="490"/>
                  </a:lnTo>
                  <a:lnTo>
                    <a:pt x="730" y="502"/>
                  </a:lnTo>
                  <a:lnTo>
                    <a:pt x="726" y="514"/>
                  </a:lnTo>
                  <a:lnTo>
                    <a:pt x="722" y="526"/>
                  </a:lnTo>
                  <a:lnTo>
                    <a:pt x="769" y="582"/>
                  </a:lnTo>
                  <a:lnTo>
                    <a:pt x="762" y="595"/>
                  </a:lnTo>
                  <a:lnTo>
                    <a:pt x="756" y="607"/>
                  </a:lnTo>
                  <a:lnTo>
                    <a:pt x="683" y="599"/>
                  </a:lnTo>
                  <a:lnTo>
                    <a:pt x="676" y="609"/>
                  </a:lnTo>
                  <a:lnTo>
                    <a:pt x="668" y="620"/>
                  </a:lnTo>
                  <a:lnTo>
                    <a:pt x="659" y="629"/>
                  </a:lnTo>
                  <a:lnTo>
                    <a:pt x="651" y="639"/>
                  </a:lnTo>
                  <a:lnTo>
                    <a:pt x="673" y="709"/>
                  </a:lnTo>
                  <a:lnTo>
                    <a:pt x="662" y="718"/>
                  </a:lnTo>
                  <a:lnTo>
                    <a:pt x="651" y="726"/>
                  </a:lnTo>
                  <a:close/>
                </a:path>
              </a:pathLst>
            </a:custGeom>
            <a:solidFill>
              <a:srgbClr val="00544A"/>
            </a:solidFill>
            <a:ln algn="ctr" cap="flat" cmpd="sng" w="3175">
              <a:noFill/>
              <a:prstDash val="solid"/>
            </a:ln>
            <a:effectLst/>
            <a:extLst/>
          </p:spPr>
          <p:txBody>
            <a:bodyPr anchor="ctr" lIns="0" rIns="0"/>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fontAlgn="base">
                <a:lnSpc>
                  <a:spcPct val="120000"/>
                </a:lnSpc>
                <a:spcBef>
                  <a:spcPts val="600"/>
                </a:spcBef>
                <a:spcAft>
                  <a:spcPts val="600"/>
                </a:spcAft>
                <a:defRPr/>
              </a:pPr>
              <a:endParaRPr kern="0" lang="en-US" sz="2800">
                <a:latin charset="-122" panose="020b0503020204020204" pitchFamily="34" typeface="微软雅黑"/>
                <a:ea charset="-122" panose="020b0503020204020204" pitchFamily="34" typeface="微软雅黑"/>
              </a:endParaRPr>
            </a:p>
          </p:txBody>
        </p:sp>
        <p:sp>
          <p:nvSpPr>
            <p:cNvPr id="10" name="Oval 9"/>
            <p:cNvSpPr>
              <a:spLocks noChangeArrowheads="1"/>
            </p:cNvSpPr>
            <p:nvPr/>
          </p:nvSpPr>
          <p:spPr bwMode="auto">
            <a:xfrm>
              <a:off x="2404813" y="1544314"/>
              <a:ext cx="1378422" cy="1378114"/>
            </a:xfrm>
            <a:prstGeom prst="ellipse">
              <a:avLst/>
            </a:prstGeom>
            <a:solidFill>
              <a:schemeClr val="bg1">
                <a:lumMod val="95000"/>
              </a:schemeClr>
            </a:solidFill>
            <a:ln w="22225">
              <a:noFill/>
              <a:round/>
            </a:ln>
            <a:effectLst/>
            <a:extLst>
              <a:ext uri="{AF507438-7753-43E0-B8FC-AC1667EBCBE1}">
                <a14:hiddenEffects>
                  <a:effectLst>
                    <a:outerShdw algn="ctr" dir="2700000" dist="35921" rotWithShape="0">
                      <a:srgbClr val="808080"/>
                    </a:outerShdw>
                  </a:effectLst>
                </a14:hiddenEffects>
              </a:ext>
            </a:extLst>
          </p:spPr>
          <p:txBody>
            <a:bodyPr anchor="ctr" anchorCtr="0"/>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defRPr/>
              </a:pPr>
              <a:r>
                <a:rPr altLang="en-US" kern="0" lang="zh-CN" sz="1400">
                  <a:latin charset="-122" panose="020b0503020204020204" pitchFamily="34" typeface="微软雅黑"/>
                  <a:ea charset="-122" panose="020b0503020204020204" pitchFamily="34" typeface="微软雅黑"/>
                </a:rPr>
                <a:t>单击此处添加文本</a:t>
              </a:r>
            </a:p>
          </p:txBody>
        </p:sp>
      </p:grpSp>
      <p:sp>
        <p:nvSpPr>
          <p:cNvPr id="11" name="Freeform 10"/>
          <p:cNvSpPr/>
          <p:nvPr/>
        </p:nvSpPr>
        <p:spPr bwMode="auto">
          <a:xfrm>
            <a:off x="1952291" y="4536822"/>
            <a:ext cx="4923317" cy="339187"/>
          </a:xfrm>
          <a:custGeom>
            <a:gdLst>
              <a:gd fmla="*/ 0 w 3686" name="T0"/>
              <a:gd fmla="*/ 85 h 254" name="T1"/>
              <a:gd fmla="*/ 129 w 3686" name="T2"/>
              <a:gd fmla="*/ 85 h 254" name="T3"/>
              <a:gd fmla="*/ 185 w 3686" name="T4"/>
              <a:gd fmla="*/ 0 h 254" name="T5"/>
              <a:gd fmla="*/ 279 w 3686" name="T6"/>
              <a:gd fmla="*/ 0 h 254" name="T7"/>
              <a:gd fmla="*/ 336 w 3686" name="T8"/>
              <a:gd fmla="*/ 85 h 254" name="T9"/>
              <a:gd fmla="*/ 421 w 3686" name="T10"/>
              <a:gd fmla="*/ 85 h 254" name="T11"/>
              <a:gd fmla="*/ 477 w 3686" name="T12"/>
              <a:gd fmla="*/ 0 h 254" name="T13"/>
              <a:gd fmla="*/ 571 w 3686" name="T14"/>
              <a:gd fmla="*/ 0 h 254" name="T15"/>
              <a:gd fmla="*/ 629 w 3686" name="T16"/>
              <a:gd fmla="*/ 85 h 254" name="T17"/>
              <a:gd fmla="*/ 709 w 3686" name="T18"/>
              <a:gd fmla="*/ 85 h 254" name="T19"/>
              <a:gd fmla="*/ 764 w 3686" name="T20"/>
              <a:gd fmla="*/ 0 h 254" name="T21"/>
              <a:gd fmla="*/ 862 w 3686" name="T22"/>
              <a:gd fmla="*/ 0 h 254" name="T23"/>
              <a:gd fmla="*/ 916 w 3686" name="T24"/>
              <a:gd fmla="*/ 85 h 254" name="T25"/>
              <a:gd fmla="*/ 1001 w 3686" name="T26"/>
              <a:gd fmla="*/ 85 h 254" name="T27"/>
              <a:gd fmla="*/ 1058 w 3686" name="T28"/>
              <a:gd fmla="*/ 0 h 254" name="T29"/>
              <a:gd fmla="*/ 1154 w 3686" name="T30"/>
              <a:gd fmla="*/ 0 h 254" name="T31"/>
              <a:gd fmla="*/ 1208 w 3686" name="T32"/>
              <a:gd fmla="*/ 85 h 254" name="T33"/>
              <a:gd fmla="*/ 1299 w 3686" name="T34"/>
              <a:gd fmla="*/ 85 h 254" name="T35"/>
              <a:gd fmla="*/ 1353 w 3686" name="T36"/>
              <a:gd fmla="*/ 0 h 254" name="T37"/>
              <a:gd fmla="*/ 1449 w 3686" name="T38"/>
              <a:gd fmla="*/ 0 h 254" name="T39"/>
              <a:gd fmla="*/ 1507 w 3686" name="T40"/>
              <a:gd fmla="*/ 85 h 254" name="T41"/>
              <a:gd fmla="*/ 1591 w 3686" name="T42"/>
              <a:gd fmla="*/ 85 h 254" name="T43"/>
              <a:gd fmla="*/ 1645 w 3686" name="T44"/>
              <a:gd fmla="*/ 0 h 254" name="T45"/>
              <a:gd fmla="*/ 1743 w 3686" name="T46"/>
              <a:gd fmla="*/ 0 h 254" name="T47"/>
              <a:gd fmla="*/ 1799 w 3686" name="T48"/>
              <a:gd fmla="*/ 85 h 254" name="T49"/>
              <a:gd fmla="*/ 1890 w 3686" name="T50"/>
              <a:gd fmla="*/ 85 h 254" name="T51"/>
              <a:gd fmla="*/ 1946 w 3686" name="T52"/>
              <a:gd fmla="*/ 0 h 254" name="T53"/>
              <a:gd fmla="*/ 2044 w 3686" name="T54"/>
              <a:gd fmla="*/ 0 h 254" name="T55"/>
              <a:gd fmla="*/ 2099 w 3686" name="T56"/>
              <a:gd fmla="*/ 85 h 254" name="T57"/>
              <a:gd fmla="*/ 2184 w 3686" name="T58"/>
              <a:gd fmla="*/ 85 h 254" name="T59"/>
              <a:gd fmla="*/ 2240 w 3686" name="T60"/>
              <a:gd fmla="*/ 0 h 254" name="T61"/>
              <a:gd fmla="*/ 2336 w 3686" name="T62"/>
              <a:gd fmla="*/ 0 h 254" name="T63"/>
              <a:gd fmla="*/ 2391 w 3686" name="T64"/>
              <a:gd fmla="*/ 85 h 254" name="T65"/>
              <a:gd fmla="*/ 2472 w 3686" name="T66"/>
              <a:gd fmla="*/ 85 h 254" name="T67"/>
              <a:gd fmla="*/ 2529 w 3686" name="T68"/>
              <a:gd fmla="*/ 0 h 254" name="T69"/>
              <a:gd fmla="*/ 2623 w 3686" name="T70"/>
              <a:gd fmla="*/ 0 h 254" name="T71"/>
              <a:gd fmla="*/ 2681 w 3686" name="T72"/>
              <a:gd fmla="*/ 85 h 254" name="T73"/>
              <a:gd fmla="*/ 2765 w 3686" name="T74"/>
              <a:gd fmla="*/ 85 h 254" name="T75"/>
              <a:gd fmla="*/ 2821 w 3686" name="T76"/>
              <a:gd fmla="*/ 0 h 254" name="T77"/>
              <a:gd fmla="*/ 2917 w 3686" name="T78"/>
              <a:gd fmla="*/ 0 h 254" name="T79"/>
              <a:gd fmla="*/ 2973 w 3686" name="T80"/>
              <a:gd fmla="*/ 85 h 254" name="T81"/>
              <a:gd fmla="*/ 3062 w 3686" name="T82"/>
              <a:gd fmla="*/ 85 h 254" name="T83"/>
              <a:gd fmla="*/ 3118 w 3686" name="T84"/>
              <a:gd fmla="*/ 0 h 254" name="T85"/>
              <a:gd fmla="*/ 3214 w 3686" name="T86"/>
              <a:gd fmla="*/ 0 h 254" name="T87"/>
              <a:gd fmla="*/ 3269 w 3686" name="T88"/>
              <a:gd fmla="*/ 85 h 254" name="T89"/>
              <a:gd fmla="*/ 3356 w 3686" name="T90"/>
              <a:gd fmla="*/ 85 h 254" name="T91"/>
              <a:gd fmla="*/ 3410 w 3686" name="T92"/>
              <a:gd fmla="*/ 0 h 254" name="T93"/>
              <a:gd fmla="*/ 3506 w 3686" name="T94"/>
              <a:gd fmla="*/ 0 h 254" name="T95"/>
              <a:gd fmla="*/ 3561 w 3686" name="T96"/>
              <a:gd fmla="*/ 85 h 254" name="T97"/>
              <a:gd fmla="*/ 3686 w 3686" name="T98"/>
              <a:gd fmla="*/ 85 h 254" name="T99"/>
              <a:gd fmla="*/ 3686 w 3686" name="T100"/>
              <a:gd fmla="*/ 254 h 254" name="T101"/>
              <a:gd fmla="*/ 0 w 3686" name="T102"/>
              <a:gd fmla="*/ 254 h 254" name="T103"/>
              <a:gd fmla="*/ 0 w 3686" name="T104"/>
              <a:gd fmla="*/ 85 h 254" name="T105"/>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b="b" l="0" r="r" t="0"/>
            <a:pathLst>
              <a:path h="254" w="3686">
                <a:moveTo>
                  <a:pt x="0" y="85"/>
                </a:moveTo>
                <a:lnTo>
                  <a:pt x="129" y="85"/>
                </a:lnTo>
                <a:lnTo>
                  <a:pt x="185" y="0"/>
                </a:lnTo>
                <a:lnTo>
                  <a:pt x="279" y="0"/>
                </a:lnTo>
                <a:lnTo>
                  <a:pt x="336" y="85"/>
                </a:lnTo>
                <a:lnTo>
                  <a:pt x="421" y="85"/>
                </a:lnTo>
                <a:lnTo>
                  <a:pt x="477" y="0"/>
                </a:lnTo>
                <a:lnTo>
                  <a:pt x="571" y="0"/>
                </a:lnTo>
                <a:lnTo>
                  <a:pt x="629" y="85"/>
                </a:lnTo>
                <a:lnTo>
                  <a:pt x="709" y="85"/>
                </a:lnTo>
                <a:lnTo>
                  <a:pt x="764" y="0"/>
                </a:lnTo>
                <a:lnTo>
                  <a:pt x="862" y="0"/>
                </a:lnTo>
                <a:lnTo>
                  <a:pt x="916" y="85"/>
                </a:lnTo>
                <a:lnTo>
                  <a:pt x="1001" y="85"/>
                </a:lnTo>
                <a:lnTo>
                  <a:pt x="1058" y="0"/>
                </a:lnTo>
                <a:lnTo>
                  <a:pt x="1154" y="0"/>
                </a:lnTo>
                <a:lnTo>
                  <a:pt x="1208" y="85"/>
                </a:lnTo>
                <a:lnTo>
                  <a:pt x="1299" y="85"/>
                </a:lnTo>
                <a:lnTo>
                  <a:pt x="1353" y="0"/>
                </a:lnTo>
                <a:lnTo>
                  <a:pt x="1449" y="0"/>
                </a:lnTo>
                <a:lnTo>
                  <a:pt x="1507" y="85"/>
                </a:lnTo>
                <a:lnTo>
                  <a:pt x="1591" y="85"/>
                </a:lnTo>
                <a:lnTo>
                  <a:pt x="1645" y="0"/>
                </a:lnTo>
                <a:lnTo>
                  <a:pt x="1743" y="0"/>
                </a:lnTo>
                <a:lnTo>
                  <a:pt x="1799" y="85"/>
                </a:lnTo>
                <a:lnTo>
                  <a:pt x="1890" y="85"/>
                </a:lnTo>
                <a:lnTo>
                  <a:pt x="1946" y="0"/>
                </a:lnTo>
                <a:lnTo>
                  <a:pt x="2044" y="0"/>
                </a:lnTo>
                <a:lnTo>
                  <a:pt x="2099" y="85"/>
                </a:lnTo>
                <a:lnTo>
                  <a:pt x="2184" y="85"/>
                </a:lnTo>
                <a:lnTo>
                  <a:pt x="2240" y="0"/>
                </a:lnTo>
                <a:lnTo>
                  <a:pt x="2336" y="0"/>
                </a:lnTo>
                <a:lnTo>
                  <a:pt x="2391" y="85"/>
                </a:lnTo>
                <a:lnTo>
                  <a:pt x="2472" y="85"/>
                </a:lnTo>
                <a:lnTo>
                  <a:pt x="2529" y="0"/>
                </a:lnTo>
                <a:lnTo>
                  <a:pt x="2623" y="0"/>
                </a:lnTo>
                <a:lnTo>
                  <a:pt x="2681" y="85"/>
                </a:lnTo>
                <a:lnTo>
                  <a:pt x="2765" y="85"/>
                </a:lnTo>
                <a:lnTo>
                  <a:pt x="2821" y="0"/>
                </a:lnTo>
                <a:lnTo>
                  <a:pt x="2917" y="0"/>
                </a:lnTo>
                <a:lnTo>
                  <a:pt x="2973" y="85"/>
                </a:lnTo>
                <a:lnTo>
                  <a:pt x="3062" y="85"/>
                </a:lnTo>
                <a:lnTo>
                  <a:pt x="3118" y="0"/>
                </a:lnTo>
                <a:lnTo>
                  <a:pt x="3214" y="0"/>
                </a:lnTo>
                <a:lnTo>
                  <a:pt x="3269" y="85"/>
                </a:lnTo>
                <a:lnTo>
                  <a:pt x="3356" y="85"/>
                </a:lnTo>
                <a:lnTo>
                  <a:pt x="3410" y="0"/>
                </a:lnTo>
                <a:lnTo>
                  <a:pt x="3506" y="0"/>
                </a:lnTo>
                <a:lnTo>
                  <a:pt x="3561" y="85"/>
                </a:lnTo>
                <a:lnTo>
                  <a:pt x="3686" y="85"/>
                </a:lnTo>
                <a:lnTo>
                  <a:pt x="3686" y="254"/>
                </a:lnTo>
                <a:lnTo>
                  <a:pt x="0" y="254"/>
                </a:lnTo>
                <a:lnTo>
                  <a:pt x="0" y="85"/>
                </a:lnTo>
                <a:close/>
              </a:path>
            </a:pathLst>
          </a:custGeom>
          <a:solidFill>
            <a:srgbClr val="A9A9A9"/>
          </a:solidFill>
          <a:ln cap="rnd" w="9525">
            <a:noFill/>
            <a:prstDash val="solid"/>
            <a:round/>
          </a:ln>
          <a:extLst/>
        </p:spPr>
        <p:txBody>
          <a:bodyPr anchor="ctr" vert="eaVert"/>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fontAlgn="base">
              <a:spcBef>
                <a:spcPct val="0"/>
              </a:spcBef>
              <a:spcAft>
                <a:spcPct val="0"/>
              </a:spcAft>
              <a:defRPr/>
            </a:pPr>
            <a:endParaRPr kern="0" lang="en-US" sz="1400">
              <a:solidFill>
                <a:sysClr lastClr="FFFFFF" val="window"/>
              </a:solidFill>
              <a:latin charset="-122" panose="020b0503020204020204" pitchFamily="34" typeface="微软雅黑"/>
              <a:ea charset="-122" panose="020b0503020204020204" pitchFamily="34" typeface="微软雅黑"/>
            </a:endParaRPr>
          </a:p>
        </p:txBody>
      </p:sp>
      <p:sp>
        <p:nvSpPr>
          <p:cNvPr id="12" name="TextBox 53"/>
          <p:cNvSpPr txBox="1">
            <a:spLocks noChangeArrowheads="1"/>
          </p:cNvSpPr>
          <p:nvPr/>
        </p:nvSpPr>
        <p:spPr bwMode="auto">
          <a:xfrm>
            <a:off x="1407592" y="1327872"/>
            <a:ext cx="1728238" cy="30480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fontAlgn="base">
              <a:spcBef>
                <a:spcPct val="0"/>
              </a:spcBef>
              <a:spcAft>
                <a:spcPct val="0"/>
              </a:spcAft>
              <a:defRPr/>
            </a:pPr>
            <a:r>
              <a:rPr altLang="en-US" b="1" kern="0" lang="zh-CN" sz="1400">
                <a:latin charset="-122" panose="020b0503020204020204" pitchFamily="34" typeface="微软雅黑"/>
                <a:ea charset="-122" panose="020b0503020204020204" pitchFamily="34" typeface="微软雅黑"/>
                <a:cs charset="-122" pitchFamily="2" typeface="宋体"/>
              </a:rPr>
              <a:t>单击添加标题</a:t>
            </a:r>
          </a:p>
        </p:txBody>
      </p:sp>
      <p:sp>
        <p:nvSpPr>
          <p:cNvPr id="13" name="TextBox 53"/>
          <p:cNvSpPr txBox="1">
            <a:spLocks noChangeArrowheads="1"/>
          </p:cNvSpPr>
          <p:nvPr/>
        </p:nvSpPr>
        <p:spPr bwMode="auto">
          <a:xfrm>
            <a:off x="3639839" y="1563641"/>
            <a:ext cx="1728238" cy="30480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fontAlgn="base">
              <a:spcBef>
                <a:spcPct val="0"/>
              </a:spcBef>
              <a:spcAft>
                <a:spcPct val="0"/>
              </a:spcAft>
              <a:defRPr/>
            </a:pPr>
            <a:r>
              <a:rPr altLang="en-US" b="1" kern="0" lang="zh-CN" sz="1400">
                <a:latin charset="-122" panose="020b0503020204020204" pitchFamily="34" typeface="微软雅黑"/>
                <a:ea charset="-122" panose="020b0503020204020204" pitchFamily="34" typeface="微软雅黑"/>
                <a:cs charset="-122" pitchFamily="2" typeface="宋体"/>
              </a:rPr>
              <a:t>单击添加标题</a:t>
            </a:r>
          </a:p>
        </p:txBody>
      </p:sp>
      <p:sp>
        <p:nvSpPr>
          <p:cNvPr id="14" name="TextBox 53"/>
          <p:cNvSpPr txBox="1">
            <a:spLocks noChangeArrowheads="1"/>
          </p:cNvSpPr>
          <p:nvPr/>
        </p:nvSpPr>
        <p:spPr bwMode="auto">
          <a:xfrm>
            <a:off x="7168231" y="1903936"/>
            <a:ext cx="1512168" cy="30480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fontAlgn="base">
              <a:spcBef>
                <a:spcPct val="0"/>
              </a:spcBef>
              <a:spcAft>
                <a:spcPct val="0"/>
              </a:spcAft>
              <a:defRPr/>
            </a:pPr>
            <a:r>
              <a:rPr altLang="en-US" b="1" kern="0" lang="zh-CN" sz="1400">
                <a:latin charset="-122" panose="020b0503020204020204" pitchFamily="34" typeface="微软雅黑"/>
                <a:ea charset="-122" panose="020b0503020204020204" pitchFamily="34" typeface="微软雅黑"/>
                <a:cs charset="-122" pitchFamily="2" typeface="宋体"/>
              </a:rPr>
              <a:t>单击添加标题</a:t>
            </a:r>
          </a:p>
        </p:txBody>
      </p:sp>
      <p:grpSp>
        <p:nvGrpSpPr>
          <p:cNvPr id="15" name="组合 14"/>
          <p:cNvGrpSpPr/>
          <p:nvPr/>
        </p:nvGrpSpPr>
        <p:grpSpPr>
          <a:xfrm>
            <a:off x="7096224" y="2351834"/>
            <a:ext cx="1656184" cy="1660076"/>
            <a:chOff x="2057536" y="1194444"/>
            <a:chExt cx="2075647" cy="2080525"/>
          </a:xfrm>
        </p:grpSpPr>
        <p:sp>
          <p:nvSpPr>
            <p:cNvPr id="16" name="Freeform 8"/>
            <p:cNvSpPr/>
            <p:nvPr/>
          </p:nvSpPr>
          <p:spPr bwMode="auto">
            <a:xfrm>
              <a:off x="2057536" y="1194444"/>
              <a:ext cx="2075647" cy="2080525"/>
            </a:xfrm>
            <a:custGeom>
              <a:gdLst>
                <a:gd fmla="*/ 587 w 808" name="T0"/>
                <a:gd fmla="*/ 691 h 810" name="T1"/>
                <a:gd fmla="*/ 553 w 808" name="T2"/>
                <a:gd fmla="*/ 710 h 810" name="T3"/>
                <a:gd fmla="*/ 535 w 808" name="T4"/>
                <a:gd fmla="*/ 789 h 810" name="T5"/>
                <a:gd fmla="*/ 509 w 808" name="T6"/>
                <a:gd fmla="*/ 797 h 810" name="T7"/>
                <a:gd fmla="*/ 450 w 808" name="T8"/>
                <a:gd fmla="*/ 741 h 810" name="T9"/>
                <a:gd fmla="*/ 425 w 808" name="T10"/>
                <a:gd fmla="*/ 744 h 810" name="T11"/>
                <a:gd fmla="*/ 378 w 808" name="T12"/>
                <a:gd fmla="*/ 810 h 810" name="T13"/>
                <a:gd fmla="*/ 351 w 808" name="T14"/>
                <a:gd fmla="*/ 807 h 810" name="T15"/>
                <a:gd fmla="*/ 317 w 808" name="T16"/>
                <a:gd fmla="*/ 733 h 810" name="T17"/>
                <a:gd fmla="*/ 292 w 808" name="T18"/>
                <a:gd fmla="*/ 726 h 810" name="T19"/>
                <a:gd fmla="*/ 225 w 808" name="T20"/>
                <a:gd fmla="*/ 769 h 810" name="T21"/>
                <a:gd fmla="*/ 199 w 808" name="T22"/>
                <a:gd fmla="*/ 755 h 810" name="T23"/>
                <a:gd fmla="*/ 197 w 808" name="T24"/>
                <a:gd fmla="*/ 675 h 810" name="T25"/>
                <a:gd fmla="*/ 177 w 808" name="T26"/>
                <a:gd fmla="*/ 658 h 810" name="T27"/>
                <a:gd fmla="*/ 99 w 808" name="T28"/>
                <a:gd fmla="*/ 672 h 810" name="T29"/>
                <a:gd fmla="*/ 81 w 808" name="T30"/>
                <a:gd fmla="*/ 649 h 810" name="T31"/>
                <a:gd fmla="*/ 103 w 808" name="T32"/>
                <a:gd fmla="*/ 563 h 810" name="T33"/>
                <a:gd fmla="*/ 92 w 808" name="T34"/>
                <a:gd fmla="*/ 540 h 810" name="T35"/>
                <a:gd fmla="*/ 16 w 808" name="T36"/>
                <a:gd fmla="*/ 521 h 810" name="T37"/>
                <a:gd fmla="*/ 67 w 808" name="T38"/>
                <a:gd fmla="*/ 461 h 810" name="T39"/>
                <a:gd fmla="*/ 64 w 808" name="T40"/>
                <a:gd fmla="*/ 436 h 810" name="T41"/>
                <a:gd fmla="*/ 62 w 808" name="T42"/>
                <a:gd fmla="*/ 410 h 810" name="T43"/>
                <a:gd fmla="*/ 1 w 808" name="T44"/>
                <a:gd fmla="*/ 362 h 810" name="T45"/>
                <a:gd fmla="*/ 70 w 808" name="T46"/>
                <a:gd fmla="*/ 328 h 810" name="T47"/>
                <a:gd fmla="*/ 78 w 808" name="T48"/>
                <a:gd fmla="*/ 303 h 810" name="T49"/>
                <a:gd fmla="*/ 86 w 808" name="T50"/>
                <a:gd fmla="*/ 278 h 810" name="T51"/>
                <a:gd fmla="*/ 48 w 808" name="T52"/>
                <a:gd fmla="*/ 212 h 810" name="T53"/>
                <a:gd fmla="*/ 125 w 808" name="T54"/>
                <a:gd fmla="*/ 206 h 810" name="T55"/>
                <a:gd fmla="*/ 140 w 808" name="T56"/>
                <a:gd fmla="*/ 186 h 810" name="T57"/>
                <a:gd fmla="*/ 157 w 808" name="T58"/>
                <a:gd fmla="*/ 166 h 810" name="T59"/>
                <a:gd fmla="*/ 148 w 808" name="T60"/>
                <a:gd fmla="*/ 91 h 810" name="T61"/>
                <a:gd fmla="*/ 221 w 808" name="T62"/>
                <a:gd fmla="*/ 114 h 810" name="T63"/>
                <a:gd fmla="*/ 255 w 808" name="T64"/>
                <a:gd fmla="*/ 95 h 810" name="T65"/>
                <a:gd fmla="*/ 272 w 808" name="T66"/>
                <a:gd fmla="*/ 21 h 810" name="T67"/>
                <a:gd fmla="*/ 302 w 808" name="T68"/>
                <a:gd fmla="*/ 12 h 810" name="T69"/>
                <a:gd fmla="*/ 358 w 808" name="T70"/>
                <a:gd fmla="*/ 63 h 810" name="T71"/>
                <a:gd fmla="*/ 383 w 808" name="T72"/>
                <a:gd fmla="*/ 61 h 810" name="T73"/>
                <a:gd fmla="*/ 427 w 808" name="T74"/>
                <a:gd fmla="*/ 0 h 810" name="T75"/>
                <a:gd fmla="*/ 459 w 808" name="T76"/>
                <a:gd fmla="*/ 3 h 810" name="T77"/>
                <a:gd fmla="*/ 491 w 808" name="T78"/>
                <a:gd fmla="*/ 71 h 810" name="T79"/>
                <a:gd fmla="*/ 515 w 808" name="T80"/>
                <a:gd fmla="*/ 78 h 810" name="T81"/>
                <a:gd fmla="*/ 579 w 808" name="T82"/>
                <a:gd fmla="*/ 39 h 810" name="T83"/>
                <a:gd fmla="*/ 607 w 808" name="T84"/>
                <a:gd fmla="*/ 54 h 810" name="T85"/>
                <a:gd fmla="*/ 611 w 808" name="T86"/>
                <a:gd fmla="*/ 130 h 810" name="T87"/>
                <a:gd fmla="*/ 630 w 808" name="T88"/>
                <a:gd fmla="*/ 146 h 810" name="T89"/>
                <a:gd fmla="*/ 705 w 808" name="T90"/>
                <a:gd fmla="*/ 134 h 810" name="T91"/>
                <a:gd fmla="*/ 725 w 808" name="T92"/>
                <a:gd fmla="*/ 158 h 810" name="T93"/>
                <a:gd fmla="*/ 705 w 808" name="T94"/>
                <a:gd fmla="*/ 241 h 810" name="T95"/>
                <a:gd fmla="*/ 716 w 808" name="T96"/>
                <a:gd fmla="*/ 264 h 810" name="T97"/>
                <a:gd fmla="*/ 791 w 808" name="T98"/>
                <a:gd fmla="*/ 285 h 810" name="T99"/>
                <a:gd fmla="*/ 740 w 808" name="T100"/>
                <a:gd fmla="*/ 343 h 810" name="T101"/>
                <a:gd fmla="*/ 744 w 808" name="T102"/>
                <a:gd fmla="*/ 368 h 810" name="T103"/>
                <a:gd fmla="*/ 745 w 808" name="T104"/>
                <a:gd fmla="*/ 395 h 810" name="T105"/>
                <a:gd fmla="*/ 807 w 808" name="T106"/>
                <a:gd fmla="*/ 442 h 810" name="T107"/>
                <a:gd fmla="*/ 737 w 808" name="T108"/>
                <a:gd fmla="*/ 477 h 810" name="T109"/>
                <a:gd fmla="*/ 730 w 808" name="T110"/>
                <a:gd fmla="*/ 502 h 810" name="T111"/>
                <a:gd fmla="*/ 722 w 808" name="T112"/>
                <a:gd fmla="*/ 526 h 810" name="T113"/>
                <a:gd fmla="*/ 762 w 808" name="T114"/>
                <a:gd fmla="*/ 595 h 810" name="T115"/>
                <a:gd fmla="*/ 683 w 808" name="T116"/>
                <a:gd fmla="*/ 599 h 810" name="T117"/>
                <a:gd fmla="*/ 668 w 808" name="T118"/>
                <a:gd fmla="*/ 620 h 810" name="T119"/>
                <a:gd fmla="*/ 651 w 808" name="T120"/>
                <a:gd fmla="*/ 639 h 810" name="T121"/>
                <a:gd fmla="*/ 662 w 808" name="T122"/>
                <a:gd fmla="*/ 718 h 810" name="T123"/>
              </a:gd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b="b" l="0" r="r" t="0"/>
              <a:pathLst>
                <a:path h="810" w="806">
                  <a:moveTo>
                    <a:pt x="651" y="726"/>
                  </a:moveTo>
                  <a:lnTo>
                    <a:pt x="587" y="691"/>
                  </a:lnTo>
                  <a:lnTo>
                    <a:pt x="565" y="704"/>
                  </a:lnTo>
                  <a:lnTo>
                    <a:pt x="553" y="710"/>
                  </a:lnTo>
                  <a:lnTo>
                    <a:pt x="542" y="716"/>
                  </a:lnTo>
                  <a:lnTo>
                    <a:pt x="535" y="789"/>
                  </a:lnTo>
                  <a:lnTo>
                    <a:pt x="522" y="794"/>
                  </a:lnTo>
                  <a:lnTo>
                    <a:pt x="509" y="797"/>
                  </a:lnTo>
                  <a:lnTo>
                    <a:pt x="462" y="739"/>
                  </a:lnTo>
                  <a:lnTo>
                    <a:pt x="450" y="741"/>
                  </a:lnTo>
                  <a:lnTo>
                    <a:pt x="437" y="743"/>
                  </a:lnTo>
                  <a:lnTo>
                    <a:pt x="425" y="744"/>
                  </a:lnTo>
                  <a:lnTo>
                    <a:pt x="412" y="744"/>
                  </a:lnTo>
                  <a:lnTo>
                    <a:pt x="378" y="810"/>
                  </a:lnTo>
                  <a:lnTo>
                    <a:pt x="364" y="809"/>
                  </a:lnTo>
                  <a:lnTo>
                    <a:pt x="351" y="807"/>
                  </a:lnTo>
                  <a:lnTo>
                    <a:pt x="329" y="736"/>
                  </a:lnTo>
                  <a:lnTo>
                    <a:pt x="317" y="733"/>
                  </a:lnTo>
                  <a:lnTo>
                    <a:pt x="304" y="730"/>
                  </a:lnTo>
                  <a:lnTo>
                    <a:pt x="292" y="726"/>
                  </a:lnTo>
                  <a:lnTo>
                    <a:pt x="280" y="721"/>
                  </a:lnTo>
                  <a:lnTo>
                    <a:pt x="225" y="769"/>
                  </a:lnTo>
                  <a:lnTo>
                    <a:pt x="212" y="763"/>
                  </a:lnTo>
                  <a:lnTo>
                    <a:pt x="199" y="755"/>
                  </a:lnTo>
                  <a:lnTo>
                    <a:pt x="207" y="683"/>
                  </a:lnTo>
                  <a:lnTo>
                    <a:pt x="197" y="675"/>
                  </a:lnTo>
                  <a:lnTo>
                    <a:pt x="187" y="667"/>
                  </a:lnTo>
                  <a:lnTo>
                    <a:pt x="177" y="658"/>
                  </a:lnTo>
                  <a:lnTo>
                    <a:pt x="168" y="650"/>
                  </a:lnTo>
                  <a:lnTo>
                    <a:pt x="99" y="672"/>
                  </a:lnTo>
                  <a:lnTo>
                    <a:pt x="90" y="661"/>
                  </a:lnTo>
                  <a:lnTo>
                    <a:pt x="81" y="649"/>
                  </a:lnTo>
                  <a:lnTo>
                    <a:pt x="116" y="586"/>
                  </a:lnTo>
                  <a:lnTo>
                    <a:pt x="103" y="563"/>
                  </a:lnTo>
                  <a:lnTo>
                    <a:pt x="97" y="552"/>
                  </a:lnTo>
                  <a:lnTo>
                    <a:pt x="92" y="540"/>
                  </a:lnTo>
                  <a:lnTo>
                    <a:pt x="20" y="534"/>
                  </a:lnTo>
                  <a:lnTo>
                    <a:pt x="16" y="521"/>
                  </a:lnTo>
                  <a:lnTo>
                    <a:pt x="12" y="507"/>
                  </a:lnTo>
                  <a:lnTo>
                    <a:pt x="67" y="461"/>
                  </a:lnTo>
                  <a:lnTo>
                    <a:pt x="65" y="449"/>
                  </a:lnTo>
                  <a:lnTo>
                    <a:pt x="64" y="436"/>
                  </a:lnTo>
                  <a:lnTo>
                    <a:pt x="63" y="423"/>
                  </a:lnTo>
                  <a:lnTo>
                    <a:pt x="62" y="410"/>
                  </a:lnTo>
                  <a:lnTo>
                    <a:pt x="0" y="378"/>
                  </a:lnTo>
                  <a:lnTo>
                    <a:pt x="1" y="362"/>
                  </a:lnTo>
                  <a:lnTo>
                    <a:pt x="3" y="348"/>
                  </a:lnTo>
                  <a:lnTo>
                    <a:pt x="70" y="328"/>
                  </a:lnTo>
                  <a:lnTo>
                    <a:pt x="73" y="316"/>
                  </a:lnTo>
                  <a:lnTo>
                    <a:pt x="78" y="303"/>
                  </a:lnTo>
                  <a:lnTo>
                    <a:pt x="82" y="291"/>
                  </a:lnTo>
                  <a:lnTo>
                    <a:pt x="86" y="278"/>
                  </a:lnTo>
                  <a:lnTo>
                    <a:pt x="41" y="225"/>
                  </a:lnTo>
                  <a:lnTo>
                    <a:pt x="48" y="212"/>
                  </a:lnTo>
                  <a:lnTo>
                    <a:pt x="55" y="199"/>
                  </a:lnTo>
                  <a:lnTo>
                    <a:pt x="125" y="206"/>
                  </a:lnTo>
                  <a:lnTo>
                    <a:pt x="132" y="196"/>
                  </a:lnTo>
                  <a:lnTo>
                    <a:pt x="140" y="186"/>
                  </a:lnTo>
                  <a:lnTo>
                    <a:pt x="148" y="175"/>
                  </a:lnTo>
                  <a:lnTo>
                    <a:pt x="157" y="166"/>
                  </a:lnTo>
                  <a:lnTo>
                    <a:pt x="136" y="101"/>
                  </a:lnTo>
                  <a:lnTo>
                    <a:pt x="148" y="91"/>
                  </a:lnTo>
                  <a:lnTo>
                    <a:pt x="160" y="80"/>
                  </a:lnTo>
                  <a:lnTo>
                    <a:pt x="221" y="114"/>
                  </a:lnTo>
                  <a:lnTo>
                    <a:pt x="243" y="101"/>
                  </a:lnTo>
                  <a:lnTo>
                    <a:pt x="255" y="95"/>
                  </a:lnTo>
                  <a:lnTo>
                    <a:pt x="266" y="90"/>
                  </a:lnTo>
                  <a:lnTo>
                    <a:pt x="272" y="21"/>
                  </a:lnTo>
                  <a:lnTo>
                    <a:pt x="287" y="16"/>
                  </a:lnTo>
                  <a:lnTo>
                    <a:pt x="302" y="12"/>
                  </a:lnTo>
                  <a:lnTo>
                    <a:pt x="345" y="65"/>
                  </a:lnTo>
                  <a:lnTo>
                    <a:pt x="358" y="63"/>
                  </a:lnTo>
                  <a:lnTo>
                    <a:pt x="371" y="62"/>
                  </a:lnTo>
                  <a:lnTo>
                    <a:pt x="383" y="61"/>
                  </a:lnTo>
                  <a:lnTo>
                    <a:pt x="396" y="60"/>
                  </a:lnTo>
                  <a:lnTo>
                    <a:pt x="427" y="0"/>
                  </a:lnTo>
                  <a:lnTo>
                    <a:pt x="443" y="1"/>
                  </a:lnTo>
                  <a:lnTo>
                    <a:pt x="459" y="3"/>
                  </a:lnTo>
                  <a:lnTo>
                    <a:pt x="479" y="68"/>
                  </a:lnTo>
                  <a:lnTo>
                    <a:pt x="491" y="71"/>
                  </a:lnTo>
                  <a:lnTo>
                    <a:pt x="503" y="75"/>
                  </a:lnTo>
                  <a:lnTo>
                    <a:pt x="515" y="78"/>
                  </a:lnTo>
                  <a:lnTo>
                    <a:pt x="527" y="83"/>
                  </a:lnTo>
                  <a:lnTo>
                    <a:pt x="579" y="39"/>
                  </a:lnTo>
                  <a:lnTo>
                    <a:pt x="593" y="46"/>
                  </a:lnTo>
                  <a:lnTo>
                    <a:pt x="607" y="54"/>
                  </a:lnTo>
                  <a:lnTo>
                    <a:pt x="599" y="122"/>
                  </a:lnTo>
                  <a:lnTo>
                    <a:pt x="611" y="130"/>
                  </a:lnTo>
                  <a:lnTo>
                    <a:pt x="621" y="138"/>
                  </a:lnTo>
                  <a:lnTo>
                    <a:pt x="630" y="146"/>
                  </a:lnTo>
                  <a:lnTo>
                    <a:pt x="640" y="155"/>
                  </a:lnTo>
                  <a:lnTo>
                    <a:pt x="705" y="134"/>
                  </a:lnTo>
                  <a:lnTo>
                    <a:pt x="715" y="146"/>
                  </a:lnTo>
                  <a:lnTo>
                    <a:pt x="725" y="158"/>
                  </a:lnTo>
                  <a:lnTo>
                    <a:pt x="692" y="219"/>
                  </a:lnTo>
                  <a:lnTo>
                    <a:pt x="705" y="241"/>
                  </a:lnTo>
                  <a:lnTo>
                    <a:pt x="710" y="252"/>
                  </a:lnTo>
                  <a:lnTo>
                    <a:pt x="716" y="264"/>
                  </a:lnTo>
                  <a:lnTo>
                    <a:pt x="786" y="270"/>
                  </a:lnTo>
                  <a:lnTo>
                    <a:pt x="791" y="285"/>
                  </a:lnTo>
                  <a:lnTo>
                    <a:pt x="795" y="300"/>
                  </a:lnTo>
                  <a:lnTo>
                    <a:pt x="740" y="343"/>
                  </a:lnTo>
                  <a:lnTo>
                    <a:pt x="742" y="356"/>
                  </a:lnTo>
                  <a:lnTo>
                    <a:pt x="744" y="368"/>
                  </a:lnTo>
                  <a:lnTo>
                    <a:pt x="745" y="382"/>
                  </a:lnTo>
                  <a:lnTo>
                    <a:pt x="745" y="395"/>
                  </a:lnTo>
                  <a:lnTo>
                    <a:pt x="808" y="427"/>
                  </a:lnTo>
                  <a:lnTo>
                    <a:pt x="807" y="442"/>
                  </a:lnTo>
                  <a:lnTo>
                    <a:pt x="805" y="457"/>
                  </a:lnTo>
                  <a:lnTo>
                    <a:pt x="737" y="477"/>
                  </a:lnTo>
                  <a:lnTo>
                    <a:pt x="734" y="490"/>
                  </a:lnTo>
                  <a:lnTo>
                    <a:pt x="730" y="502"/>
                  </a:lnTo>
                  <a:lnTo>
                    <a:pt x="726" y="514"/>
                  </a:lnTo>
                  <a:lnTo>
                    <a:pt x="722" y="526"/>
                  </a:lnTo>
                  <a:lnTo>
                    <a:pt x="769" y="582"/>
                  </a:lnTo>
                  <a:lnTo>
                    <a:pt x="762" y="595"/>
                  </a:lnTo>
                  <a:lnTo>
                    <a:pt x="756" y="607"/>
                  </a:lnTo>
                  <a:lnTo>
                    <a:pt x="683" y="599"/>
                  </a:lnTo>
                  <a:lnTo>
                    <a:pt x="676" y="609"/>
                  </a:lnTo>
                  <a:lnTo>
                    <a:pt x="668" y="620"/>
                  </a:lnTo>
                  <a:lnTo>
                    <a:pt x="659" y="629"/>
                  </a:lnTo>
                  <a:lnTo>
                    <a:pt x="651" y="639"/>
                  </a:lnTo>
                  <a:lnTo>
                    <a:pt x="673" y="709"/>
                  </a:lnTo>
                  <a:lnTo>
                    <a:pt x="662" y="718"/>
                  </a:lnTo>
                  <a:lnTo>
                    <a:pt x="651" y="726"/>
                  </a:lnTo>
                  <a:close/>
                </a:path>
              </a:pathLst>
            </a:custGeom>
            <a:solidFill>
              <a:srgbClr val="00544A"/>
            </a:solidFill>
            <a:ln algn="ctr" cap="flat" cmpd="sng" w="3175">
              <a:noFill/>
              <a:prstDash val="solid"/>
            </a:ln>
            <a:effectLst/>
            <a:extLst/>
          </p:spPr>
          <p:txBody>
            <a:bodyPr anchor="ctr" lIns="0" rIns="0"/>
            <a:lstStyle/>
            <a:p>
              <a:pPr algn="ctr" fontAlgn="base">
                <a:lnSpc>
                  <a:spcPct val="120000"/>
                </a:lnSpc>
                <a:spcBef>
                  <a:spcPts val="600"/>
                </a:spcBef>
                <a:spcAft>
                  <a:spcPts val="600"/>
                </a:spcAft>
              </a:pPr>
              <a:endParaRPr kern="0" lang="en-US" sz="2800">
                <a:latin charset="-122" panose="020b0503020204020204" pitchFamily="34" typeface="微软雅黑"/>
                <a:ea charset="-122" panose="020b0503020204020204" pitchFamily="34" typeface="微软雅黑"/>
              </a:endParaRPr>
            </a:p>
          </p:txBody>
        </p:sp>
        <p:sp>
          <p:nvSpPr>
            <p:cNvPr id="17" name="Oval 9"/>
            <p:cNvSpPr>
              <a:spLocks noChangeArrowheads="1"/>
            </p:cNvSpPr>
            <p:nvPr/>
          </p:nvSpPr>
          <p:spPr bwMode="auto">
            <a:xfrm>
              <a:off x="2404813" y="1544314"/>
              <a:ext cx="1378422" cy="1378114"/>
            </a:xfrm>
            <a:prstGeom prst="ellipse">
              <a:avLst/>
            </a:prstGeom>
            <a:solidFill>
              <a:schemeClr val="bg1">
                <a:lumMod val="95000"/>
              </a:schemeClr>
            </a:solidFill>
            <a:ln w="22225">
              <a:noFill/>
              <a:round/>
            </a:ln>
            <a:effectLst/>
            <a:extLst>
              <a:ext uri="{AF507438-7753-43E0-B8FC-AC1667EBCBE1}">
                <a14:hiddenEffects>
                  <a:effectLst>
                    <a:outerShdw algn="ctr" dir="2700000" dist="35921" rotWithShape="0">
                      <a:srgbClr val="808080"/>
                    </a:outerShdw>
                  </a:effectLst>
                </a14:hiddenEffects>
              </a:ext>
            </a:extLst>
          </p:spPr>
          <p:txBody>
            <a:bodyPr anchor="ctr" anchorCtr="0"/>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defRPr/>
              </a:pPr>
              <a:r>
                <a:rPr altLang="en-US" kern="0" lang="zh-CN" sz="1400">
                  <a:latin charset="-122" panose="020b0503020204020204" pitchFamily="34" typeface="微软雅黑"/>
                  <a:ea charset="-122" panose="020b0503020204020204" pitchFamily="34" typeface="微软雅黑"/>
                </a:rPr>
                <a:t>单击此处添加文本</a:t>
              </a:r>
            </a:p>
          </p:txBody>
        </p:sp>
      </p:grpSp>
      <p:sp>
        <p:nvSpPr>
          <p:cNvPr id="18" name="TextBox 53"/>
          <p:cNvSpPr txBox="1">
            <a:spLocks noChangeArrowheads="1"/>
          </p:cNvSpPr>
          <p:nvPr/>
        </p:nvSpPr>
        <p:spPr bwMode="auto">
          <a:xfrm>
            <a:off x="5593871" y="1059585"/>
            <a:ext cx="1728238" cy="304800"/>
          </a:xfrm>
          <a:prstGeom prst="rect">
            <a:avLst/>
          </a:prstGeom>
          <a:noFill/>
          <a:ln>
            <a:noFill/>
          </a:ln>
          <a:extLst>
            <a:ext uri="{909E8E84-426E-40DD-AFC4-6F175D3DCCD1}">
              <a14:hiddenFill>
                <a:solidFill>
                  <a:srgbClr val="FFFFFF"/>
                </a:solidFill>
              </a14:hiddenFill>
            </a:ext>
            <a:ext uri="{91240B29-F687-4F45-9708-019B960494DF}">
              <a14:hiddenLine w="9525">
                <a:solidFill>
                  <a:srgbClr val="000000"/>
                </a:solidFill>
                <a:miter lim="800000"/>
                <a:headEnd/>
                <a:tailEnd/>
              </a14:hiddenLine>
            </a:ext>
          </a:extLst>
        </p:spPr>
        <p:txBody>
          <a:bodyPr anchor="t" anchorCtr="0" bIns="45720" compatLnSpc="1" lIns="91440" numCol="1" rIns="91440" tIns="45720" vert="horz" wrap="square">
            <a:prstTxWarp prst="textNoShape">
              <a:avLst/>
            </a:prstTxWarp>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fontAlgn="base">
              <a:spcBef>
                <a:spcPct val="0"/>
              </a:spcBef>
              <a:spcAft>
                <a:spcPct val="0"/>
              </a:spcAft>
              <a:defRPr/>
            </a:pPr>
            <a:r>
              <a:rPr altLang="en-US" b="1" kern="0" lang="zh-CN" sz="1400">
                <a:latin charset="-122" panose="020b0503020204020204" pitchFamily="34" typeface="微软雅黑"/>
                <a:ea charset="-122" panose="020b0503020204020204" pitchFamily="34" typeface="微软雅黑"/>
                <a:cs charset="-122" pitchFamily="2" typeface="宋体"/>
              </a:rPr>
              <a:t>单击添加标题</a:t>
            </a:r>
          </a:p>
        </p:txBody>
      </p:sp>
    </p:spTree>
    <p:extLst>
      <p:ext uri="{BB962C8B-B14F-4D97-AF65-F5344CB8AC3E}">
        <p14:creationId val="4167296470"/>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10" presetSubtype="0">
                                  <p:stCondLst>
                                    <p:cond delay="0"/>
                                  </p:stCondLst>
                                  <p:childTnLst>
                                    <p:set>
                                      <p:cBhvr>
                                        <p:cTn dur="1" fill="hold" id="6">
                                          <p:stCondLst>
                                            <p:cond delay="0"/>
                                          </p:stCondLst>
                                        </p:cTn>
                                        <p:tgtEl>
                                          <p:spTgt spid="2"/>
                                        </p:tgtEl>
                                        <p:attrNameLst>
                                          <p:attrName>style.visibility</p:attrName>
                                        </p:attrNameLst>
                                      </p:cBhvr>
                                      <p:to>
                                        <p:strVal val="visible"/>
                                      </p:to>
                                    </p:set>
                                    <p:animEffect filter="fade" transition="in">
                                      <p:cBhvr>
                                        <p:cTn dur="500" id="7"/>
                                        <p:tgtEl>
                                          <p:spTgt spid="2"/>
                                        </p:tgtEl>
                                      </p:cBhvr>
                                    </p:animEffect>
                                  </p:childTnLst>
                                </p:cTn>
                              </p:par>
                              <p:par>
                                <p:cTn fill="hold" id="8" nodeType="withEffect" presetClass="entr" presetID="10" presetSubtype="0">
                                  <p:stCondLst>
                                    <p:cond delay="400"/>
                                  </p:stCondLst>
                                  <p:childTnLst>
                                    <p:set>
                                      <p:cBhvr>
                                        <p:cTn dur="1" fill="hold" id="9">
                                          <p:stCondLst>
                                            <p:cond delay="0"/>
                                          </p:stCondLst>
                                        </p:cTn>
                                        <p:tgtEl>
                                          <p:spTgt spid="8"/>
                                        </p:tgtEl>
                                        <p:attrNameLst>
                                          <p:attrName>style.visibility</p:attrName>
                                        </p:attrNameLst>
                                      </p:cBhvr>
                                      <p:to>
                                        <p:strVal val="visible"/>
                                      </p:to>
                                    </p:set>
                                    <p:animEffect filter="fade" transition="in">
                                      <p:cBhvr>
                                        <p:cTn dur="500" id="10"/>
                                        <p:tgtEl>
                                          <p:spTgt spid="8"/>
                                        </p:tgtEl>
                                      </p:cBhvr>
                                    </p:animEffect>
                                  </p:childTnLst>
                                </p:cTn>
                              </p:par>
                              <p:par>
                                <p:cTn fill="hold" id="11" nodeType="withEffect" presetClass="entr" presetID="10" presetSubtype="0">
                                  <p:stCondLst>
                                    <p:cond delay="600"/>
                                  </p:stCondLst>
                                  <p:childTnLst>
                                    <p:set>
                                      <p:cBhvr>
                                        <p:cTn dur="1" fill="hold" id="12">
                                          <p:stCondLst>
                                            <p:cond delay="0"/>
                                          </p:stCondLst>
                                        </p:cTn>
                                        <p:tgtEl>
                                          <p:spTgt spid="5"/>
                                        </p:tgtEl>
                                        <p:attrNameLst>
                                          <p:attrName>style.visibility</p:attrName>
                                        </p:attrNameLst>
                                      </p:cBhvr>
                                      <p:to>
                                        <p:strVal val="visible"/>
                                      </p:to>
                                    </p:set>
                                    <p:animEffect filter="fade" transition="in">
                                      <p:cBhvr>
                                        <p:cTn dur="500" id="13"/>
                                        <p:tgtEl>
                                          <p:spTgt spid="5"/>
                                        </p:tgtEl>
                                      </p:cBhvr>
                                    </p:animEffect>
                                  </p:childTnLst>
                                </p:cTn>
                              </p:par>
                              <p:par>
                                <p:cTn fill="hold" id="14" nodeType="withEffect" presetClass="entr" presetID="10" presetSubtype="0">
                                  <p:stCondLst>
                                    <p:cond delay="1000"/>
                                  </p:stCondLst>
                                  <p:childTnLst>
                                    <p:set>
                                      <p:cBhvr>
                                        <p:cTn dur="1" fill="hold" id="15">
                                          <p:stCondLst>
                                            <p:cond delay="0"/>
                                          </p:stCondLst>
                                        </p:cTn>
                                        <p:tgtEl>
                                          <p:spTgt spid="15"/>
                                        </p:tgtEl>
                                        <p:attrNameLst>
                                          <p:attrName>style.visibility</p:attrName>
                                        </p:attrNameLst>
                                      </p:cBhvr>
                                      <p:to>
                                        <p:strVal val="visible"/>
                                      </p:to>
                                    </p:set>
                                    <p:animEffect filter="fade" transition="in">
                                      <p:cBhvr>
                                        <p:cTn dur="500" id="16"/>
                                        <p:tgtEl>
                                          <p:spTgt spid="15"/>
                                        </p:tgtEl>
                                      </p:cBhvr>
                                    </p:animEffect>
                                  </p:childTnLst>
                                </p:cTn>
                              </p:par>
                            </p:childTnLst>
                          </p:cTn>
                        </p:par>
                        <p:par>
                          <p:cTn fill="hold" id="17" nodeType="afterGroup">
                            <p:stCondLst>
                              <p:cond delay="1500"/>
                            </p:stCondLst>
                            <p:childTnLst>
                              <p:par>
                                <p:cTn fill="hold" grpId="0" id="18" nodeType="afterEffect" presetClass="entr" presetID="12" presetSubtype="8">
                                  <p:stCondLst>
                                    <p:cond delay="0"/>
                                  </p:stCondLst>
                                  <p:childTnLst>
                                    <p:set>
                                      <p:cBhvr>
                                        <p:cTn dur="1" fill="hold" id="19">
                                          <p:stCondLst>
                                            <p:cond delay="0"/>
                                          </p:stCondLst>
                                        </p:cTn>
                                        <p:tgtEl>
                                          <p:spTgt spid="11"/>
                                        </p:tgtEl>
                                        <p:attrNameLst>
                                          <p:attrName>style.visibility</p:attrName>
                                        </p:attrNameLst>
                                      </p:cBhvr>
                                      <p:to>
                                        <p:strVal val="visible"/>
                                      </p:to>
                                    </p:set>
                                    <p:anim calcmode="lin" valueType="num">
                                      <p:cBhvr additive="base">
                                        <p:cTn dur="500" id="20"/>
                                        <p:tgtEl>
                                          <p:spTgt spid="11"/>
                                        </p:tgtEl>
                                        <p:attrNameLst>
                                          <p:attrName>ppt_x</p:attrName>
                                        </p:attrNameLst>
                                      </p:cBhvr>
                                      <p:tavLst>
                                        <p:tav tm="0">
                                          <p:val>
                                            <p:strVal val="#ppt_x-#ppt_w*1.125000"/>
                                          </p:val>
                                        </p:tav>
                                        <p:tav tm="100000">
                                          <p:val>
                                            <p:strVal val="#ppt_x"/>
                                          </p:val>
                                        </p:tav>
                                      </p:tavLst>
                                    </p:anim>
                                    <p:animEffect filter="wipe(right)" transition="in">
                                      <p:cBhvr>
                                        <p:cTn dur="500" id="21"/>
                                        <p:tgtEl>
                                          <p:spTgt spid="11"/>
                                        </p:tgtEl>
                                      </p:cBhvr>
                                    </p:animEffect>
                                  </p:childTnLst>
                                </p:cTn>
                              </p:par>
                            </p:childTnLst>
                          </p:cTn>
                        </p:par>
                        <p:par>
                          <p:cTn fill="hold" id="22" nodeType="afterGroup">
                            <p:stCondLst>
                              <p:cond delay="2000"/>
                            </p:stCondLst>
                            <p:childTnLst>
                              <p:par>
                                <p:cTn fill="hold" id="23" nodeType="afterEffect" presetClass="emph" presetID="8" presetSubtype="0">
                                  <p:stCondLst>
                                    <p:cond delay="0"/>
                                  </p:stCondLst>
                                  <p:childTnLst>
                                    <p:animRot by="21600000">
                                      <p:cBhvr>
                                        <p:cTn dur="2000" fill="hold" id="24"/>
                                        <p:tgtEl>
                                          <p:spTgt spid="2"/>
                                        </p:tgtEl>
                                        <p:attrNameLst>
                                          <p:attrName>r</p:attrName>
                                        </p:attrNameLst>
                                      </p:cBhvr>
                                    </p:animRot>
                                  </p:childTnLst>
                                </p:cTn>
                              </p:par>
                              <p:par>
                                <p:cTn fill="hold" id="25" nodeType="withEffect" presetClass="emph" presetID="8" presetSubtype="0">
                                  <p:stCondLst>
                                    <p:cond delay="0"/>
                                  </p:stCondLst>
                                  <p:childTnLst>
                                    <p:animRot by="21600000">
                                      <p:cBhvr>
                                        <p:cTn dur="1500" fill="hold" id="26"/>
                                        <p:tgtEl>
                                          <p:spTgt spid="8"/>
                                        </p:tgtEl>
                                        <p:attrNameLst>
                                          <p:attrName>r</p:attrName>
                                        </p:attrNameLst>
                                      </p:cBhvr>
                                    </p:animRot>
                                  </p:childTnLst>
                                </p:cTn>
                              </p:par>
                              <p:par>
                                <p:cTn fill="hold" id="27" nodeType="withEffect" presetClass="emph" presetID="8" presetSubtype="0">
                                  <p:stCondLst>
                                    <p:cond delay="0"/>
                                  </p:stCondLst>
                                  <p:childTnLst>
                                    <p:animRot by="21600000">
                                      <p:cBhvr>
                                        <p:cTn dur="1000" fill="hold" id="28"/>
                                        <p:tgtEl>
                                          <p:spTgt spid="5"/>
                                        </p:tgtEl>
                                        <p:attrNameLst>
                                          <p:attrName>r</p:attrName>
                                        </p:attrNameLst>
                                      </p:cBhvr>
                                    </p:animRot>
                                  </p:childTnLst>
                                </p:cTn>
                              </p:par>
                              <p:par>
                                <p:cTn fill="hold" id="29" nodeType="withEffect" presetClass="emph" presetID="8" presetSubtype="0">
                                  <p:stCondLst>
                                    <p:cond delay="0"/>
                                  </p:stCondLst>
                                  <p:childTnLst>
                                    <p:animRot by="21600000">
                                      <p:cBhvr>
                                        <p:cTn dur="1500" fill="hold" id="30"/>
                                        <p:tgtEl>
                                          <p:spTgt spid="15"/>
                                        </p:tgtEl>
                                        <p:attrNameLst>
                                          <p:attrName>r</p:attrName>
                                        </p:attrNameLst>
                                      </p:cBhvr>
                                    </p:animRot>
                                  </p:childTnLst>
                                </p:cTn>
                              </p:par>
                              <p:par>
                                <p:cTn fill="hold" grpId="0" id="31" nodeType="withEffect" presetClass="entr" presetID="42" presetSubtype="0">
                                  <p:stCondLst>
                                    <p:cond delay="600"/>
                                  </p:stCondLst>
                                  <p:childTnLst>
                                    <p:set>
                                      <p:cBhvr>
                                        <p:cTn dur="1" fill="hold" id="32">
                                          <p:stCondLst>
                                            <p:cond delay="0"/>
                                          </p:stCondLst>
                                        </p:cTn>
                                        <p:tgtEl>
                                          <p:spTgt spid="12"/>
                                        </p:tgtEl>
                                        <p:attrNameLst>
                                          <p:attrName>style.visibility</p:attrName>
                                        </p:attrNameLst>
                                      </p:cBhvr>
                                      <p:to>
                                        <p:strVal val="visible"/>
                                      </p:to>
                                    </p:set>
                                    <p:animEffect filter="fade" transition="in">
                                      <p:cBhvr>
                                        <p:cTn dur="500" id="33"/>
                                        <p:tgtEl>
                                          <p:spTgt spid="12"/>
                                        </p:tgtEl>
                                      </p:cBhvr>
                                    </p:animEffect>
                                    <p:anim calcmode="lin" valueType="num">
                                      <p:cBhvr>
                                        <p:cTn dur="500" fill="hold" id="34"/>
                                        <p:tgtEl>
                                          <p:spTgt spid="12"/>
                                        </p:tgtEl>
                                        <p:attrNameLst>
                                          <p:attrName>ppt_x</p:attrName>
                                        </p:attrNameLst>
                                      </p:cBhvr>
                                      <p:tavLst>
                                        <p:tav tm="0">
                                          <p:val>
                                            <p:strVal val="#ppt_x"/>
                                          </p:val>
                                        </p:tav>
                                        <p:tav tm="100000">
                                          <p:val>
                                            <p:strVal val="#ppt_x"/>
                                          </p:val>
                                        </p:tav>
                                      </p:tavLst>
                                    </p:anim>
                                    <p:anim calcmode="lin" valueType="num">
                                      <p:cBhvr>
                                        <p:cTn dur="500" fill="hold" id="35"/>
                                        <p:tgtEl>
                                          <p:spTgt spid="12"/>
                                        </p:tgtEl>
                                        <p:attrNameLst>
                                          <p:attrName>ppt_y</p:attrName>
                                        </p:attrNameLst>
                                      </p:cBhvr>
                                      <p:tavLst>
                                        <p:tav tm="0">
                                          <p:val>
                                            <p:strVal val="#ppt_y+.1"/>
                                          </p:val>
                                        </p:tav>
                                        <p:tav tm="100000">
                                          <p:val>
                                            <p:strVal val="#ppt_y"/>
                                          </p:val>
                                        </p:tav>
                                      </p:tavLst>
                                    </p:anim>
                                  </p:childTnLst>
                                </p:cTn>
                              </p:par>
                              <p:par>
                                <p:cTn fill="hold" grpId="0" id="36" nodeType="withEffect" presetClass="entr" presetID="42" presetSubtype="0">
                                  <p:stCondLst>
                                    <p:cond delay="1100"/>
                                  </p:stCondLst>
                                  <p:childTnLst>
                                    <p:set>
                                      <p:cBhvr>
                                        <p:cTn dur="1" fill="hold" id="37">
                                          <p:stCondLst>
                                            <p:cond delay="0"/>
                                          </p:stCondLst>
                                        </p:cTn>
                                        <p:tgtEl>
                                          <p:spTgt spid="13"/>
                                        </p:tgtEl>
                                        <p:attrNameLst>
                                          <p:attrName>style.visibility</p:attrName>
                                        </p:attrNameLst>
                                      </p:cBhvr>
                                      <p:to>
                                        <p:strVal val="visible"/>
                                      </p:to>
                                    </p:set>
                                    <p:animEffect filter="fade" transition="in">
                                      <p:cBhvr>
                                        <p:cTn dur="500" id="38"/>
                                        <p:tgtEl>
                                          <p:spTgt spid="13"/>
                                        </p:tgtEl>
                                      </p:cBhvr>
                                    </p:animEffect>
                                    <p:anim calcmode="lin" valueType="num">
                                      <p:cBhvr>
                                        <p:cTn dur="500" fill="hold" id="39"/>
                                        <p:tgtEl>
                                          <p:spTgt spid="13"/>
                                        </p:tgtEl>
                                        <p:attrNameLst>
                                          <p:attrName>ppt_x</p:attrName>
                                        </p:attrNameLst>
                                      </p:cBhvr>
                                      <p:tavLst>
                                        <p:tav tm="0">
                                          <p:val>
                                            <p:strVal val="#ppt_x"/>
                                          </p:val>
                                        </p:tav>
                                        <p:tav tm="100000">
                                          <p:val>
                                            <p:strVal val="#ppt_x"/>
                                          </p:val>
                                        </p:tav>
                                      </p:tavLst>
                                    </p:anim>
                                    <p:anim calcmode="lin" valueType="num">
                                      <p:cBhvr>
                                        <p:cTn dur="500" fill="hold" id="40"/>
                                        <p:tgtEl>
                                          <p:spTgt spid="13"/>
                                        </p:tgtEl>
                                        <p:attrNameLst>
                                          <p:attrName>ppt_y</p:attrName>
                                        </p:attrNameLst>
                                      </p:cBhvr>
                                      <p:tavLst>
                                        <p:tav tm="0">
                                          <p:val>
                                            <p:strVal val="#ppt_y+.1"/>
                                          </p:val>
                                        </p:tav>
                                        <p:tav tm="100000">
                                          <p:val>
                                            <p:strVal val="#ppt_y"/>
                                          </p:val>
                                        </p:tav>
                                      </p:tavLst>
                                    </p:anim>
                                  </p:childTnLst>
                                </p:cTn>
                              </p:par>
                              <p:par>
                                <p:cTn fill="hold" grpId="0" id="41" nodeType="withEffect" presetClass="entr" presetID="42" presetSubtype="0">
                                  <p:stCondLst>
                                    <p:cond delay="1300"/>
                                  </p:stCondLst>
                                  <p:childTnLst>
                                    <p:set>
                                      <p:cBhvr>
                                        <p:cTn dur="1" fill="hold" id="42">
                                          <p:stCondLst>
                                            <p:cond delay="0"/>
                                          </p:stCondLst>
                                        </p:cTn>
                                        <p:tgtEl>
                                          <p:spTgt spid="14"/>
                                        </p:tgtEl>
                                        <p:attrNameLst>
                                          <p:attrName>style.visibility</p:attrName>
                                        </p:attrNameLst>
                                      </p:cBhvr>
                                      <p:to>
                                        <p:strVal val="visible"/>
                                      </p:to>
                                    </p:set>
                                    <p:animEffect filter="fade" transition="in">
                                      <p:cBhvr>
                                        <p:cTn dur="500" id="43"/>
                                        <p:tgtEl>
                                          <p:spTgt spid="14"/>
                                        </p:tgtEl>
                                      </p:cBhvr>
                                    </p:animEffect>
                                    <p:anim calcmode="lin" valueType="num">
                                      <p:cBhvr>
                                        <p:cTn dur="500" fill="hold" id="44"/>
                                        <p:tgtEl>
                                          <p:spTgt spid="14"/>
                                        </p:tgtEl>
                                        <p:attrNameLst>
                                          <p:attrName>ppt_x</p:attrName>
                                        </p:attrNameLst>
                                      </p:cBhvr>
                                      <p:tavLst>
                                        <p:tav tm="0">
                                          <p:val>
                                            <p:strVal val="#ppt_x"/>
                                          </p:val>
                                        </p:tav>
                                        <p:tav tm="100000">
                                          <p:val>
                                            <p:strVal val="#ppt_x"/>
                                          </p:val>
                                        </p:tav>
                                      </p:tavLst>
                                    </p:anim>
                                    <p:anim calcmode="lin" valueType="num">
                                      <p:cBhvr>
                                        <p:cTn dur="500" fill="hold" id="45"/>
                                        <p:tgtEl>
                                          <p:spTgt spid="14"/>
                                        </p:tgtEl>
                                        <p:attrNameLst>
                                          <p:attrName>ppt_y</p:attrName>
                                        </p:attrNameLst>
                                      </p:cBhvr>
                                      <p:tavLst>
                                        <p:tav tm="0">
                                          <p:val>
                                            <p:strVal val="#ppt_y+.1"/>
                                          </p:val>
                                        </p:tav>
                                        <p:tav tm="100000">
                                          <p:val>
                                            <p:strVal val="#ppt_y"/>
                                          </p:val>
                                        </p:tav>
                                      </p:tavLst>
                                    </p:anim>
                                  </p:childTnLst>
                                </p:cTn>
                              </p:par>
                              <p:par>
                                <p:cTn fill="hold" grpId="0" id="46" nodeType="withEffect" presetClass="entr" presetID="42" presetSubtype="0">
                                  <p:stCondLst>
                                    <p:cond delay="1600"/>
                                  </p:stCondLst>
                                  <p:childTnLst>
                                    <p:set>
                                      <p:cBhvr>
                                        <p:cTn dur="1" fill="hold" id="47">
                                          <p:stCondLst>
                                            <p:cond delay="0"/>
                                          </p:stCondLst>
                                        </p:cTn>
                                        <p:tgtEl>
                                          <p:spTgt spid="18"/>
                                        </p:tgtEl>
                                        <p:attrNameLst>
                                          <p:attrName>style.visibility</p:attrName>
                                        </p:attrNameLst>
                                      </p:cBhvr>
                                      <p:to>
                                        <p:strVal val="visible"/>
                                      </p:to>
                                    </p:set>
                                    <p:animEffect filter="fade" transition="in">
                                      <p:cBhvr>
                                        <p:cTn dur="500" id="48"/>
                                        <p:tgtEl>
                                          <p:spTgt spid="18"/>
                                        </p:tgtEl>
                                      </p:cBhvr>
                                    </p:animEffect>
                                    <p:anim calcmode="lin" valueType="num">
                                      <p:cBhvr>
                                        <p:cTn dur="500" fill="hold" id="49"/>
                                        <p:tgtEl>
                                          <p:spTgt spid="18"/>
                                        </p:tgtEl>
                                        <p:attrNameLst>
                                          <p:attrName>ppt_x</p:attrName>
                                        </p:attrNameLst>
                                      </p:cBhvr>
                                      <p:tavLst>
                                        <p:tav tm="0">
                                          <p:val>
                                            <p:strVal val="#ppt_x"/>
                                          </p:val>
                                        </p:tav>
                                        <p:tav tm="100000">
                                          <p:val>
                                            <p:strVal val="#ppt_x"/>
                                          </p:val>
                                        </p:tav>
                                      </p:tavLst>
                                    </p:anim>
                                    <p:anim calcmode="lin" valueType="num">
                                      <p:cBhvr>
                                        <p:cTn dur="500" fill="hold" id="50"/>
                                        <p:tgtEl>
                                          <p:spTgt spid="18"/>
                                        </p:tgtEl>
                                        <p:attrNameLst>
                                          <p:attrName>ppt_y</p:attrName>
                                        </p:attrNameLst>
                                      </p:cBhvr>
                                      <p:tavLst>
                                        <p:tav tm="0">
                                          <p:val>
                                            <p:strVal val="#ppt_y+.1"/>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11"/>
      <p:bldP grpId="0" spid="12"/>
      <p:bldP grpId="0" spid="13"/>
      <p:bldP grpId="0" spid="14"/>
      <p:bldP grpId="0" spid="18"/>
    </p:bldLst>
  </p:timing>
</p:sld>
</file>

<file path=ppt/slides/slide6.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sp>
        <p:nvSpPr>
          <p:cNvPr id="2" name="TextBox 3"/>
          <p:cNvSpPr txBox="1"/>
          <p:nvPr/>
        </p:nvSpPr>
        <p:spPr>
          <a:xfrm>
            <a:off x="1047750" y="1387503"/>
            <a:ext cx="8135938" cy="1078992"/>
          </a:xfrm>
          <a:prstGeom prst="rect">
            <a:avLst/>
          </a:prstGeom>
          <a:noFill/>
        </p:spPr>
        <p:txBody>
          <a:bodyPr lIns="0" rtlCol="0" wrap="squar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indent="457200">
              <a:lnSpc>
                <a:spcPct val="120000"/>
              </a:lnSpc>
            </a:pPr>
            <a:r>
              <a:rPr altLang="en-US" lang="zh-CN">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您的内容打在这里，或通过复制您的文本后在此框中选择粘贴并选择只保留文字您的内容打在这里</a:t>
            </a:r>
          </a:p>
        </p:txBody>
      </p:sp>
      <p:grpSp>
        <p:nvGrpSpPr>
          <p:cNvPr id="16" name="组合 15"/>
          <p:cNvGrpSpPr/>
          <p:nvPr/>
        </p:nvGrpSpPr>
        <p:grpSpPr>
          <a:xfrm>
            <a:off x="1523973" y="3432680"/>
            <a:ext cx="7202871" cy="144016"/>
            <a:chOff x="1015970" y="3432680"/>
            <a:chExt cx="7202871" cy="144016"/>
          </a:xfrm>
        </p:grpSpPr>
        <p:cxnSp>
          <p:nvCxnSpPr>
            <p:cNvPr id="3" name="直接连接符 2"/>
            <p:cNvCxnSpPr/>
            <p:nvPr/>
          </p:nvCxnSpPr>
          <p:spPr>
            <a:xfrm>
              <a:off x="1162094" y="3504688"/>
              <a:ext cx="7056103" cy="0"/>
            </a:xfrm>
            <a:prstGeom prst="line">
              <a:avLst/>
            </a:prstGeom>
            <a:ln w="38100">
              <a:solidFill>
                <a:srgbClr val="00544A"/>
              </a:solidFill>
            </a:ln>
          </p:spPr>
          <p:style>
            <a:lnRef idx="1">
              <a:schemeClr val="accent1"/>
            </a:lnRef>
            <a:fillRef idx="0">
              <a:schemeClr val="accent1"/>
            </a:fillRef>
            <a:effectRef idx="0">
              <a:schemeClr val="accent1"/>
            </a:effectRef>
            <a:fontRef idx="minor">
              <a:schemeClr val="tx1"/>
            </a:fontRef>
          </p:style>
        </p:cxnSp>
        <p:sp>
          <p:nvSpPr>
            <p:cNvPr id="4" name="椭圆 3"/>
            <p:cNvSpPr/>
            <p:nvPr/>
          </p:nvSpPr>
          <p:spPr>
            <a:xfrm>
              <a:off x="1015970"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5" name="椭圆 4"/>
            <p:cNvSpPr/>
            <p:nvPr/>
          </p:nvSpPr>
          <p:spPr>
            <a:xfrm>
              <a:off x="2566213"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defPPr>
                <a:defRPr lang="zh-CN"/>
              </a:defPPr>
              <a:lvl1pPr algn="l" defTabSz="914400" eaLnBrk="1" hangingPunct="1" latinLnBrk="0" marL="0" rtl="0">
                <a:defRPr kern="1200" sz="1800">
                  <a:solidFill>
                    <a:schemeClr val="lt1"/>
                  </a:solidFill>
                  <a:latin typeface="+mn-lt"/>
                  <a:ea typeface="+mn-ea"/>
                  <a:cs typeface="+mn-cs"/>
                </a:defRPr>
              </a:lvl1pPr>
              <a:lvl2pPr algn="l" defTabSz="914400" eaLnBrk="1" hangingPunct="1" latinLnBrk="0" marL="457200" rtl="0">
                <a:defRPr kern="1200" sz="1800">
                  <a:solidFill>
                    <a:schemeClr val="lt1"/>
                  </a:solidFill>
                  <a:latin typeface="+mn-lt"/>
                  <a:ea typeface="+mn-ea"/>
                  <a:cs typeface="+mn-cs"/>
                </a:defRPr>
              </a:lvl2pPr>
              <a:lvl3pPr algn="l" defTabSz="914400" eaLnBrk="1" hangingPunct="1" latinLnBrk="0" marL="914400" rtl="0">
                <a:defRPr kern="1200" sz="1800">
                  <a:solidFill>
                    <a:schemeClr val="lt1"/>
                  </a:solidFill>
                  <a:latin typeface="+mn-lt"/>
                  <a:ea typeface="+mn-ea"/>
                  <a:cs typeface="+mn-cs"/>
                </a:defRPr>
              </a:lvl3pPr>
              <a:lvl4pPr algn="l" defTabSz="914400" eaLnBrk="1" hangingPunct="1" latinLnBrk="0" marL="1371600" rtl="0">
                <a:defRPr kern="1200" sz="1800">
                  <a:solidFill>
                    <a:schemeClr val="lt1"/>
                  </a:solidFill>
                  <a:latin typeface="+mn-lt"/>
                  <a:ea typeface="+mn-ea"/>
                  <a:cs typeface="+mn-cs"/>
                </a:defRPr>
              </a:lvl4pPr>
              <a:lvl5pPr algn="l" defTabSz="914400" eaLnBrk="1" hangingPunct="1" latinLnBrk="0" marL="1828800" rtl="0">
                <a:defRPr kern="1200" sz="1800">
                  <a:solidFill>
                    <a:schemeClr val="lt1"/>
                  </a:solidFill>
                  <a:latin typeface="+mn-lt"/>
                  <a:ea typeface="+mn-ea"/>
                  <a:cs typeface="+mn-cs"/>
                </a:defRPr>
              </a:lvl5pPr>
              <a:lvl6pPr algn="l" defTabSz="914400" eaLnBrk="1" hangingPunct="1" latinLnBrk="0" marL="2286000" rtl="0">
                <a:defRPr kern="1200" sz="1800">
                  <a:solidFill>
                    <a:schemeClr val="lt1"/>
                  </a:solidFill>
                  <a:latin typeface="+mn-lt"/>
                  <a:ea typeface="+mn-ea"/>
                  <a:cs typeface="+mn-cs"/>
                </a:defRPr>
              </a:lvl6pPr>
              <a:lvl7pPr algn="l" defTabSz="914400" eaLnBrk="1" hangingPunct="1" latinLnBrk="0" marL="2743200" rtl="0">
                <a:defRPr kern="1200" sz="1800">
                  <a:solidFill>
                    <a:schemeClr val="lt1"/>
                  </a:solidFill>
                  <a:latin typeface="+mn-lt"/>
                  <a:ea typeface="+mn-ea"/>
                  <a:cs typeface="+mn-cs"/>
                </a:defRPr>
              </a:lvl7pPr>
              <a:lvl8pPr algn="l" defTabSz="914400" eaLnBrk="1" hangingPunct="1" latinLnBrk="0" marL="3200400" rtl="0">
                <a:defRPr kern="1200" sz="1800">
                  <a:solidFill>
                    <a:schemeClr val="lt1"/>
                  </a:solidFill>
                  <a:latin typeface="+mn-lt"/>
                  <a:ea typeface="+mn-ea"/>
                  <a:cs typeface="+mn-cs"/>
                </a:defRPr>
              </a:lvl8pPr>
              <a:lvl9pPr algn="l" defTabSz="914400" eaLnBrk="1" hangingPunct="1" latinLnBrk="0" marL="3657600" rtl="0">
                <a:defRPr kern="1200" sz="1800">
                  <a:solidFill>
                    <a:schemeClr val="lt1"/>
                  </a:solidFill>
                  <a:latin typeface="+mn-lt"/>
                  <a:ea typeface="+mn-ea"/>
                  <a:cs typeface="+mn-cs"/>
                </a:defRPr>
              </a:lvl9pPr>
            </a:lstStyle>
            <a:p>
              <a:pPr algn="ctr"/>
              <a:endParaRPr altLang="en-US" lang="zh-CN"/>
            </a:p>
          </p:txBody>
        </p:sp>
        <p:sp>
          <p:nvSpPr>
            <p:cNvPr id="6" name="椭圆 5"/>
            <p:cNvSpPr/>
            <p:nvPr/>
          </p:nvSpPr>
          <p:spPr>
            <a:xfrm>
              <a:off x="4402417"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7" name="椭圆 6"/>
            <p:cNvSpPr/>
            <p:nvPr/>
          </p:nvSpPr>
          <p:spPr>
            <a:xfrm>
              <a:off x="6238621"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sp>
          <p:nvSpPr>
            <p:cNvPr id="8" name="椭圆 7"/>
            <p:cNvSpPr/>
            <p:nvPr/>
          </p:nvSpPr>
          <p:spPr>
            <a:xfrm>
              <a:off x="8074825" y="3432680"/>
              <a:ext cx="144016" cy="144016"/>
            </a:xfrm>
            <a:prstGeom prst="ellipse">
              <a:avLst/>
            </a:prstGeom>
            <a:solidFill>
              <a:schemeClr val="bg1"/>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p>
          </p:txBody>
        </p:sp>
      </p:grpSp>
      <p:sp>
        <p:nvSpPr>
          <p:cNvPr id="9" name="TextBox 12"/>
          <p:cNvSpPr txBox="1"/>
          <p:nvPr/>
        </p:nvSpPr>
        <p:spPr>
          <a:xfrm>
            <a:off x="1236012" y="3687514"/>
            <a:ext cx="1008038" cy="676656"/>
          </a:xfrm>
          <a:prstGeom prst="rect">
            <a:avLst/>
          </a:prstGeom>
          <a:noFill/>
        </p:spPr>
        <p:txBody>
          <a:bodyPr lIns="0" rtlCol="0" wrap="squar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lnSpc>
                <a:spcPct val="120000"/>
              </a:lnSpc>
            </a:pPr>
            <a:r>
              <a:rPr altLang="en-US" lang="zh-CN" sz="1600">
                <a:latin charset="-122" panose="020b0503020204020204" pitchFamily="34" typeface="微软雅黑"/>
                <a:ea charset="-122" panose="020b0503020204020204" pitchFamily="34" typeface="微软雅黑"/>
              </a:rPr>
              <a:t>单击此处添加文字</a:t>
            </a:r>
          </a:p>
        </p:txBody>
      </p:sp>
      <p:sp>
        <p:nvSpPr>
          <p:cNvPr id="10" name="TextBox 13"/>
          <p:cNvSpPr txBox="1"/>
          <p:nvPr/>
        </p:nvSpPr>
        <p:spPr>
          <a:xfrm>
            <a:off x="2867228" y="3687514"/>
            <a:ext cx="1008038" cy="676656"/>
          </a:xfrm>
          <a:prstGeom prst="rect">
            <a:avLst/>
          </a:prstGeom>
          <a:noFill/>
        </p:spPr>
        <p:txBody>
          <a:bodyPr lIns="0" rtlCol="0" wrap="squar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lnSpc>
                <a:spcPct val="120000"/>
              </a:lnSpc>
            </a:pPr>
            <a:r>
              <a:rPr altLang="en-US" lang="zh-CN" sz="1600">
                <a:latin charset="-122" panose="020b0503020204020204" pitchFamily="34" typeface="微软雅黑"/>
                <a:ea charset="-122" panose="020b0503020204020204" pitchFamily="34" typeface="微软雅黑"/>
              </a:rPr>
              <a:t>单击此处添加文字</a:t>
            </a:r>
          </a:p>
        </p:txBody>
      </p:sp>
      <p:sp>
        <p:nvSpPr>
          <p:cNvPr id="11" name="TextBox 15"/>
          <p:cNvSpPr txBox="1"/>
          <p:nvPr/>
        </p:nvSpPr>
        <p:spPr>
          <a:xfrm>
            <a:off x="4548343" y="3687514"/>
            <a:ext cx="1008038" cy="676656"/>
          </a:xfrm>
          <a:prstGeom prst="rect">
            <a:avLst/>
          </a:prstGeom>
          <a:noFill/>
        </p:spPr>
        <p:txBody>
          <a:bodyPr lIns="0" rtlCol="0" wrap="squar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lnSpc>
                <a:spcPct val="120000"/>
              </a:lnSpc>
            </a:pPr>
            <a:r>
              <a:rPr altLang="en-US" lang="zh-CN" sz="1600">
                <a:latin charset="-122" panose="020b0503020204020204" pitchFamily="34" typeface="微软雅黑"/>
                <a:ea charset="-122" panose="020b0503020204020204" pitchFamily="34" typeface="微软雅黑"/>
              </a:rPr>
              <a:t>单击此处添加文字</a:t>
            </a:r>
          </a:p>
        </p:txBody>
      </p:sp>
      <p:sp>
        <p:nvSpPr>
          <p:cNvPr id="12" name="TextBox 16"/>
          <p:cNvSpPr txBox="1"/>
          <p:nvPr/>
        </p:nvSpPr>
        <p:spPr>
          <a:xfrm>
            <a:off x="6384548" y="3687514"/>
            <a:ext cx="1008038" cy="676656"/>
          </a:xfrm>
          <a:prstGeom prst="rect">
            <a:avLst/>
          </a:prstGeom>
          <a:noFill/>
        </p:spPr>
        <p:txBody>
          <a:bodyPr lIns="0" rtlCol="0" wrap="squar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lnSpc>
                <a:spcPct val="120000"/>
              </a:lnSpc>
            </a:pPr>
            <a:r>
              <a:rPr altLang="en-US" lang="zh-CN" sz="1600">
                <a:latin charset="-122" panose="020b0503020204020204" pitchFamily="34" typeface="微软雅黑"/>
                <a:ea charset="-122" panose="020b0503020204020204" pitchFamily="34" typeface="微软雅黑"/>
              </a:rPr>
              <a:t>单击此处添加文字</a:t>
            </a:r>
          </a:p>
        </p:txBody>
      </p:sp>
      <p:sp>
        <p:nvSpPr>
          <p:cNvPr id="13" name="TextBox 17"/>
          <p:cNvSpPr txBox="1"/>
          <p:nvPr/>
        </p:nvSpPr>
        <p:spPr>
          <a:xfrm>
            <a:off x="8220751" y="3687514"/>
            <a:ext cx="1008038" cy="676656"/>
          </a:xfrm>
          <a:prstGeom prst="rect">
            <a:avLst/>
          </a:prstGeom>
          <a:noFill/>
        </p:spPr>
        <p:txBody>
          <a:bodyPr lIns="0" rtlCol="0" wrap="squar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lnSpc>
                <a:spcPct val="120000"/>
              </a:lnSpc>
            </a:pPr>
            <a:r>
              <a:rPr altLang="en-US" lang="zh-CN" sz="1600">
                <a:latin charset="-122" panose="020b0503020204020204" pitchFamily="34" typeface="微软雅黑"/>
                <a:ea charset="-122" panose="020b0503020204020204" pitchFamily="34" typeface="微软雅黑"/>
              </a:rPr>
              <a:t>单击此处添加文字</a:t>
            </a:r>
          </a:p>
        </p:txBody>
      </p:sp>
      <p:sp>
        <p:nvSpPr>
          <p:cNvPr id="14" name="TextBox 18"/>
          <p:cNvSpPr txBox="1"/>
          <p:nvPr/>
        </p:nvSpPr>
        <p:spPr>
          <a:xfrm>
            <a:off x="2779440" y="2928624"/>
            <a:ext cx="957841" cy="365760"/>
          </a:xfrm>
          <a:prstGeom prst="rect">
            <a:avLst/>
          </a:prstGeom>
          <a:solidFill>
            <a:srgbClr val="00544A"/>
          </a:solidFill>
        </p:spPr>
        <p:txBody>
          <a:bodyPr rtlCol="0" wrap="square">
            <a:spAutoFit/>
          </a:bodyPr>
          <a:lstStyle>
            <a:defPPr>
              <a:defRPr lang="zh-CN"/>
            </a:defPPr>
            <a:lvl1pPr algn="l" defTabSz="914400" eaLnBrk="1" hangingPunct="1" latinLnBrk="0" marL="0" rtl="0">
              <a:defRPr kern="1200" sz="1800">
                <a:solidFill>
                  <a:schemeClr val="tx1"/>
                </a:solidFill>
                <a:latin typeface="+mn-lt"/>
                <a:ea typeface="+mn-ea"/>
                <a:cs typeface="+mn-cs"/>
              </a:defRPr>
            </a:lvl1pPr>
            <a:lvl2pPr algn="l" defTabSz="914400" eaLnBrk="1" hangingPunct="1" latinLnBrk="0" marL="457200" rtl="0">
              <a:defRPr kern="1200" sz="1800">
                <a:solidFill>
                  <a:schemeClr val="tx1"/>
                </a:solidFill>
                <a:latin typeface="+mn-lt"/>
                <a:ea typeface="+mn-ea"/>
                <a:cs typeface="+mn-cs"/>
              </a:defRPr>
            </a:lvl2pPr>
            <a:lvl3pPr algn="l" defTabSz="914400" eaLnBrk="1" hangingPunct="1" latinLnBrk="0" marL="914400" rtl="0">
              <a:defRPr kern="1200" sz="1800">
                <a:solidFill>
                  <a:schemeClr val="tx1"/>
                </a:solidFill>
                <a:latin typeface="+mn-lt"/>
                <a:ea typeface="+mn-ea"/>
                <a:cs typeface="+mn-cs"/>
              </a:defRPr>
            </a:lvl3pPr>
            <a:lvl4pPr algn="l" defTabSz="914400" eaLnBrk="1" hangingPunct="1" latinLnBrk="0" marL="1371600" rtl="0">
              <a:defRPr kern="1200" sz="1800">
                <a:solidFill>
                  <a:schemeClr val="tx1"/>
                </a:solidFill>
                <a:latin typeface="+mn-lt"/>
                <a:ea typeface="+mn-ea"/>
                <a:cs typeface="+mn-cs"/>
              </a:defRPr>
            </a:lvl4pPr>
            <a:lvl5pPr algn="l" defTabSz="914400" eaLnBrk="1" hangingPunct="1" latinLnBrk="0" marL="1828800" rtl="0">
              <a:defRPr kern="1200" sz="1800">
                <a:solidFill>
                  <a:schemeClr val="tx1"/>
                </a:solidFill>
                <a:latin typeface="+mn-lt"/>
                <a:ea typeface="+mn-ea"/>
                <a:cs typeface="+mn-cs"/>
              </a:defRPr>
            </a:lvl5pPr>
            <a:lvl6pPr algn="l" defTabSz="914400" eaLnBrk="1" hangingPunct="1" latinLnBrk="0" marL="2286000" rtl="0">
              <a:defRPr kern="1200" sz="1800">
                <a:solidFill>
                  <a:schemeClr val="tx1"/>
                </a:solidFill>
                <a:latin typeface="+mn-lt"/>
                <a:ea typeface="+mn-ea"/>
                <a:cs typeface="+mn-cs"/>
              </a:defRPr>
            </a:lvl6pPr>
            <a:lvl7pPr algn="l" defTabSz="914400" eaLnBrk="1" hangingPunct="1" latinLnBrk="0" marL="2743200" rtl="0">
              <a:defRPr kern="1200" sz="1800">
                <a:solidFill>
                  <a:schemeClr val="tx1"/>
                </a:solidFill>
                <a:latin typeface="+mn-lt"/>
                <a:ea typeface="+mn-ea"/>
                <a:cs typeface="+mn-cs"/>
              </a:defRPr>
            </a:lvl7pPr>
            <a:lvl8pPr algn="l" defTabSz="914400" eaLnBrk="1" hangingPunct="1" latinLnBrk="0" marL="3200400" rtl="0">
              <a:defRPr kern="1200" sz="1800">
                <a:solidFill>
                  <a:schemeClr val="tx1"/>
                </a:solidFill>
                <a:latin typeface="+mn-lt"/>
                <a:ea typeface="+mn-ea"/>
                <a:cs typeface="+mn-cs"/>
              </a:defRPr>
            </a:lvl8pPr>
            <a:lvl9pPr algn="l" defTabSz="914400" eaLnBrk="1" hangingPunct="1" latinLnBrk="0" marL="3657600" rtl="0">
              <a:defRPr kern="1200" sz="1800">
                <a:solidFill>
                  <a:schemeClr val="tx1"/>
                </a:solidFill>
                <a:latin typeface="+mn-lt"/>
                <a:ea typeface="+mn-ea"/>
                <a:cs typeface="+mn-cs"/>
              </a:defRPr>
            </a:lvl9pPr>
          </a:lstStyle>
          <a:p>
            <a:pPr algn="ctr"/>
            <a:r>
              <a:rPr altLang="en-US" lang="zh-CN">
                <a:solidFill>
                  <a:schemeClr val="bg1"/>
                </a:solidFill>
                <a:latin charset="-122" panose="020b0503020204020204" pitchFamily="34" typeface="微软雅黑"/>
                <a:ea charset="-122" panose="020b0503020204020204" pitchFamily="34" typeface="微软雅黑"/>
              </a:rPr>
              <a:t>重要</a:t>
            </a:r>
          </a:p>
        </p:txBody>
      </p:sp>
      <p:sp>
        <p:nvSpPr>
          <p:cNvPr id="15" name="TextBox 19"/>
          <p:cNvSpPr txBox="1"/>
          <p:nvPr/>
        </p:nvSpPr>
        <p:spPr>
          <a:xfrm>
            <a:off x="4501436" y="2928624"/>
            <a:ext cx="957841" cy="365760"/>
          </a:xfrm>
          <a:prstGeom prst="rect">
            <a:avLst/>
          </a:prstGeom>
          <a:solidFill>
            <a:srgbClr val="00544A"/>
          </a:solidFill>
        </p:spPr>
        <p:txBody>
          <a:bodyPr rtlCol="0" wrap="square">
            <a:spAutoFit/>
          </a:bodyPr>
          <a:lstStyle>
            <a:defPPr>
              <a:defRPr lang="zh-CN"/>
            </a:defPPr>
            <a:lvl1pPr algn="ctr">
              <a:defRPr>
                <a:solidFill>
                  <a:schemeClr val="bg1"/>
                </a:solidFill>
                <a:latin charset="-122" panose="020b0503020204020204" pitchFamily="34" typeface="微软雅黑"/>
                <a:ea charset="-122" panose="020b0503020204020204" pitchFamily="34" typeface="微软雅黑"/>
              </a:defRPr>
            </a:lvl1pPr>
          </a:lstStyle>
          <a:p>
            <a:r>
              <a:rPr altLang="en-US" lang="zh-CN"/>
              <a:t>最耗时</a:t>
            </a:r>
          </a:p>
        </p:txBody>
      </p:sp>
    </p:spTree>
    <p:extLst>
      <p:ext uri="{BB962C8B-B14F-4D97-AF65-F5344CB8AC3E}">
        <p14:creationId val="1512853766"/>
      </p:ext>
    </p:extLst>
  </p:cSld>
  <p:clrMapOvr>
    <a:masterClrMapping/>
  </p:clrMapOvr>
  <mc:AlternateContent>
    <mc:Choice Requires="p14">
      <p:transition advTm="4000" p14:dur="2000" spd="slow"/>
    </mc:Choice>
    <mc:Fallback>
      <p:transition advTm="4000" spd="slow"/>
    </mc:Fallback>
  </mc:AlternateContent>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grpId="0" id="5" nodeType="afterEffect" presetClass="entr" presetID="10" presetSubtype="0">
                                  <p:stCondLst>
                                    <p:cond delay="0"/>
                                  </p:stCondLst>
                                  <p:childTnLst>
                                    <p:set>
                                      <p:cBhvr>
                                        <p:cTn dur="1" fill="hold" id="6">
                                          <p:stCondLst>
                                            <p:cond delay="0"/>
                                          </p:stCondLst>
                                        </p:cTn>
                                        <p:tgtEl>
                                          <p:spTgt spid="2"/>
                                        </p:tgtEl>
                                        <p:attrNameLst>
                                          <p:attrName>style.visibility</p:attrName>
                                        </p:attrNameLst>
                                      </p:cBhvr>
                                      <p:to>
                                        <p:strVal val="visible"/>
                                      </p:to>
                                    </p:set>
                                    <p:animEffect filter="fade" transition="in">
                                      <p:cBhvr>
                                        <p:cTn dur="500" id="7"/>
                                        <p:tgtEl>
                                          <p:spTgt spid="2"/>
                                        </p:tgtEl>
                                      </p:cBhvr>
                                    </p:animEffect>
                                  </p:childTnLst>
                                </p:cTn>
                              </p:par>
                            </p:childTnLst>
                          </p:cTn>
                        </p:par>
                        <p:par>
                          <p:cTn fill="hold" id="8" nodeType="afterGroup">
                            <p:stCondLst>
                              <p:cond delay="500"/>
                            </p:stCondLst>
                            <p:childTnLst>
                              <p:par>
                                <p:cTn fill="hold" id="9" nodeType="afterEffect" presetClass="entr" presetID="16" presetSubtype="21">
                                  <p:stCondLst>
                                    <p:cond delay="0"/>
                                  </p:stCondLst>
                                  <p:childTnLst>
                                    <p:set>
                                      <p:cBhvr>
                                        <p:cTn dur="1" fill="hold" id="10">
                                          <p:stCondLst>
                                            <p:cond delay="0"/>
                                          </p:stCondLst>
                                        </p:cTn>
                                        <p:tgtEl>
                                          <p:spTgt spid="16"/>
                                        </p:tgtEl>
                                        <p:attrNameLst>
                                          <p:attrName>style.visibility</p:attrName>
                                        </p:attrNameLst>
                                      </p:cBhvr>
                                      <p:to>
                                        <p:strVal val="visible"/>
                                      </p:to>
                                    </p:set>
                                    <p:animEffect filter="barn(inVertical)" transition="in">
                                      <p:cBhvr>
                                        <p:cTn dur="500" id="11"/>
                                        <p:tgtEl>
                                          <p:spTgt spid="16"/>
                                        </p:tgtEl>
                                      </p:cBhvr>
                                    </p:animEffect>
                                  </p:childTnLst>
                                </p:cTn>
                              </p:par>
                            </p:childTnLst>
                          </p:cTn>
                        </p:par>
                        <p:par>
                          <p:cTn fill="hold" id="12" nodeType="afterGroup">
                            <p:stCondLst>
                              <p:cond delay="1000"/>
                            </p:stCondLst>
                            <p:childTnLst>
                              <p:par>
                                <p:cTn fill="hold" grpId="0" id="13" nodeType="afterEffect" presetClass="entr" presetID="10" presetSubtype="0">
                                  <p:stCondLst>
                                    <p:cond delay="0"/>
                                  </p:stCondLst>
                                  <p:childTnLst>
                                    <p:set>
                                      <p:cBhvr>
                                        <p:cTn dur="1" fill="hold" id="14">
                                          <p:stCondLst>
                                            <p:cond delay="0"/>
                                          </p:stCondLst>
                                        </p:cTn>
                                        <p:tgtEl>
                                          <p:spTgt spid="9"/>
                                        </p:tgtEl>
                                        <p:attrNameLst>
                                          <p:attrName>style.visibility</p:attrName>
                                        </p:attrNameLst>
                                      </p:cBhvr>
                                      <p:to>
                                        <p:strVal val="visible"/>
                                      </p:to>
                                    </p:set>
                                    <p:animEffect filter="fade" transition="in">
                                      <p:cBhvr>
                                        <p:cTn dur="500" id="15"/>
                                        <p:tgtEl>
                                          <p:spTgt spid="9"/>
                                        </p:tgtEl>
                                      </p:cBhvr>
                                    </p:animEffect>
                                  </p:childTnLst>
                                </p:cTn>
                              </p:par>
                              <p:par>
                                <p:cTn fill="hold" grpId="0" id="16" nodeType="withEffect" presetClass="entr" presetID="10" presetSubtype="0">
                                  <p:stCondLst>
                                    <p:cond delay="250"/>
                                  </p:stCondLst>
                                  <p:childTnLst>
                                    <p:set>
                                      <p:cBhvr>
                                        <p:cTn dur="1" fill="hold" id="17">
                                          <p:stCondLst>
                                            <p:cond delay="0"/>
                                          </p:stCondLst>
                                        </p:cTn>
                                        <p:tgtEl>
                                          <p:spTgt spid="10"/>
                                        </p:tgtEl>
                                        <p:attrNameLst>
                                          <p:attrName>style.visibility</p:attrName>
                                        </p:attrNameLst>
                                      </p:cBhvr>
                                      <p:to>
                                        <p:strVal val="visible"/>
                                      </p:to>
                                    </p:set>
                                    <p:animEffect filter="fade" transition="in">
                                      <p:cBhvr>
                                        <p:cTn dur="500" id="18"/>
                                        <p:tgtEl>
                                          <p:spTgt spid="10"/>
                                        </p:tgtEl>
                                      </p:cBhvr>
                                    </p:animEffect>
                                  </p:childTnLst>
                                </p:cTn>
                              </p:par>
                              <p:par>
                                <p:cTn fill="hold" grpId="0" id="19" nodeType="withEffect" presetClass="entr" presetID="10" presetSubtype="0">
                                  <p:stCondLst>
                                    <p:cond delay="500"/>
                                  </p:stCondLst>
                                  <p:childTnLst>
                                    <p:set>
                                      <p:cBhvr>
                                        <p:cTn dur="1" fill="hold" id="20">
                                          <p:stCondLst>
                                            <p:cond delay="0"/>
                                          </p:stCondLst>
                                        </p:cTn>
                                        <p:tgtEl>
                                          <p:spTgt spid="11"/>
                                        </p:tgtEl>
                                        <p:attrNameLst>
                                          <p:attrName>style.visibility</p:attrName>
                                        </p:attrNameLst>
                                      </p:cBhvr>
                                      <p:to>
                                        <p:strVal val="visible"/>
                                      </p:to>
                                    </p:set>
                                    <p:animEffect filter="fade" transition="in">
                                      <p:cBhvr>
                                        <p:cTn dur="500" id="21"/>
                                        <p:tgtEl>
                                          <p:spTgt spid="11"/>
                                        </p:tgtEl>
                                      </p:cBhvr>
                                    </p:animEffect>
                                  </p:childTnLst>
                                </p:cTn>
                              </p:par>
                              <p:par>
                                <p:cTn fill="hold" grpId="0" id="22" nodeType="withEffect" presetClass="entr" presetID="10" presetSubtype="0">
                                  <p:stCondLst>
                                    <p:cond delay="750"/>
                                  </p:stCondLst>
                                  <p:childTnLst>
                                    <p:set>
                                      <p:cBhvr>
                                        <p:cTn dur="1" fill="hold" id="23">
                                          <p:stCondLst>
                                            <p:cond delay="0"/>
                                          </p:stCondLst>
                                        </p:cTn>
                                        <p:tgtEl>
                                          <p:spTgt spid="12"/>
                                        </p:tgtEl>
                                        <p:attrNameLst>
                                          <p:attrName>style.visibility</p:attrName>
                                        </p:attrNameLst>
                                      </p:cBhvr>
                                      <p:to>
                                        <p:strVal val="visible"/>
                                      </p:to>
                                    </p:set>
                                    <p:animEffect filter="fade" transition="in">
                                      <p:cBhvr>
                                        <p:cTn dur="500" id="24"/>
                                        <p:tgtEl>
                                          <p:spTgt spid="12"/>
                                        </p:tgtEl>
                                      </p:cBhvr>
                                    </p:animEffect>
                                  </p:childTnLst>
                                </p:cTn>
                              </p:par>
                              <p:par>
                                <p:cTn fill="hold" grpId="0" id="25" nodeType="withEffect" presetClass="entr" presetID="10" presetSubtype="0">
                                  <p:stCondLst>
                                    <p:cond delay="1000"/>
                                  </p:stCondLst>
                                  <p:childTnLst>
                                    <p:set>
                                      <p:cBhvr>
                                        <p:cTn dur="1" fill="hold" id="26">
                                          <p:stCondLst>
                                            <p:cond delay="0"/>
                                          </p:stCondLst>
                                        </p:cTn>
                                        <p:tgtEl>
                                          <p:spTgt spid="13"/>
                                        </p:tgtEl>
                                        <p:attrNameLst>
                                          <p:attrName>style.visibility</p:attrName>
                                        </p:attrNameLst>
                                      </p:cBhvr>
                                      <p:to>
                                        <p:strVal val="visible"/>
                                      </p:to>
                                    </p:set>
                                    <p:animEffect filter="fade" transition="in">
                                      <p:cBhvr>
                                        <p:cTn dur="500" id="27"/>
                                        <p:tgtEl>
                                          <p:spTgt spid="13"/>
                                        </p:tgtEl>
                                      </p:cBhvr>
                                    </p:animEffect>
                                  </p:childTnLst>
                                </p:cTn>
                              </p:par>
                            </p:childTnLst>
                          </p:cTn>
                        </p:par>
                        <p:par>
                          <p:cTn fill="hold" id="28" nodeType="afterGroup">
                            <p:stCondLst>
                              <p:cond delay="2500"/>
                            </p:stCondLst>
                            <p:childTnLst>
                              <p:par>
                                <p:cTn fill="hold" grpId="0" id="29" nodeType="afterEffect" presetClass="entr" presetID="53" presetSubtype="0">
                                  <p:stCondLst>
                                    <p:cond delay="0"/>
                                  </p:stCondLst>
                                  <p:childTnLst>
                                    <p:set>
                                      <p:cBhvr>
                                        <p:cTn dur="1" fill="hold" id="30">
                                          <p:stCondLst>
                                            <p:cond delay="0"/>
                                          </p:stCondLst>
                                        </p:cTn>
                                        <p:tgtEl>
                                          <p:spTgt spid="14"/>
                                        </p:tgtEl>
                                        <p:attrNameLst>
                                          <p:attrName>style.visibility</p:attrName>
                                        </p:attrNameLst>
                                      </p:cBhvr>
                                      <p:to>
                                        <p:strVal val="visible"/>
                                      </p:to>
                                    </p:set>
                                    <p:anim calcmode="lin" valueType="num">
                                      <p:cBhvr>
                                        <p:cTn dur="500" fill="hold" id="31"/>
                                        <p:tgtEl>
                                          <p:spTgt spid="14"/>
                                        </p:tgtEl>
                                        <p:attrNameLst>
                                          <p:attrName>ppt_w</p:attrName>
                                        </p:attrNameLst>
                                      </p:cBhvr>
                                      <p:tavLst>
                                        <p:tav tm="0">
                                          <p:val>
                                            <p:fltVal val="0"/>
                                          </p:val>
                                        </p:tav>
                                        <p:tav tm="100000">
                                          <p:val>
                                            <p:strVal val="#ppt_w"/>
                                          </p:val>
                                        </p:tav>
                                      </p:tavLst>
                                    </p:anim>
                                    <p:anim calcmode="lin" valueType="num">
                                      <p:cBhvr>
                                        <p:cTn dur="500" fill="hold" id="32"/>
                                        <p:tgtEl>
                                          <p:spTgt spid="14"/>
                                        </p:tgtEl>
                                        <p:attrNameLst>
                                          <p:attrName>ppt_h</p:attrName>
                                        </p:attrNameLst>
                                      </p:cBhvr>
                                      <p:tavLst>
                                        <p:tav tm="0">
                                          <p:val>
                                            <p:fltVal val="0"/>
                                          </p:val>
                                        </p:tav>
                                        <p:tav tm="100000">
                                          <p:val>
                                            <p:strVal val="#ppt_h"/>
                                          </p:val>
                                        </p:tav>
                                      </p:tavLst>
                                    </p:anim>
                                    <p:animEffect filter="fade" transition="in">
                                      <p:cBhvr>
                                        <p:cTn dur="500" id="33"/>
                                        <p:tgtEl>
                                          <p:spTgt spid="14"/>
                                        </p:tgtEl>
                                      </p:cBhvr>
                                    </p:animEffect>
                                  </p:childTnLst>
                                </p:cTn>
                              </p:par>
                            </p:childTnLst>
                          </p:cTn>
                        </p:par>
                        <p:par>
                          <p:cTn fill="hold" id="34" nodeType="afterGroup">
                            <p:stCondLst>
                              <p:cond delay="3000"/>
                            </p:stCondLst>
                            <p:childTnLst>
                              <p:par>
                                <p:cTn fill="hold" grpId="0" id="35" nodeType="afterEffect" presetClass="entr" presetID="53" presetSubtype="0">
                                  <p:stCondLst>
                                    <p:cond delay="0"/>
                                  </p:stCondLst>
                                  <p:childTnLst>
                                    <p:set>
                                      <p:cBhvr>
                                        <p:cTn dur="1" fill="hold" id="36">
                                          <p:stCondLst>
                                            <p:cond delay="0"/>
                                          </p:stCondLst>
                                        </p:cTn>
                                        <p:tgtEl>
                                          <p:spTgt spid="15"/>
                                        </p:tgtEl>
                                        <p:attrNameLst>
                                          <p:attrName>style.visibility</p:attrName>
                                        </p:attrNameLst>
                                      </p:cBhvr>
                                      <p:to>
                                        <p:strVal val="visible"/>
                                      </p:to>
                                    </p:set>
                                    <p:anim calcmode="lin" valueType="num">
                                      <p:cBhvr>
                                        <p:cTn dur="500" fill="hold" id="37"/>
                                        <p:tgtEl>
                                          <p:spTgt spid="15"/>
                                        </p:tgtEl>
                                        <p:attrNameLst>
                                          <p:attrName>ppt_w</p:attrName>
                                        </p:attrNameLst>
                                      </p:cBhvr>
                                      <p:tavLst>
                                        <p:tav tm="0">
                                          <p:val>
                                            <p:fltVal val="0"/>
                                          </p:val>
                                        </p:tav>
                                        <p:tav tm="100000">
                                          <p:val>
                                            <p:strVal val="#ppt_w"/>
                                          </p:val>
                                        </p:tav>
                                      </p:tavLst>
                                    </p:anim>
                                    <p:anim calcmode="lin" valueType="num">
                                      <p:cBhvr>
                                        <p:cTn dur="500" fill="hold" id="38"/>
                                        <p:tgtEl>
                                          <p:spTgt spid="15"/>
                                        </p:tgtEl>
                                        <p:attrNameLst>
                                          <p:attrName>ppt_h</p:attrName>
                                        </p:attrNameLst>
                                      </p:cBhvr>
                                      <p:tavLst>
                                        <p:tav tm="0">
                                          <p:val>
                                            <p:fltVal val="0"/>
                                          </p:val>
                                        </p:tav>
                                        <p:tav tm="100000">
                                          <p:val>
                                            <p:strVal val="#ppt_h"/>
                                          </p:val>
                                        </p:tav>
                                      </p:tavLst>
                                    </p:anim>
                                    <p:animEffect filter="fade" transition="in">
                                      <p:cBhvr>
                                        <p:cTn dur="500" id="39"/>
                                        <p:tgtEl>
                                          <p:spTgt spid="15"/>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2"/>
      <p:bldP grpId="0" spid="9"/>
      <p:bldP grpId="0" spid="10"/>
      <p:bldP grpId="0" spid="11"/>
      <p:bldP grpId="0" spid="12"/>
      <p:bldP grpId="0" spid="13"/>
      <p:bldP grpId="0" spid="14"/>
      <p:bldP grpId="0" spid="15"/>
    </p:bldLst>
  </p:timing>
</p:sld>
</file>

<file path=ppt/slides/slide7.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3475649" y="1065743"/>
            <a:ext cx="2250763" cy="1216222"/>
            <a:chOff x="2862870" y="1133088"/>
            <a:chExt cx="2764517" cy="1344451"/>
          </a:xfrm>
        </p:grpSpPr>
        <p:grpSp>
          <p:nvGrpSpPr>
            <p:cNvPr id="3" name="组合 2"/>
            <p:cNvGrpSpPr/>
            <p:nvPr/>
          </p:nvGrpSpPr>
          <p:grpSpPr>
            <a:xfrm>
              <a:off x="2862870" y="1133088"/>
              <a:ext cx="2764517" cy="1344451"/>
              <a:chOff x="-170041" y="712948"/>
              <a:chExt cx="4348339" cy="2114702"/>
            </a:xfrm>
          </p:grpSpPr>
          <p:sp>
            <p:nvSpPr>
              <p:cNvPr id="5" name="矩形 14"/>
              <p:cNvSpPr/>
              <p:nvPr/>
            </p:nvSpPr>
            <p:spPr>
              <a:xfrm>
                <a:off x="1216291" y="712948"/>
                <a:ext cx="1237783" cy="2114702"/>
              </a:xfrm>
              <a:custGeom>
                <a:gdLst>
                  <a:gd fmla="*/ 1224136 w 1237784" name="connsiteX0"/>
                  <a:gd fmla="*/ 0 h 2334439" name="connsiteY0"/>
                  <a:gd fmla="*/ 1237784 w 1237784" name="connsiteX1"/>
                  <a:gd fmla="*/ 1485835 h 2334439" name="connsiteY1"/>
                  <a:gd fmla="*/ 0 w 1237784" name="connsiteX2"/>
                  <a:gd fmla="*/ 2334439 h 2334439" name="connsiteY2"/>
                  <a:gd fmla="*/ 7492 w 1237784" name="connsiteX3"/>
                  <a:gd fmla="*/ 896233 h 2334439" name="connsiteY3"/>
                  <a:gd fmla="*/ 1224136 w 1237784" name="connsiteX4"/>
                  <a:gd fmla="*/ 0 h 2334439" name="connsiteY4"/>
                </a:gdLst>
                <a:cxnLst>
                  <a:cxn ang="0">
                    <a:pos x="connsiteX0" y="connsiteY0"/>
                  </a:cxn>
                  <a:cxn ang="0">
                    <a:pos x="connsiteX1" y="connsiteY1"/>
                  </a:cxn>
                  <a:cxn ang="0">
                    <a:pos x="connsiteX2" y="connsiteY2"/>
                  </a:cxn>
                  <a:cxn ang="0">
                    <a:pos x="connsiteX3" y="connsiteY3"/>
                  </a:cxn>
                  <a:cxn ang="0">
                    <a:pos x="connsiteX4" y="connsiteY4"/>
                  </a:cxn>
                </a:cxnLst>
                <a:rect b="b" l="l" r="r" t="t"/>
                <a:pathLst>
                  <a:path h="2334439" w="1237784">
                    <a:moveTo>
                      <a:pt x="1224136" y="0"/>
                    </a:moveTo>
                    <a:lnTo>
                      <a:pt x="1237784" y="1485835"/>
                    </a:lnTo>
                    <a:lnTo>
                      <a:pt x="0" y="2334439"/>
                    </a:lnTo>
                    <a:cubicBezTo>
                      <a:pt x="2497" y="1855037"/>
                      <a:pt x="4995" y="1375635"/>
                      <a:pt x="7492" y="896233"/>
                    </a:cubicBezTo>
                    <a:lnTo>
                      <a:pt x="1224136" y="0"/>
                    </a:lnTo>
                    <a:close/>
                  </a:path>
                </a:pathLst>
              </a:custGeom>
              <a:solidFill>
                <a:srgbClr val="00544A"/>
              </a:solidFill>
              <a:ln>
                <a:noFill/>
              </a:ln>
            </p:spPr>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kern="0" lang="zh-CN">
                  <a:solidFill>
                    <a:sysClr lastClr="FFFFFF" val="window"/>
                  </a:solidFill>
                  <a:latin typeface="Calibri"/>
                  <a:ea typeface="宋体"/>
                </a:endParaRPr>
              </a:p>
            </p:txBody>
          </p:sp>
          <p:grpSp>
            <p:nvGrpSpPr>
              <p:cNvPr id="6" name="组合 5"/>
              <p:cNvGrpSpPr/>
              <p:nvPr/>
            </p:nvGrpSpPr>
            <p:grpSpPr>
              <a:xfrm rot="3364155">
                <a:off x="1819210" y="-967637"/>
                <a:ext cx="369838" cy="4348339"/>
                <a:chOff x="1601672" y="-1118831"/>
                <a:chExt cx="154347" cy="9144000"/>
              </a:xfrm>
            </p:grpSpPr>
            <p:pic>
              <p:nvPicPr>
                <p:cNvPr id="7" name="Picture 3"/>
                <p:cNvPicPr>
                  <a:picLocks noChangeArrowheads="1" noChangeAspect="1"/>
                </p:cNvPicPr>
                <p:nvPr/>
              </p:nvPicPr>
              <p:blipFill>
                <a:blip r:embed="rId3">
                  <a:extLst>
                    <a:ext uri="{28A0092B-C50C-407E-A947-70E740481C1C}">
                      <a14:useLocalDpi val="0"/>
                    </a:ext>
                  </a:extLst>
                </a:blip>
                <a:srcRect b="57679" l="2767" r="7205"/>
                <a:stretch>
                  <a:fillRect/>
                </a:stretch>
              </p:blipFill>
              <p:spPr bwMode="auto">
                <a:xfrm rot="5400000">
                  <a:off x="-2886388" y="3382761"/>
                  <a:ext cx="9144000" cy="140815"/>
                </a:xfrm>
                <a:prstGeom prst="rect">
                  <a:avLst/>
                </a:prstGeom>
                <a:noFill/>
                <a:ln>
                  <a:noFill/>
                </a:ln>
                <a:effectLst/>
                <a:extLst>
                  <a:ext uri="{909E8E84-426E-40DD-AFC4-6F175D3DCCD1}">
                    <a14:hiddenFill>
                      <a:solidFill>
                        <a:schemeClr val="accent1"/>
                      </a:solidFill>
                    </a14:hiddenFill>
                  </a:ext>
                  <a:ext uri="{91240B29-F687-4F45-9708-019B960494DF}">
                    <a14:hiddenLine w="9525">
                      <a:solidFill>
                        <a:schemeClr val="tx1"/>
                      </a:solidFill>
                      <a:miter lim="800000"/>
                      <a:headEnd/>
                      <a:tailEnd/>
                    </a14:hiddenLine>
                  </a:ext>
                  <a:ext uri="{AF507438-7753-43E0-B8FC-AC1667EBCBE1}">
                    <a14:hiddenEffects>
                      <a:effectLst>
                        <a:outerShdw algn="ctr" dir="2700000" dist="35921" rotWithShape="0">
                          <a:schemeClr val="bg2"/>
                        </a:outerShdw>
                      </a:effectLst>
                    </a14:hiddenEffects>
                  </a:ext>
                </a:extLst>
              </p:spPr>
            </p:pic>
            <p:sp>
              <p:nvSpPr>
                <p:cNvPr id="8" name="矩形 7"/>
                <p:cNvSpPr/>
                <p:nvPr/>
              </p:nvSpPr>
              <p:spPr>
                <a:xfrm rot="5400000">
                  <a:off x="-2127855" y="3519835"/>
                  <a:ext cx="7477053" cy="18000"/>
                </a:xfrm>
                <a:prstGeom prst="rect">
                  <a:avLst/>
                </a:prstGeom>
                <a:gradFill>
                  <a:gsLst>
                    <a:gs pos="49628">
                      <a:sysClr lastClr="000000" val="windowText">
                        <a:lumMod val="85000"/>
                        <a:lumOff val="15000"/>
                      </a:sysClr>
                    </a:gs>
                    <a:gs pos="2000">
                      <a:sysClr lastClr="FFFFFF" val="window">
                        <a:alpha val="0"/>
                      </a:sysClr>
                    </a:gs>
                    <a:gs pos="100000">
                      <a:sysClr lastClr="FFFFFF" val="window">
                        <a:alpha val="0"/>
                      </a:sysClr>
                    </a:gs>
                  </a:gsLst>
                  <a:lin ang="10800000" scaled="1"/>
                </a:gradFill>
                <a:ln algn="ctr" cap="flat" cmpd="sng" w="25400">
                  <a:noFill/>
                  <a:prstDash val="solid"/>
                </a:ln>
                <a:effectLst/>
              </p:spPr>
              <p:txBody>
                <a:bodyPr anchor="ctr" rtlCol="0"/>
                <a:lstStyle/>
                <a:p>
                  <a:pPr algn="ctr">
                    <a:defRPr/>
                  </a:pPr>
                  <a:endParaRPr altLang="en-US" kern="0" lang="zh-CN">
                    <a:solidFill>
                      <a:sysClr lastClr="FFFFFF" val="window"/>
                    </a:solidFill>
                    <a:latin typeface="Calibri"/>
                    <a:ea typeface="宋体"/>
                  </a:endParaRPr>
                </a:p>
              </p:txBody>
            </p:sp>
          </p:grpSp>
        </p:grpSp>
        <p:sp>
          <p:nvSpPr>
            <p:cNvPr id="4" name="TextBox 3"/>
            <p:cNvSpPr txBox="1"/>
            <p:nvPr/>
          </p:nvSpPr>
          <p:spPr>
            <a:xfrm>
              <a:off x="3778779" y="1520305"/>
              <a:ext cx="762785" cy="572791"/>
            </a:xfrm>
            <a:prstGeom prst="rect">
              <a:avLst/>
            </a:prstGeom>
            <a:noFill/>
          </p:spPr>
          <p:txBody>
            <a:bodyPr rtlCol="0" wrap="none">
              <a:spAutoFit/>
            </a:bodyPr>
            <a:lstStyle/>
            <a:p>
              <a:r>
                <a:rPr altLang="zh-CN" b="1" lang="en-US" sz="2800">
                  <a:solidFill>
                    <a:schemeClr val="bg1"/>
                  </a:solidFill>
                  <a:latin charset="-122" panose="020b0503020204020204" pitchFamily="34" typeface="微软雅黑"/>
                  <a:ea charset="-122" panose="020b0503020204020204" pitchFamily="34" typeface="微软雅黑"/>
                </a:rPr>
                <a:t>01</a:t>
              </a:r>
            </a:p>
          </p:txBody>
        </p:sp>
      </p:grpSp>
      <p:sp>
        <p:nvSpPr>
          <p:cNvPr id="9" name="矩形 8"/>
          <p:cNvSpPr/>
          <p:nvPr/>
        </p:nvSpPr>
        <p:spPr>
          <a:xfrm>
            <a:off x="508000" y="1436329"/>
            <a:ext cx="3001302" cy="2213260"/>
          </a:xfrm>
          <a:prstGeom prst="rect">
            <a:avLst/>
          </a:prstGeom>
          <a:blipFill dpi="0" rotWithShape="1">
            <a:blip r:embed="rId4"/>
            <a:stretch>
              <a:fillRect/>
            </a:stretch>
          </a:blipFill>
          <a:ln>
            <a:no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p>
        </p:txBody>
      </p:sp>
      <p:sp>
        <p:nvSpPr>
          <p:cNvPr id="10" name="TextBox 9"/>
          <p:cNvSpPr txBox="1"/>
          <p:nvPr/>
        </p:nvSpPr>
        <p:spPr>
          <a:xfrm>
            <a:off x="5045007" y="966103"/>
            <a:ext cx="4254568" cy="1200912"/>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您的内容打在这里，或者通过复制您的文本后，在此框中选择粘贴，并选择只保留文字。</a:t>
            </a:r>
          </a:p>
        </p:txBody>
      </p:sp>
      <p:grpSp>
        <p:nvGrpSpPr>
          <p:cNvPr id="11" name="组合 10"/>
          <p:cNvGrpSpPr/>
          <p:nvPr/>
        </p:nvGrpSpPr>
        <p:grpSpPr>
          <a:xfrm>
            <a:off x="3475649" y="2843743"/>
            <a:ext cx="2250763" cy="1216222"/>
            <a:chOff x="2862870" y="1133088"/>
            <a:chExt cx="2764517" cy="1344451"/>
          </a:xfrm>
        </p:grpSpPr>
        <p:grpSp>
          <p:nvGrpSpPr>
            <p:cNvPr id="12" name="组合 11"/>
            <p:cNvGrpSpPr/>
            <p:nvPr/>
          </p:nvGrpSpPr>
          <p:grpSpPr>
            <a:xfrm>
              <a:off x="2862870" y="1133088"/>
              <a:ext cx="2764517" cy="1344451"/>
              <a:chOff x="-170041" y="712948"/>
              <a:chExt cx="4348339" cy="2114702"/>
            </a:xfrm>
          </p:grpSpPr>
          <p:sp>
            <p:nvSpPr>
              <p:cNvPr id="14" name="矩形 14"/>
              <p:cNvSpPr/>
              <p:nvPr/>
            </p:nvSpPr>
            <p:spPr>
              <a:xfrm>
                <a:off x="1216291" y="712948"/>
                <a:ext cx="1237783" cy="2114702"/>
              </a:xfrm>
              <a:custGeom>
                <a:gdLst>
                  <a:gd fmla="*/ 1224136 w 1237784" name="connsiteX0"/>
                  <a:gd fmla="*/ 0 h 2334439" name="connsiteY0"/>
                  <a:gd fmla="*/ 1237784 w 1237784" name="connsiteX1"/>
                  <a:gd fmla="*/ 1485835 h 2334439" name="connsiteY1"/>
                  <a:gd fmla="*/ 0 w 1237784" name="connsiteX2"/>
                  <a:gd fmla="*/ 2334439 h 2334439" name="connsiteY2"/>
                  <a:gd fmla="*/ 7492 w 1237784" name="connsiteX3"/>
                  <a:gd fmla="*/ 896233 h 2334439" name="connsiteY3"/>
                  <a:gd fmla="*/ 1224136 w 1237784" name="connsiteX4"/>
                  <a:gd fmla="*/ 0 h 2334439" name="connsiteY4"/>
                </a:gdLst>
                <a:cxnLst>
                  <a:cxn ang="0">
                    <a:pos x="connsiteX0" y="connsiteY0"/>
                  </a:cxn>
                  <a:cxn ang="0">
                    <a:pos x="connsiteX1" y="connsiteY1"/>
                  </a:cxn>
                  <a:cxn ang="0">
                    <a:pos x="connsiteX2" y="connsiteY2"/>
                  </a:cxn>
                  <a:cxn ang="0">
                    <a:pos x="connsiteX3" y="connsiteY3"/>
                  </a:cxn>
                  <a:cxn ang="0">
                    <a:pos x="connsiteX4" y="connsiteY4"/>
                  </a:cxn>
                </a:cxnLst>
                <a:rect b="b" l="l" r="r" t="t"/>
                <a:pathLst>
                  <a:path h="2334439" w="1237784">
                    <a:moveTo>
                      <a:pt x="1224136" y="0"/>
                    </a:moveTo>
                    <a:lnTo>
                      <a:pt x="1237784" y="1485835"/>
                    </a:lnTo>
                    <a:lnTo>
                      <a:pt x="0" y="2334439"/>
                    </a:lnTo>
                    <a:cubicBezTo>
                      <a:pt x="2497" y="1855037"/>
                      <a:pt x="4995" y="1375635"/>
                      <a:pt x="7492" y="896233"/>
                    </a:cubicBezTo>
                    <a:lnTo>
                      <a:pt x="1224136" y="0"/>
                    </a:lnTo>
                    <a:close/>
                  </a:path>
                </a:pathLst>
              </a:custGeom>
              <a:solidFill>
                <a:srgbClr val="00544A"/>
              </a:solidFill>
              <a:ln>
                <a:noFill/>
              </a:ln>
            </p:spPr>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kern="0" lang="zh-CN">
                  <a:solidFill>
                    <a:sysClr lastClr="FFFFFF" val="window"/>
                  </a:solidFill>
                  <a:latin typeface="Calibri"/>
                  <a:ea typeface="宋体"/>
                </a:endParaRPr>
              </a:p>
            </p:txBody>
          </p:sp>
          <p:grpSp>
            <p:nvGrpSpPr>
              <p:cNvPr id="15" name="组合 14"/>
              <p:cNvGrpSpPr/>
              <p:nvPr/>
            </p:nvGrpSpPr>
            <p:grpSpPr>
              <a:xfrm rot="3364155">
                <a:off x="1819210" y="-967637"/>
                <a:ext cx="369838" cy="4348339"/>
                <a:chOff x="1601672" y="-1118831"/>
                <a:chExt cx="154347" cy="9144000"/>
              </a:xfrm>
            </p:grpSpPr>
            <p:pic>
              <p:nvPicPr>
                <p:cNvPr id="16" name="Picture 3"/>
                <p:cNvPicPr>
                  <a:picLocks noChangeArrowheads="1" noChangeAspect="1"/>
                </p:cNvPicPr>
                <p:nvPr/>
              </p:nvPicPr>
              <p:blipFill>
                <a:blip r:embed="rId3">
                  <a:extLst>
                    <a:ext uri="{28A0092B-C50C-407E-A947-70E740481C1C}">
                      <a14:useLocalDpi val="0"/>
                    </a:ext>
                  </a:extLst>
                </a:blip>
                <a:srcRect b="57679" l="2767" r="7205"/>
                <a:stretch>
                  <a:fillRect/>
                </a:stretch>
              </p:blipFill>
              <p:spPr bwMode="auto">
                <a:xfrm rot="5400000">
                  <a:off x="-2886388" y="3382761"/>
                  <a:ext cx="9144000" cy="140815"/>
                </a:xfrm>
                <a:prstGeom prst="rect">
                  <a:avLst/>
                </a:prstGeom>
                <a:noFill/>
                <a:ln>
                  <a:noFill/>
                </a:ln>
                <a:effectLst/>
                <a:extLst>
                  <a:ext uri="{909E8E84-426E-40DD-AFC4-6F175D3DCCD1}">
                    <a14:hiddenFill>
                      <a:solidFill>
                        <a:schemeClr val="accent1"/>
                      </a:solidFill>
                    </a14:hiddenFill>
                  </a:ext>
                  <a:ext uri="{91240B29-F687-4F45-9708-019B960494DF}">
                    <a14:hiddenLine w="9525">
                      <a:solidFill>
                        <a:schemeClr val="tx1"/>
                      </a:solidFill>
                      <a:miter lim="800000"/>
                      <a:headEnd/>
                      <a:tailEnd/>
                    </a14:hiddenLine>
                  </a:ext>
                  <a:ext uri="{AF507438-7753-43E0-B8FC-AC1667EBCBE1}">
                    <a14:hiddenEffects>
                      <a:effectLst>
                        <a:outerShdw algn="ctr" dir="2700000" dist="35921" rotWithShape="0">
                          <a:schemeClr val="bg2"/>
                        </a:outerShdw>
                      </a:effectLst>
                    </a14:hiddenEffects>
                  </a:ext>
                </a:extLst>
              </p:spPr>
            </p:pic>
            <p:sp>
              <p:nvSpPr>
                <p:cNvPr id="17" name="矩形 16"/>
                <p:cNvSpPr/>
                <p:nvPr/>
              </p:nvSpPr>
              <p:spPr>
                <a:xfrm rot="5400000">
                  <a:off x="-2127855" y="3519835"/>
                  <a:ext cx="7477053" cy="18000"/>
                </a:xfrm>
                <a:prstGeom prst="rect">
                  <a:avLst/>
                </a:prstGeom>
                <a:gradFill>
                  <a:gsLst>
                    <a:gs pos="49628">
                      <a:sysClr lastClr="000000" val="windowText">
                        <a:lumMod val="85000"/>
                        <a:lumOff val="15000"/>
                      </a:sysClr>
                    </a:gs>
                    <a:gs pos="2000">
                      <a:sysClr lastClr="FFFFFF" val="window">
                        <a:alpha val="0"/>
                      </a:sysClr>
                    </a:gs>
                    <a:gs pos="100000">
                      <a:sysClr lastClr="FFFFFF" val="window">
                        <a:alpha val="0"/>
                      </a:sysClr>
                    </a:gs>
                  </a:gsLst>
                  <a:lin ang="10800000" scaled="1"/>
                </a:gradFill>
                <a:ln algn="ctr" cap="flat" cmpd="sng" w="25400">
                  <a:noFill/>
                  <a:prstDash val="solid"/>
                </a:ln>
                <a:effectLst/>
              </p:spPr>
              <p:txBody>
                <a:bodyPr anchor="ctr" rtlCol="0"/>
                <a:lstStyle/>
                <a:p>
                  <a:pPr algn="ctr">
                    <a:defRPr/>
                  </a:pPr>
                  <a:endParaRPr altLang="en-US" kern="0" lang="zh-CN">
                    <a:solidFill>
                      <a:sysClr lastClr="FFFFFF" val="window"/>
                    </a:solidFill>
                    <a:latin typeface="Calibri"/>
                    <a:ea typeface="宋体"/>
                  </a:endParaRPr>
                </a:p>
              </p:txBody>
            </p:sp>
          </p:grpSp>
        </p:grpSp>
        <p:sp>
          <p:nvSpPr>
            <p:cNvPr id="13" name="TextBox 12"/>
            <p:cNvSpPr txBox="1"/>
            <p:nvPr/>
          </p:nvSpPr>
          <p:spPr>
            <a:xfrm>
              <a:off x="3778779" y="1520305"/>
              <a:ext cx="762785" cy="572791"/>
            </a:xfrm>
            <a:prstGeom prst="rect">
              <a:avLst/>
            </a:prstGeom>
            <a:noFill/>
          </p:spPr>
          <p:txBody>
            <a:bodyPr rtlCol="0" wrap="none">
              <a:spAutoFit/>
            </a:bodyPr>
            <a:lstStyle/>
            <a:p>
              <a:r>
                <a:rPr altLang="zh-CN" b="1" lang="en-US" sz="2800">
                  <a:solidFill>
                    <a:schemeClr val="bg1"/>
                  </a:solidFill>
                  <a:latin charset="-122" panose="020b0503020204020204" pitchFamily="34" typeface="微软雅黑"/>
                  <a:ea charset="-122" panose="020b0503020204020204" pitchFamily="34" typeface="微软雅黑"/>
                </a:rPr>
                <a:t>02</a:t>
              </a:r>
            </a:p>
          </p:txBody>
        </p:sp>
      </p:grpSp>
      <p:sp>
        <p:nvSpPr>
          <p:cNvPr id="18" name="TextBox 17"/>
          <p:cNvSpPr txBox="1"/>
          <p:nvPr/>
        </p:nvSpPr>
        <p:spPr>
          <a:xfrm>
            <a:off x="5045007" y="2744103"/>
            <a:ext cx="4254568" cy="1200912"/>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您的内容打在这里，或者通过复制您的文本后，在此框中选择粘贴，并选择只保留文字。</a:t>
            </a:r>
          </a:p>
        </p:txBody>
      </p:sp>
      <p:sp>
        <p:nvSpPr>
          <p:cNvPr id="19" name="矩形 18"/>
          <p:cNvSpPr/>
          <p:nvPr/>
        </p:nvSpPr>
        <p:spPr>
          <a:xfrm>
            <a:off x="508000" y="4441679"/>
            <a:ext cx="9144000" cy="419921"/>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r>
              <a:rPr altLang="en-US" b="1" lang="zh-CN" sz="2000">
                <a:latin charset="-122" panose="020b0503020204020204" pitchFamily="34" typeface="微软雅黑"/>
                <a:ea charset="-122" panose="020b0503020204020204" pitchFamily="34" typeface="微软雅黑"/>
              </a:rPr>
              <a:t>您的内容打在这里您的内容打在这里您的内容打在这里</a:t>
            </a:r>
          </a:p>
        </p:txBody>
      </p:sp>
    </p:spTree>
    <p:extLst>
      <p:ext uri="{BB962C8B-B14F-4D97-AF65-F5344CB8AC3E}">
        <p14:creationId val="2727439282"/>
      </p:ext>
    </p:extLst>
  </p:cSld>
  <p:clrMapOvr>
    <a:masterClrMapping/>
  </p:clrMapOvr>
  <p:transition advClick="0" advTm="4000" spd="slow">
    <p:push/>
  </p:transition>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grpId="0" id="5" nodeType="afterEffect" presetClass="entr" presetID="42" presetSubtype="0">
                                  <p:stCondLst>
                                    <p:cond delay="0"/>
                                  </p:stCondLst>
                                  <p:childTnLst>
                                    <p:set>
                                      <p:cBhvr>
                                        <p:cTn dur="1" fill="hold" id="6">
                                          <p:stCondLst>
                                            <p:cond delay="0"/>
                                          </p:stCondLst>
                                        </p:cTn>
                                        <p:tgtEl>
                                          <p:spTgt spid="9"/>
                                        </p:tgtEl>
                                        <p:attrNameLst>
                                          <p:attrName>style.visibility</p:attrName>
                                        </p:attrNameLst>
                                      </p:cBhvr>
                                      <p:to>
                                        <p:strVal val="visible"/>
                                      </p:to>
                                    </p:set>
                                    <p:animEffect filter="fade" transition="in">
                                      <p:cBhvr>
                                        <p:cTn dur="500" id="7"/>
                                        <p:tgtEl>
                                          <p:spTgt spid="9"/>
                                        </p:tgtEl>
                                      </p:cBhvr>
                                    </p:animEffect>
                                    <p:anim calcmode="lin" valueType="num">
                                      <p:cBhvr>
                                        <p:cTn dur="500" fill="hold" id="8"/>
                                        <p:tgtEl>
                                          <p:spTgt spid="9"/>
                                        </p:tgtEl>
                                        <p:attrNameLst>
                                          <p:attrName>ppt_x</p:attrName>
                                        </p:attrNameLst>
                                      </p:cBhvr>
                                      <p:tavLst>
                                        <p:tav tm="0">
                                          <p:val>
                                            <p:strVal val="#ppt_x"/>
                                          </p:val>
                                        </p:tav>
                                        <p:tav tm="100000">
                                          <p:val>
                                            <p:strVal val="#ppt_x"/>
                                          </p:val>
                                        </p:tav>
                                      </p:tavLst>
                                    </p:anim>
                                    <p:anim calcmode="lin" valueType="num">
                                      <p:cBhvr>
                                        <p:cTn dur="500" fill="hold" id="9"/>
                                        <p:tgtEl>
                                          <p:spTgt spid="9"/>
                                        </p:tgtEl>
                                        <p:attrNameLst>
                                          <p:attrName>ppt_y</p:attrName>
                                        </p:attrNameLst>
                                      </p:cBhvr>
                                      <p:tavLst>
                                        <p:tav tm="0">
                                          <p:val>
                                            <p:strVal val="#ppt_y+.1"/>
                                          </p:val>
                                        </p:tav>
                                        <p:tav tm="100000">
                                          <p:val>
                                            <p:strVal val="#ppt_y"/>
                                          </p:val>
                                        </p:tav>
                                      </p:tavLst>
                                    </p:anim>
                                  </p:childTnLst>
                                </p:cTn>
                              </p:par>
                            </p:childTnLst>
                          </p:cTn>
                        </p:par>
                        <p:par>
                          <p:cTn fill="hold" id="10" nodeType="afterGroup">
                            <p:stCondLst>
                              <p:cond delay="500"/>
                            </p:stCondLst>
                            <p:childTnLst>
                              <p:par>
                                <p:cTn fill="hold" id="11" nodeType="afterEffect" presetClass="entr" presetID="2" presetSubtype="1">
                                  <p:stCondLst>
                                    <p:cond delay="0"/>
                                  </p:stCondLst>
                                  <p:childTnLst>
                                    <p:set>
                                      <p:cBhvr>
                                        <p:cTn dur="1" fill="hold" id="12">
                                          <p:stCondLst>
                                            <p:cond delay="0"/>
                                          </p:stCondLst>
                                        </p:cTn>
                                        <p:tgtEl>
                                          <p:spTgt spid="2"/>
                                        </p:tgtEl>
                                        <p:attrNameLst>
                                          <p:attrName>style.visibility</p:attrName>
                                        </p:attrNameLst>
                                      </p:cBhvr>
                                      <p:to>
                                        <p:strVal val="visible"/>
                                      </p:to>
                                    </p:set>
                                    <p:anim calcmode="lin" valueType="num">
                                      <p:cBhvr additive="base">
                                        <p:cTn dur="500" fill="hold" id="13"/>
                                        <p:tgtEl>
                                          <p:spTgt spid="2"/>
                                        </p:tgtEl>
                                        <p:attrNameLst>
                                          <p:attrName>ppt_x</p:attrName>
                                        </p:attrNameLst>
                                      </p:cBhvr>
                                      <p:tavLst>
                                        <p:tav tm="0">
                                          <p:val>
                                            <p:strVal val="#ppt_x"/>
                                          </p:val>
                                        </p:tav>
                                        <p:tav tm="100000">
                                          <p:val>
                                            <p:strVal val="#ppt_x"/>
                                          </p:val>
                                        </p:tav>
                                      </p:tavLst>
                                    </p:anim>
                                    <p:anim calcmode="lin" valueType="num">
                                      <p:cBhvr additive="base">
                                        <p:cTn dur="500" fill="hold" id="14"/>
                                        <p:tgtEl>
                                          <p:spTgt spid="2"/>
                                        </p:tgtEl>
                                        <p:attrNameLst>
                                          <p:attrName>ppt_y</p:attrName>
                                        </p:attrNameLst>
                                      </p:cBhvr>
                                      <p:tavLst>
                                        <p:tav tm="0">
                                          <p:val>
                                            <p:strVal val="0-#ppt_h/2"/>
                                          </p:val>
                                        </p:tav>
                                        <p:tav tm="100000">
                                          <p:val>
                                            <p:strVal val="#ppt_y"/>
                                          </p:val>
                                        </p:tav>
                                      </p:tavLst>
                                    </p:anim>
                                  </p:childTnLst>
                                </p:cTn>
                              </p:par>
                            </p:childTnLst>
                          </p:cTn>
                        </p:par>
                        <p:par>
                          <p:cTn fill="hold" id="15" nodeType="afterGroup">
                            <p:stCondLst>
                              <p:cond delay="1000"/>
                            </p:stCondLst>
                            <p:childTnLst>
                              <p:par>
                                <p:cTn fill="hold" grpId="0" id="16" nodeType="afterEffect" presetClass="entr" presetID="10" presetSubtype="0">
                                  <p:stCondLst>
                                    <p:cond delay="0"/>
                                  </p:stCondLst>
                                  <p:childTnLst>
                                    <p:set>
                                      <p:cBhvr>
                                        <p:cTn dur="1" fill="hold" id="17">
                                          <p:stCondLst>
                                            <p:cond delay="0"/>
                                          </p:stCondLst>
                                        </p:cTn>
                                        <p:tgtEl>
                                          <p:spTgt spid="10"/>
                                        </p:tgtEl>
                                        <p:attrNameLst>
                                          <p:attrName>style.visibility</p:attrName>
                                        </p:attrNameLst>
                                      </p:cBhvr>
                                      <p:to>
                                        <p:strVal val="visible"/>
                                      </p:to>
                                    </p:set>
                                    <p:animEffect filter="fade" transition="in">
                                      <p:cBhvr>
                                        <p:cTn dur="500" id="18"/>
                                        <p:tgtEl>
                                          <p:spTgt spid="10"/>
                                        </p:tgtEl>
                                      </p:cBhvr>
                                    </p:animEffect>
                                  </p:childTnLst>
                                </p:cTn>
                              </p:par>
                            </p:childTnLst>
                          </p:cTn>
                        </p:par>
                        <p:par>
                          <p:cTn fill="hold" id="19" nodeType="afterGroup">
                            <p:stCondLst>
                              <p:cond delay="1500"/>
                            </p:stCondLst>
                            <p:childTnLst>
                              <p:par>
                                <p:cTn fill="hold" id="20" nodeType="afterEffect" presetClass="entr" presetID="2" presetSubtype="1">
                                  <p:stCondLst>
                                    <p:cond delay="0"/>
                                  </p:stCondLst>
                                  <p:childTnLst>
                                    <p:set>
                                      <p:cBhvr>
                                        <p:cTn dur="1" fill="hold" id="21">
                                          <p:stCondLst>
                                            <p:cond delay="0"/>
                                          </p:stCondLst>
                                        </p:cTn>
                                        <p:tgtEl>
                                          <p:spTgt spid="11"/>
                                        </p:tgtEl>
                                        <p:attrNameLst>
                                          <p:attrName>style.visibility</p:attrName>
                                        </p:attrNameLst>
                                      </p:cBhvr>
                                      <p:to>
                                        <p:strVal val="visible"/>
                                      </p:to>
                                    </p:set>
                                    <p:anim calcmode="lin" valueType="num">
                                      <p:cBhvr additive="base">
                                        <p:cTn dur="500" fill="hold" id="22"/>
                                        <p:tgtEl>
                                          <p:spTgt spid="11"/>
                                        </p:tgtEl>
                                        <p:attrNameLst>
                                          <p:attrName>ppt_x</p:attrName>
                                        </p:attrNameLst>
                                      </p:cBhvr>
                                      <p:tavLst>
                                        <p:tav tm="0">
                                          <p:val>
                                            <p:strVal val="#ppt_x"/>
                                          </p:val>
                                        </p:tav>
                                        <p:tav tm="100000">
                                          <p:val>
                                            <p:strVal val="#ppt_x"/>
                                          </p:val>
                                        </p:tav>
                                      </p:tavLst>
                                    </p:anim>
                                    <p:anim calcmode="lin" valueType="num">
                                      <p:cBhvr additive="base">
                                        <p:cTn dur="500" fill="hold" id="23"/>
                                        <p:tgtEl>
                                          <p:spTgt spid="11"/>
                                        </p:tgtEl>
                                        <p:attrNameLst>
                                          <p:attrName>ppt_y</p:attrName>
                                        </p:attrNameLst>
                                      </p:cBhvr>
                                      <p:tavLst>
                                        <p:tav tm="0">
                                          <p:val>
                                            <p:strVal val="0-#ppt_h/2"/>
                                          </p:val>
                                        </p:tav>
                                        <p:tav tm="100000">
                                          <p:val>
                                            <p:strVal val="#ppt_y"/>
                                          </p:val>
                                        </p:tav>
                                      </p:tavLst>
                                    </p:anim>
                                  </p:childTnLst>
                                </p:cTn>
                              </p:par>
                            </p:childTnLst>
                          </p:cTn>
                        </p:par>
                        <p:par>
                          <p:cTn fill="hold" id="24" nodeType="afterGroup">
                            <p:stCondLst>
                              <p:cond delay="2000"/>
                            </p:stCondLst>
                            <p:childTnLst>
                              <p:par>
                                <p:cTn fill="hold" grpId="0" id="25" nodeType="afterEffect" presetClass="entr" presetID="10" presetSubtype="0">
                                  <p:stCondLst>
                                    <p:cond delay="0"/>
                                  </p:stCondLst>
                                  <p:childTnLst>
                                    <p:set>
                                      <p:cBhvr>
                                        <p:cTn dur="1" fill="hold" id="26">
                                          <p:stCondLst>
                                            <p:cond delay="0"/>
                                          </p:stCondLst>
                                        </p:cTn>
                                        <p:tgtEl>
                                          <p:spTgt spid="18"/>
                                        </p:tgtEl>
                                        <p:attrNameLst>
                                          <p:attrName>style.visibility</p:attrName>
                                        </p:attrNameLst>
                                      </p:cBhvr>
                                      <p:to>
                                        <p:strVal val="visible"/>
                                      </p:to>
                                    </p:set>
                                    <p:animEffect filter="fade" transition="in">
                                      <p:cBhvr>
                                        <p:cTn dur="500" id="27"/>
                                        <p:tgtEl>
                                          <p:spTgt spid="18"/>
                                        </p:tgtEl>
                                      </p:cBhvr>
                                    </p:animEffect>
                                  </p:childTnLst>
                                </p:cTn>
                              </p:par>
                            </p:childTnLst>
                          </p:cTn>
                        </p:par>
                        <p:par>
                          <p:cTn fill="hold" id="28" nodeType="afterGroup">
                            <p:stCondLst>
                              <p:cond delay="2500"/>
                            </p:stCondLst>
                            <p:childTnLst>
                              <p:par>
                                <p:cTn fill="hold" grpId="0" id="29" nodeType="afterEffect" presetClass="entr" presetID="42" presetSubtype="0">
                                  <p:stCondLst>
                                    <p:cond delay="0"/>
                                  </p:stCondLst>
                                  <p:childTnLst>
                                    <p:set>
                                      <p:cBhvr>
                                        <p:cTn dur="1" fill="hold" id="30">
                                          <p:stCondLst>
                                            <p:cond delay="0"/>
                                          </p:stCondLst>
                                        </p:cTn>
                                        <p:tgtEl>
                                          <p:spTgt spid="19"/>
                                        </p:tgtEl>
                                        <p:attrNameLst>
                                          <p:attrName>style.visibility</p:attrName>
                                        </p:attrNameLst>
                                      </p:cBhvr>
                                      <p:to>
                                        <p:strVal val="visible"/>
                                      </p:to>
                                    </p:set>
                                    <p:animEffect filter="fade" transition="in">
                                      <p:cBhvr>
                                        <p:cTn dur="500" id="31"/>
                                        <p:tgtEl>
                                          <p:spTgt spid="19"/>
                                        </p:tgtEl>
                                      </p:cBhvr>
                                    </p:animEffect>
                                    <p:anim calcmode="lin" valueType="num">
                                      <p:cBhvr>
                                        <p:cTn dur="500" fill="hold" id="32"/>
                                        <p:tgtEl>
                                          <p:spTgt spid="19"/>
                                        </p:tgtEl>
                                        <p:attrNameLst>
                                          <p:attrName>ppt_x</p:attrName>
                                        </p:attrNameLst>
                                      </p:cBhvr>
                                      <p:tavLst>
                                        <p:tav tm="0">
                                          <p:val>
                                            <p:strVal val="#ppt_x"/>
                                          </p:val>
                                        </p:tav>
                                        <p:tav tm="100000">
                                          <p:val>
                                            <p:strVal val="#ppt_x"/>
                                          </p:val>
                                        </p:tav>
                                      </p:tavLst>
                                    </p:anim>
                                    <p:anim calcmode="lin" valueType="num">
                                      <p:cBhvr>
                                        <p:cTn dur="500" fill="hold" id="33"/>
                                        <p:tgtEl>
                                          <p:spTgt spid="19"/>
                                        </p:tgtEl>
                                        <p:attrNameLst>
                                          <p:attrName>ppt_y</p:attrName>
                                        </p:attrNameLst>
                                      </p:cBhvr>
                                      <p:tavLst>
                                        <p:tav tm="0">
                                          <p:val>
                                            <p:strVal val="#ppt_y+.1"/>
                                          </p:val>
                                        </p:tav>
                                        <p:tav tm="100000">
                                          <p:val>
                                            <p:strVal val="#ppt_y"/>
                                          </p:val>
                                        </p:tav>
                                      </p:tavLst>
                                    </p:anim>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9"/>
      <p:bldP grpId="0" spid="10"/>
      <p:bldP grpId="0" spid="18"/>
      <p:bldP grpId="0" spid="19"/>
    </p:bldLst>
  </p:timing>
</p:sld>
</file>

<file path=ppt/slides/slide8.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pic>
        <p:nvPicPr>
          <p:cNvPr descr="C:\Users\jsj\Desktop\213291_012113275_2.jpg" id="62" name="Picture 2"/>
          <p:cNvPicPr>
            <a:picLocks noChangeArrowheads="1" noChangeAspect="1"/>
          </p:cNvPicPr>
          <p:nvPr/>
        </p:nvPicPr>
        <p:blipFill>
          <a:blip r:embed="rId3">
            <a:extLst>
              <a:ext uri="{BEBA8EAE-BF5A-486C-A8C5-ECC9F3942E4B}">
                <a14:imgProps>
                  <a14:imgLayer xmlns:d3p1="http://schemas.openxmlformats.org/officeDocument/2006/relationships" d3p1:embed="">
                    <a14:imgEffect>
                      <a14:artisticBlur/>
                    </a14:imgEffect>
                  </a14:imgLayer>
                </a14:imgProps>
              </a:ext>
              <a:ext uri="{28A0092B-C50C-407E-A947-70E740481C1C}">
                <a14:useLocalDpi val="0"/>
              </a:ext>
            </a:extLst>
          </a:blip>
          <a:srcRect b="19116" r="5624"/>
          <a:stretch>
            <a:fillRect/>
          </a:stretch>
        </p:blipFill>
        <p:spPr bwMode="auto">
          <a:xfrm>
            <a:off x="1136452" y="1175916"/>
            <a:ext cx="3096344" cy="2359022"/>
          </a:xfrm>
          <a:prstGeom prst="rect">
            <a:avLst/>
          </a:prstGeom>
          <a:noFill/>
          <a:extLst>
            <a:ext uri="{909E8E84-426E-40DD-AFC4-6F175D3DCCD1}">
              <a14:hiddenFill>
                <a:solidFill>
                  <a:srgbClr val="FFFFFF"/>
                </a:solidFill>
              </a14:hiddenFill>
            </a:ext>
          </a:extLst>
        </p:spPr>
      </p:pic>
      <p:sp>
        <p:nvSpPr>
          <p:cNvPr id="63" name="矩形 62"/>
          <p:cNvSpPr/>
          <p:nvPr/>
        </p:nvSpPr>
        <p:spPr>
          <a:xfrm>
            <a:off x="1136452" y="3624084"/>
            <a:ext cx="3096344" cy="1387116"/>
          </a:xfrm>
          <a:prstGeom prst="rect">
            <a:avLst/>
          </a:prstGeom>
          <a:solidFill>
            <a:srgbClr val="00544A"/>
          </a:solid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r>
              <a:rPr altLang="en-US" lang="zh-CN" sz="1400">
                <a:latin charset="-122" panose="020b0503020204020204" pitchFamily="34" typeface="微软雅黑"/>
                <a:ea charset="-122" panose="020b0503020204020204" pitchFamily="34" typeface="微软雅黑"/>
              </a:rPr>
              <a:t>您的内容打在这里，或通过复制您的文本后在此框中选择粘贴并选择只保留文字您的内容打在这里您的内容打在这里，或通过复制您的文本后在此框中选择粘贴并选择</a:t>
            </a:r>
          </a:p>
        </p:txBody>
      </p:sp>
      <p:grpSp>
        <p:nvGrpSpPr>
          <p:cNvPr id="64" name="组合 63"/>
          <p:cNvGrpSpPr/>
          <p:nvPr/>
        </p:nvGrpSpPr>
        <p:grpSpPr>
          <a:xfrm>
            <a:off x="4878829" y="1416527"/>
            <a:ext cx="3933010" cy="166280"/>
            <a:chOff x="4906190" y="1416527"/>
            <a:chExt cx="3933010" cy="166280"/>
          </a:xfrm>
          <a:solidFill>
            <a:srgbClr val="00544A"/>
          </a:solidFill>
        </p:grpSpPr>
        <p:sp>
          <p:nvSpPr>
            <p:cNvPr id="65" name="矩形 64"/>
            <p:cNvSpPr/>
            <p:nvPr/>
          </p:nvSpPr>
          <p:spPr>
            <a:xfrm>
              <a:off x="4906190" y="1416527"/>
              <a:ext cx="166280" cy="166280"/>
            </a:xfrm>
            <a:prstGeom prst="rect">
              <a:avLst/>
            </a:prstGeom>
            <a:grp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p>
          </p:txBody>
        </p:sp>
        <p:cxnSp>
          <p:nvCxnSpPr>
            <p:cNvPr id="66" name="直接连接符 65"/>
            <p:cNvCxnSpPr>
              <a:stCxn id="65" idx="3"/>
            </p:cNvCxnSpPr>
            <p:nvPr/>
          </p:nvCxnSpPr>
          <p:spPr>
            <a:xfrm>
              <a:off x="5072470" y="1499667"/>
              <a:ext cx="3766730" cy="0"/>
            </a:xfrm>
            <a:prstGeom prst="line">
              <a:avLst/>
            </a:prstGeom>
            <a:grpFill/>
            <a:ln>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cxnSp>
      </p:grpSp>
      <p:grpSp>
        <p:nvGrpSpPr>
          <p:cNvPr id="67" name="组合 66"/>
          <p:cNvGrpSpPr/>
          <p:nvPr/>
        </p:nvGrpSpPr>
        <p:grpSpPr>
          <a:xfrm>
            <a:off x="4878829" y="2689632"/>
            <a:ext cx="3933010" cy="166280"/>
            <a:chOff x="4906190" y="2727732"/>
            <a:chExt cx="3933010" cy="166280"/>
          </a:xfrm>
          <a:solidFill>
            <a:srgbClr val="00544A"/>
          </a:solidFill>
        </p:grpSpPr>
        <p:sp>
          <p:nvSpPr>
            <p:cNvPr id="68" name="矩形 67"/>
            <p:cNvSpPr/>
            <p:nvPr/>
          </p:nvSpPr>
          <p:spPr>
            <a:xfrm>
              <a:off x="4906190" y="2727732"/>
              <a:ext cx="166280" cy="166280"/>
            </a:xfrm>
            <a:prstGeom prst="rect">
              <a:avLst/>
            </a:prstGeom>
            <a:grp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p>
          </p:txBody>
        </p:sp>
        <p:cxnSp>
          <p:nvCxnSpPr>
            <p:cNvPr id="69" name="直接连接符 68"/>
            <p:cNvCxnSpPr>
              <a:stCxn id="68" idx="3"/>
            </p:cNvCxnSpPr>
            <p:nvPr/>
          </p:nvCxnSpPr>
          <p:spPr>
            <a:xfrm>
              <a:off x="5072470" y="2810872"/>
              <a:ext cx="3766730" cy="0"/>
            </a:xfrm>
            <a:prstGeom prst="line">
              <a:avLst/>
            </a:prstGeom>
            <a:grpFill/>
            <a:ln>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cxnSp>
      </p:grpSp>
      <p:grpSp>
        <p:nvGrpSpPr>
          <p:cNvPr id="70" name="组合 69"/>
          <p:cNvGrpSpPr/>
          <p:nvPr/>
        </p:nvGrpSpPr>
        <p:grpSpPr>
          <a:xfrm>
            <a:off x="4878829" y="3832632"/>
            <a:ext cx="3933010" cy="166280"/>
            <a:chOff x="4906190" y="3870732"/>
            <a:chExt cx="3933010" cy="166280"/>
          </a:xfrm>
          <a:solidFill>
            <a:srgbClr val="00544A"/>
          </a:solidFill>
        </p:grpSpPr>
        <p:sp>
          <p:nvSpPr>
            <p:cNvPr id="71" name="矩形 70"/>
            <p:cNvSpPr/>
            <p:nvPr/>
          </p:nvSpPr>
          <p:spPr>
            <a:xfrm>
              <a:off x="4906190" y="3870732"/>
              <a:ext cx="166280" cy="166280"/>
            </a:xfrm>
            <a:prstGeom prst="rect">
              <a:avLst/>
            </a:prstGeom>
            <a:grpFill/>
            <a:ln>
              <a:solidFill>
                <a:srgbClr val="00544A"/>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bIns="45720" compatLnSpc="1" forceAA="0" fromWordArt="0" horzOverflow="overflow" lIns="91440" numCol="1" rIns="91440" rot="0" rtlCol="0" spcCol="0" spcFirstLastPara="0" tIns="45720" vert="horz" vertOverflow="overflow" wrap="square">
              <a:prstTxWarp prst="textNoShape">
                <a:avLst/>
              </a:prstTxWarp>
              <a:noAutofit/>
            </a:bodyPr>
            <a:lstStyle/>
            <a:p>
              <a:pPr algn="ctr"/>
              <a:endParaRPr altLang="en-US" lang="zh-CN"/>
            </a:p>
          </p:txBody>
        </p:sp>
        <p:cxnSp>
          <p:nvCxnSpPr>
            <p:cNvPr id="72" name="直接连接符 71"/>
            <p:cNvCxnSpPr/>
            <p:nvPr/>
          </p:nvCxnSpPr>
          <p:spPr>
            <a:xfrm>
              <a:off x="5072470" y="3941172"/>
              <a:ext cx="3766730" cy="0"/>
            </a:xfrm>
            <a:prstGeom prst="line">
              <a:avLst/>
            </a:prstGeom>
            <a:grpFill/>
            <a:ln>
              <a:solidFill>
                <a:srgbClr val="00544A"/>
              </a:solidFill>
              <a:prstDash val="sysDot"/>
            </a:ln>
          </p:spPr>
          <p:style>
            <a:lnRef idx="2">
              <a:schemeClr val="accent1">
                <a:shade val="50000"/>
              </a:schemeClr>
            </a:lnRef>
            <a:fillRef idx="1">
              <a:schemeClr val="accent1"/>
            </a:fillRef>
            <a:effectRef idx="0">
              <a:schemeClr val="accent1"/>
            </a:effectRef>
            <a:fontRef idx="minor">
              <a:schemeClr val="lt1"/>
            </a:fontRef>
          </p:style>
        </p:cxnSp>
      </p:grpSp>
      <p:sp>
        <p:nvSpPr>
          <p:cNvPr id="73" name="TextBox 72"/>
          <p:cNvSpPr txBox="1"/>
          <p:nvPr/>
        </p:nvSpPr>
        <p:spPr>
          <a:xfrm>
            <a:off x="4878830" y="1624793"/>
            <a:ext cx="3933010" cy="646176"/>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sp>
        <p:nvSpPr>
          <p:cNvPr id="74" name="TextBox 73"/>
          <p:cNvSpPr txBox="1"/>
          <p:nvPr/>
        </p:nvSpPr>
        <p:spPr>
          <a:xfrm>
            <a:off x="4878830" y="2891641"/>
            <a:ext cx="3933010" cy="646176"/>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sp>
        <p:nvSpPr>
          <p:cNvPr id="75" name="TextBox 74"/>
          <p:cNvSpPr txBox="1"/>
          <p:nvPr/>
        </p:nvSpPr>
        <p:spPr>
          <a:xfrm>
            <a:off x="4878830" y="4072063"/>
            <a:ext cx="3933010" cy="646176"/>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spTree>
    <p:extLst>
      <p:ext uri="{BB962C8B-B14F-4D97-AF65-F5344CB8AC3E}">
        <p14:creationId val="859112781"/>
      </p:ext>
    </p:extLst>
  </p:cSld>
  <p:clrMapOvr>
    <a:masterClrMapping/>
  </p:clrMapOvr>
  <p:transition advClick="0" advTm="4000" spd="slow">
    <p:push/>
  </p:transition>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10" presetSubtype="0">
                                  <p:stCondLst>
                                    <p:cond delay="0"/>
                                  </p:stCondLst>
                                  <p:childTnLst>
                                    <p:set>
                                      <p:cBhvr>
                                        <p:cTn dur="1" fill="hold" id="6">
                                          <p:stCondLst>
                                            <p:cond delay="0"/>
                                          </p:stCondLst>
                                        </p:cTn>
                                        <p:tgtEl>
                                          <p:spTgt spid="62"/>
                                        </p:tgtEl>
                                        <p:attrNameLst>
                                          <p:attrName>style.visibility</p:attrName>
                                        </p:attrNameLst>
                                      </p:cBhvr>
                                      <p:to>
                                        <p:strVal val="visible"/>
                                      </p:to>
                                    </p:set>
                                    <p:animEffect filter="fade" transition="in">
                                      <p:cBhvr>
                                        <p:cTn dur="500" id="7"/>
                                        <p:tgtEl>
                                          <p:spTgt spid="62"/>
                                        </p:tgtEl>
                                      </p:cBhvr>
                                    </p:animEffect>
                                  </p:childTnLst>
                                </p:cTn>
                              </p:par>
                            </p:childTnLst>
                          </p:cTn>
                        </p:par>
                        <p:par>
                          <p:cTn fill="hold" id="8" nodeType="afterGroup">
                            <p:stCondLst>
                              <p:cond delay="500"/>
                            </p:stCondLst>
                            <p:childTnLst>
                              <p:par>
                                <p:cTn fill="hold" grpId="0" id="9" nodeType="afterEffect" presetClass="entr" presetID="10" presetSubtype="0">
                                  <p:stCondLst>
                                    <p:cond delay="0"/>
                                  </p:stCondLst>
                                  <p:childTnLst>
                                    <p:set>
                                      <p:cBhvr>
                                        <p:cTn dur="1" fill="hold" id="10">
                                          <p:stCondLst>
                                            <p:cond delay="0"/>
                                          </p:stCondLst>
                                        </p:cTn>
                                        <p:tgtEl>
                                          <p:spTgt spid="63"/>
                                        </p:tgtEl>
                                        <p:attrNameLst>
                                          <p:attrName>style.visibility</p:attrName>
                                        </p:attrNameLst>
                                      </p:cBhvr>
                                      <p:to>
                                        <p:strVal val="visible"/>
                                      </p:to>
                                    </p:set>
                                    <p:animEffect filter="fade" transition="in">
                                      <p:cBhvr>
                                        <p:cTn dur="500" id="11"/>
                                        <p:tgtEl>
                                          <p:spTgt spid="63"/>
                                        </p:tgtEl>
                                      </p:cBhvr>
                                    </p:animEffect>
                                  </p:childTnLst>
                                </p:cTn>
                              </p:par>
                            </p:childTnLst>
                          </p:cTn>
                        </p:par>
                        <p:par>
                          <p:cTn fill="hold" id="12" nodeType="afterGroup">
                            <p:stCondLst>
                              <p:cond delay="1000"/>
                            </p:stCondLst>
                            <p:childTnLst>
                              <p:par>
                                <p:cTn fill="hold" id="13" nodeType="afterEffect" presetClass="entr" presetID="22" presetSubtype="8">
                                  <p:stCondLst>
                                    <p:cond delay="0"/>
                                  </p:stCondLst>
                                  <p:childTnLst>
                                    <p:set>
                                      <p:cBhvr>
                                        <p:cTn dur="1" fill="hold" id="14">
                                          <p:stCondLst>
                                            <p:cond delay="0"/>
                                          </p:stCondLst>
                                        </p:cTn>
                                        <p:tgtEl>
                                          <p:spTgt spid="64"/>
                                        </p:tgtEl>
                                        <p:attrNameLst>
                                          <p:attrName>style.visibility</p:attrName>
                                        </p:attrNameLst>
                                      </p:cBhvr>
                                      <p:to>
                                        <p:strVal val="visible"/>
                                      </p:to>
                                    </p:set>
                                    <p:animEffect filter="wipe(left)" transition="in">
                                      <p:cBhvr>
                                        <p:cTn dur="500" id="15"/>
                                        <p:tgtEl>
                                          <p:spTgt spid="64"/>
                                        </p:tgtEl>
                                      </p:cBhvr>
                                    </p:animEffect>
                                  </p:childTnLst>
                                </p:cTn>
                              </p:par>
                            </p:childTnLst>
                          </p:cTn>
                        </p:par>
                        <p:par>
                          <p:cTn fill="hold" id="16" nodeType="afterGroup">
                            <p:stCondLst>
                              <p:cond delay="1500"/>
                            </p:stCondLst>
                            <p:childTnLst>
                              <p:par>
                                <p:cTn fill="hold" grpId="0" id="17" nodeType="afterEffect" presetClass="entr" presetID="16" presetSubtype="21">
                                  <p:stCondLst>
                                    <p:cond delay="0"/>
                                  </p:stCondLst>
                                  <p:childTnLst>
                                    <p:set>
                                      <p:cBhvr>
                                        <p:cTn dur="1" fill="hold" id="18">
                                          <p:stCondLst>
                                            <p:cond delay="0"/>
                                          </p:stCondLst>
                                        </p:cTn>
                                        <p:tgtEl>
                                          <p:spTgt spid="73"/>
                                        </p:tgtEl>
                                        <p:attrNameLst>
                                          <p:attrName>style.visibility</p:attrName>
                                        </p:attrNameLst>
                                      </p:cBhvr>
                                      <p:to>
                                        <p:strVal val="visible"/>
                                      </p:to>
                                    </p:set>
                                    <p:animEffect filter="barn(inVertical)" transition="in">
                                      <p:cBhvr>
                                        <p:cTn dur="500" id="19"/>
                                        <p:tgtEl>
                                          <p:spTgt spid="73"/>
                                        </p:tgtEl>
                                      </p:cBhvr>
                                    </p:animEffect>
                                  </p:childTnLst>
                                </p:cTn>
                              </p:par>
                            </p:childTnLst>
                          </p:cTn>
                        </p:par>
                        <p:par>
                          <p:cTn fill="hold" id="20" nodeType="afterGroup">
                            <p:stCondLst>
                              <p:cond delay="2000"/>
                            </p:stCondLst>
                            <p:childTnLst>
                              <p:par>
                                <p:cTn fill="hold" id="21" nodeType="afterEffect" presetClass="entr" presetID="22" presetSubtype="8">
                                  <p:stCondLst>
                                    <p:cond delay="0"/>
                                  </p:stCondLst>
                                  <p:childTnLst>
                                    <p:set>
                                      <p:cBhvr>
                                        <p:cTn dur="1" fill="hold" id="22">
                                          <p:stCondLst>
                                            <p:cond delay="0"/>
                                          </p:stCondLst>
                                        </p:cTn>
                                        <p:tgtEl>
                                          <p:spTgt spid="67"/>
                                        </p:tgtEl>
                                        <p:attrNameLst>
                                          <p:attrName>style.visibility</p:attrName>
                                        </p:attrNameLst>
                                      </p:cBhvr>
                                      <p:to>
                                        <p:strVal val="visible"/>
                                      </p:to>
                                    </p:set>
                                    <p:animEffect filter="wipe(left)" transition="in">
                                      <p:cBhvr>
                                        <p:cTn dur="500" id="23"/>
                                        <p:tgtEl>
                                          <p:spTgt spid="67"/>
                                        </p:tgtEl>
                                      </p:cBhvr>
                                    </p:animEffect>
                                  </p:childTnLst>
                                </p:cTn>
                              </p:par>
                            </p:childTnLst>
                          </p:cTn>
                        </p:par>
                        <p:par>
                          <p:cTn fill="hold" id="24" nodeType="afterGroup">
                            <p:stCondLst>
                              <p:cond delay="2500"/>
                            </p:stCondLst>
                            <p:childTnLst>
                              <p:par>
                                <p:cTn fill="hold" grpId="0" id="25" nodeType="afterEffect" presetClass="entr" presetID="16" presetSubtype="21">
                                  <p:stCondLst>
                                    <p:cond delay="0"/>
                                  </p:stCondLst>
                                  <p:childTnLst>
                                    <p:set>
                                      <p:cBhvr>
                                        <p:cTn dur="1" fill="hold" id="26">
                                          <p:stCondLst>
                                            <p:cond delay="0"/>
                                          </p:stCondLst>
                                        </p:cTn>
                                        <p:tgtEl>
                                          <p:spTgt spid="74"/>
                                        </p:tgtEl>
                                        <p:attrNameLst>
                                          <p:attrName>style.visibility</p:attrName>
                                        </p:attrNameLst>
                                      </p:cBhvr>
                                      <p:to>
                                        <p:strVal val="visible"/>
                                      </p:to>
                                    </p:set>
                                    <p:animEffect filter="barn(inVertical)" transition="in">
                                      <p:cBhvr>
                                        <p:cTn dur="500" id="27"/>
                                        <p:tgtEl>
                                          <p:spTgt spid="74"/>
                                        </p:tgtEl>
                                      </p:cBhvr>
                                    </p:animEffect>
                                  </p:childTnLst>
                                </p:cTn>
                              </p:par>
                            </p:childTnLst>
                          </p:cTn>
                        </p:par>
                        <p:par>
                          <p:cTn fill="hold" id="28" nodeType="afterGroup">
                            <p:stCondLst>
                              <p:cond delay="3000"/>
                            </p:stCondLst>
                            <p:childTnLst>
                              <p:par>
                                <p:cTn fill="hold" id="29" nodeType="afterEffect" presetClass="entr" presetID="22" presetSubtype="8">
                                  <p:stCondLst>
                                    <p:cond delay="0"/>
                                  </p:stCondLst>
                                  <p:childTnLst>
                                    <p:set>
                                      <p:cBhvr>
                                        <p:cTn dur="1" fill="hold" id="30">
                                          <p:stCondLst>
                                            <p:cond delay="0"/>
                                          </p:stCondLst>
                                        </p:cTn>
                                        <p:tgtEl>
                                          <p:spTgt spid="70"/>
                                        </p:tgtEl>
                                        <p:attrNameLst>
                                          <p:attrName>style.visibility</p:attrName>
                                        </p:attrNameLst>
                                      </p:cBhvr>
                                      <p:to>
                                        <p:strVal val="visible"/>
                                      </p:to>
                                    </p:set>
                                    <p:animEffect filter="wipe(left)" transition="in">
                                      <p:cBhvr>
                                        <p:cTn dur="500" id="31"/>
                                        <p:tgtEl>
                                          <p:spTgt spid="70"/>
                                        </p:tgtEl>
                                      </p:cBhvr>
                                    </p:animEffect>
                                  </p:childTnLst>
                                </p:cTn>
                              </p:par>
                            </p:childTnLst>
                          </p:cTn>
                        </p:par>
                        <p:par>
                          <p:cTn fill="hold" id="32" nodeType="afterGroup">
                            <p:stCondLst>
                              <p:cond delay="3500"/>
                            </p:stCondLst>
                            <p:childTnLst>
                              <p:par>
                                <p:cTn fill="hold" grpId="0" id="33" nodeType="afterEffect" presetClass="entr" presetID="16" presetSubtype="21">
                                  <p:stCondLst>
                                    <p:cond delay="0"/>
                                  </p:stCondLst>
                                  <p:childTnLst>
                                    <p:set>
                                      <p:cBhvr>
                                        <p:cTn dur="1" fill="hold" id="34">
                                          <p:stCondLst>
                                            <p:cond delay="0"/>
                                          </p:stCondLst>
                                        </p:cTn>
                                        <p:tgtEl>
                                          <p:spTgt spid="75"/>
                                        </p:tgtEl>
                                        <p:attrNameLst>
                                          <p:attrName>style.visibility</p:attrName>
                                        </p:attrNameLst>
                                      </p:cBhvr>
                                      <p:to>
                                        <p:strVal val="visible"/>
                                      </p:to>
                                    </p:set>
                                    <p:animEffect filter="barn(inVertical)" transition="in">
                                      <p:cBhvr>
                                        <p:cTn dur="500" id="35"/>
                                        <p:tgtEl>
                                          <p:spTgt spid="75"/>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63"/>
      <p:bldP grpId="0" spid="73"/>
      <p:bldP grpId="0" spid="74"/>
      <p:bldP grpId="0" spid="75"/>
    </p:bldLst>
  </p:timing>
</p:sld>
</file>

<file path=ppt/slides/slide9.xml><?xml version="1.0" encoding="utf-8"?>
<p:sld xmlns:a="http://schemas.openxmlformats.org/drawingml/2006/main" xmlns:a14="http://schemas.microsoft.com/office/drawing/2010/main" xmlns:m="http://schemas.openxmlformats.org/officeDocument/2006/math" xmlns:mc="http://schemas.openxmlformats.org/markup-compatibility/2006" xmlns:p="http://schemas.openxmlformats.org/presentationml/2006/main" xmlns:p14="http://schemas.microsoft.com/office/powerpoint/2010/main" xmlns:p15="http://schemas.microsoft.com/office/powerpoint/2012/main" xmlns:p159="http://schemas.microsoft.com/office/powerpoint/2015/09/main" xmlns:r="http://schemas.openxmlformats.org/officeDocument/2006/relationships" xmlns:w="http://schemas.openxmlformats.org/wordprocessingml/2006/main" xmlns:wp="http://schemas.openxmlformats.org/drawingml/2006/wordprocessingDrawing">
  <p:cSld>
    <p:spTree>
      <p:nvGrpSpPr>
        <p:cNvPr id="1" name=""/>
        <p:cNvGrpSpPr/>
        <p:nvPr/>
      </p:nvGrpSpPr>
      <p:grpSpPr>
        <a:xfrm>
          <a:off x="0" y="0"/>
          <a:ext cx="0" cy="0"/>
        </a:xfrm>
      </p:grpSpPr>
      <p:grpSp>
        <p:nvGrpSpPr>
          <p:cNvPr id="2" name="组合 1"/>
          <p:cNvGrpSpPr/>
          <p:nvPr/>
        </p:nvGrpSpPr>
        <p:grpSpPr>
          <a:xfrm>
            <a:off x="3774852" y="1518523"/>
            <a:ext cx="2656222" cy="3056707"/>
            <a:chOff x="2884071" y="1238250"/>
            <a:chExt cx="3066183" cy="2858068"/>
          </a:xfrm>
        </p:grpSpPr>
        <p:sp>
          <p:nvSpPr>
            <p:cNvPr id="3" name="剪去对角的矩形 2"/>
            <p:cNvSpPr/>
            <p:nvPr/>
          </p:nvSpPr>
          <p:spPr>
            <a:xfrm>
              <a:off x="4537288" y="1238250"/>
              <a:ext cx="1410202" cy="806573"/>
            </a:xfrm>
            <a:prstGeom prst="snip2Diag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lIns="450000" rtlCol="0"/>
            <a:lstStyle/>
            <a:p>
              <a:endParaRPr altLang="en-US" i="1" lang="zh-CN">
                <a:latin charset="-122" panose="020b0503020204020204" pitchFamily="34" typeface="微软雅黑"/>
                <a:ea charset="-122" panose="020b0503020204020204" pitchFamily="34" typeface="微软雅黑"/>
              </a:endParaRPr>
            </a:p>
          </p:txBody>
        </p:sp>
        <p:sp>
          <p:nvSpPr>
            <p:cNvPr id="4" name="剪去同侧角的矩形 3"/>
            <p:cNvSpPr/>
            <p:nvPr/>
          </p:nvSpPr>
          <p:spPr>
            <a:xfrm flipH="1" rot="16200000">
              <a:off x="3185885" y="1981009"/>
              <a:ext cx="806573" cy="1410202"/>
            </a:xfrm>
            <a:prstGeom prst="snip2SameRect">
              <a:avLst>
                <a:gd fmla="val 17818" name="adj1"/>
                <a:gd fmla="val 0" name="adj2"/>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lIns="450000" rtlCol="0"/>
            <a:lstStyle/>
            <a:p>
              <a:endParaRPr altLang="en-US" i="1" lang="zh-CN">
                <a:latin charset="-122" panose="020b0503020204020204" pitchFamily="34" typeface="微软雅黑"/>
                <a:ea charset="-122" panose="020b0503020204020204" pitchFamily="34" typeface="微软雅黑"/>
              </a:endParaRPr>
            </a:p>
          </p:txBody>
        </p:sp>
        <p:sp>
          <p:nvSpPr>
            <p:cNvPr id="5" name="剪去对角的矩形 4"/>
            <p:cNvSpPr/>
            <p:nvPr/>
          </p:nvSpPr>
          <p:spPr>
            <a:xfrm flipH="1">
              <a:off x="4540052" y="3289745"/>
              <a:ext cx="1410202" cy="806573"/>
            </a:xfrm>
            <a:prstGeom prst="snip2Diag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lIns="450000" rtlCol="0"/>
            <a:lstStyle/>
            <a:p>
              <a:endParaRPr altLang="en-US" i="1" lang="zh-CN">
                <a:latin charset="-122" panose="020b0503020204020204" pitchFamily="34" typeface="微软雅黑"/>
                <a:ea charset="-122" panose="020b0503020204020204" pitchFamily="34" typeface="微软雅黑"/>
              </a:endParaRPr>
            </a:p>
          </p:txBody>
        </p:sp>
        <p:sp>
          <p:nvSpPr>
            <p:cNvPr id="6" name="燕尾形 5"/>
            <p:cNvSpPr/>
            <p:nvPr/>
          </p:nvSpPr>
          <p:spPr>
            <a:xfrm>
              <a:off x="4858060" y="1430134"/>
              <a:ext cx="188863" cy="422803"/>
            </a:xfrm>
            <a:prstGeom prst="chevron">
              <a:avLst>
                <a:gd fmla="val 75815" name="adj"/>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7" name="燕尾形 6"/>
            <p:cNvSpPr/>
            <p:nvPr/>
          </p:nvSpPr>
          <p:spPr>
            <a:xfrm>
              <a:off x="5145628" y="1430134"/>
              <a:ext cx="188863" cy="422803"/>
            </a:xfrm>
            <a:prstGeom prst="chevron">
              <a:avLst>
                <a:gd fmla="val 75815" name="adj"/>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8" name="燕尾形 7"/>
            <p:cNvSpPr/>
            <p:nvPr/>
          </p:nvSpPr>
          <p:spPr>
            <a:xfrm>
              <a:off x="5417653" y="1430134"/>
              <a:ext cx="188863" cy="422803"/>
            </a:xfrm>
            <a:prstGeom prst="chevron">
              <a:avLst>
                <a:gd fmla="val 75815" name="adj"/>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9" name="燕尾形 8"/>
            <p:cNvSpPr/>
            <p:nvPr/>
          </p:nvSpPr>
          <p:spPr>
            <a:xfrm flipH="1">
              <a:off x="3207171" y="2474708"/>
              <a:ext cx="188863" cy="422803"/>
            </a:xfrm>
            <a:prstGeom prst="chevron">
              <a:avLst>
                <a:gd fmla="val 75815" name="adj"/>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10" name="燕尾形 9"/>
            <p:cNvSpPr/>
            <p:nvPr/>
          </p:nvSpPr>
          <p:spPr>
            <a:xfrm flipH="1">
              <a:off x="3494739" y="2474708"/>
              <a:ext cx="188863" cy="422803"/>
            </a:xfrm>
            <a:prstGeom prst="chevron">
              <a:avLst>
                <a:gd fmla="val 75815" name="adj"/>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11" name="燕尾形 10"/>
            <p:cNvSpPr/>
            <p:nvPr/>
          </p:nvSpPr>
          <p:spPr>
            <a:xfrm flipH="1">
              <a:off x="3766764" y="2474708"/>
              <a:ext cx="188863" cy="422803"/>
            </a:xfrm>
            <a:prstGeom prst="chevron">
              <a:avLst>
                <a:gd fmla="val 75815" name="adj"/>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12" name="燕尾形 11"/>
            <p:cNvSpPr/>
            <p:nvPr/>
          </p:nvSpPr>
          <p:spPr>
            <a:xfrm>
              <a:off x="4854174" y="3488192"/>
              <a:ext cx="188863" cy="422803"/>
            </a:xfrm>
            <a:prstGeom prst="chevron">
              <a:avLst>
                <a:gd fmla="val 75815" name="adj"/>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13" name="燕尾形 12"/>
            <p:cNvSpPr/>
            <p:nvPr/>
          </p:nvSpPr>
          <p:spPr>
            <a:xfrm>
              <a:off x="5141742" y="3488192"/>
              <a:ext cx="188863" cy="422803"/>
            </a:xfrm>
            <a:prstGeom prst="chevron">
              <a:avLst>
                <a:gd fmla="val 75815" name="adj"/>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14" name="燕尾形 13"/>
            <p:cNvSpPr/>
            <p:nvPr/>
          </p:nvSpPr>
          <p:spPr>
            <a:xfrm>
              <a:off x="5413766" y="3488192"/>
              <a:ext cx="188863" cy="422803"/>
            </a:xfrm>
            <a:prstGeom prst="chevron">
              <a:avLst>
                <a:gd fmla="val 75815" name="adj"/>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rtlCol="0"/>
            <a:lstStyle/>
            <a:p>
              <a:pPr algn="ctr"/>
              <a:endParaRPr altLang="en-US" lang="zh-CN">
                <a:solidFill>
                  <a:schemeClr val="tx1"/>
                </a:solidFill>
              </a:endParaRPr>
            </a:p>
          </p:txBody>
        </p:sp>
        <p:sp>
          <p:nvSpPr>
            <p:cNvPr id="15" name="圆角矩形 14"/>
            <p:cNvSpPr/>
            <p:nvPr/>
          </p:nvSpPr>
          <p:spPr>
            <a:xfrm>
              <a:off x="4537288" y="2282822"/>
              <a:ext cx="1412966" cy="806573"/>
            </a:xfrm>
            <a:prstGeom prst="round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lIns="450000" rtlCol="0"/>
            <a:lstStyle/>
            <a:p>
              <a:endParaRPr altLang="en-US" i="1" lang="zh-CN">
                <a:latin charset="-122" panose="020b0503020204020204" pitchFamily="34" typeface="微软雅黑"/>
                <a:ea charset="-122" panose="020b0503020204020204" pitchFamily="34" typeface="微软雅黑"/>
              </a:endParaRPr>
            </a:p>
          </p:txBody>
        </p:sp>
        <p:sp>
          <p:nvSpPr>
            <p:cNvPr id="16" name="矩形 15"/>
            <p:cNvSpPr/>
            <p:nvPr/>
          </p:nvSpPr>
          <p:spPr>
            <a:xfrm rot="18952920">
              <a:off x="4080952" y="2041591"/>
              <a:ext cx="718922" cy="201747"/>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lIns="450000" rtlCol="0"/>
            <a:lstStyle/>
            <a:p>
              <a:endParaRPr altLang="en-US" i="1" lang="zh-CN">
                <a:latin charset="-122" panose="020b0503020204020204" pitchFamily="34" typeface="微软雅黑"/>
                <a:ea charset="-122" panose="020b0503020204020204" pitchFamily="34" typeface="微软雅黑"/>
              </a:endParaRPr>
            </a:p>
          </p:txBody>
        </p:sp>
        <p:sp>
          <p:nvSpPr>
            <p:cNvPr id="17" name="矩形 16"/>
            <p:cNvSpPr/>
            <p:nvPr/>
          </p:nvSpPr>
          <p:spPr>
            <a:xfrm flipH="1" rot="2647080">
              <a:off x="4049864" y="3081787"/>
              <a:ext cx="718922" cy="201747"/>
            </a:xfrm>
            <a:prstGeom prst="rect">
              <a:avLst/>
            </a:prstGeom>
            <a:solidFill>
              <a:srgbClr val="00544A"/>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lIns="450000" rtlCol="0"/>
            <a:lstStyle/>
            <a:p>
              <a:endParaRPr altLang="en-US" i="1" lang="zh-CN">
                <a:latin charset="-122" panose="020b0503020204020204" pitchFamily="34" typeface="微软雅黑"/>
                <a:ea charset="-122" panose="020b0503020204020204" pitchFamily="34" typeface="微软雅黑"/>
              </a:endParaRPr>
            </a:p>
          </p:txBody>
        </p:sp>
      </p:grpSp>
      <p:sp>
        <p:nvSpPr>
          <p:cNvPr id="18" name="TextBox 17"/>
          <p:cNvSpPr txBox="1"/>
          <p:nvPr/>
        </p:nvSpPr>
        <p:spPr>
          <a:xfrm>
            <a:off x="6518700" y="1521056"/>
            <a:ext cx="2920576" cy="923544"/>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grpSp>
        <p:nvGrpSpPr>
          <p:cNvPr id="19" name="组合 18"/>
          <p:cNvGrpSpPr/>
          <p:nvPr/>
        </p:nvGrpSpPr>
        <p:grpSpPr>
          <a:xfrm>
            <a:off x="6528244" y="960851"/>
            <a:ext cx="2825306" cy="541000"/>
            <a:chOff x="6007544" y="1079206"/>
            <a:chExt cx="2825306" cy="438210"/>
          </a:xfrm>
        </p:grpSpPr>
        <p:sp>
          <p:nvSpPr>
            <p:cNvPr id="20" name="TextBox 19"/>
            <p:cNvSpPr txBox="1"/>
            <p:nvPr/>
          </p:nvSpPr>
          <p:spPr>
            <a:xfrm>
              <a:off x="6007545" y="1079206"/>
              <a:ext cx="1452880" cy="320954"/>
            </a:xfrm>
            <a:prstGeom prst="rect">
              <a:avLst/>
            </a:prstGeom>
            <a:noFill/>
          </p:spPr>
          <p:txBody>
            <a:bodyPr rtlCol="0" wrap="none">
              <a:spAutoFit/>
            </a:bodyPr>
            <a:lstStyle>
              <a:defPPr>
                <a:defRPr lang="zh-CN"/>
              </a:defPPr>
              <a:lvl1pPr>
                <a:defRPr b="1" sz="2400">
                  <a:solidFill>
                    <a:schemeClr val="bg1">
                      <a:lumMod val="50000"/>
                    </a:schemeClr>
                  </a:solidFill>
                </a:defRPr>
              </a:lvl1pPr>
            </a:lstStyle>
            <a:p>
              <a:r>
                <a:rPr altLang="en-US" lang="zh-CN" sz="2000">
                  <a:solidFill>
                    <a:srgbClr val="00544A"/>
                  </a:solidFill>
                  <a:latin charset="-122" panose="020b0503020204020204" pitchFamily="34" typeface="微软雅黑"/>
                  <a:ea charset="-122" panose="020b0503020204020204" pitchFamily="34" typeface="微软雅黑"/>
                </a:rPr>
                <a:t>您的小标题</a:t>
              </a:r>
            </a:p>
          </p:txBody>
        </p:sp>
        <p:cxnSp>
          <p:nvCxnSpPr>
            <p:cNvPr id="21" name="直接连接符 20"/>
            <p:cNvCxnSpPr/>
            <p:nvPr/>
          </p:nvCxnSpPr>
          <p:spPr>
            <a:xfrm>
              <a:off x="6102794" y="1517416"/>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
        <p:nvSpPr>
          <p:cNvPr id="22" name="TextBox 21"/>
          <p:cNvSpPr txBox="1"/>
          <p:nvPr/>
        </p:nvSpPr>
        <p:spPr>
          <a:xfrm>
            <a:off x="6518700" y="3747878"/>
            <a:ext cx="2920576" cy="923544"/>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grpSp>
        <p:nvGrpSpPr>
          <p:cNvPr id="23" name="组合 22"/>
          <p:cNvGrpSpPr/>
          <p:nvPr/>
        </p:nvGrpSpPr>
        <p:grpSpPr>
          <a:xfrm>
            <a:off x="6528244" y="3187673"/>
            <a:ext cx="2825306" cy="541000"/>
            <a:chOff x="6007544" y="2882932"/>
            <a:chExt cx="2825306" cy="438210"/>
          </a:xfrm>
        </p:grpSpPr>
        <p:sp>
          <p:nvSpPr>
            <p:cNvPr id="24" name="TextBox 23"/>
            <p:cNvSpPr txBox="1"/>
            <p:nvPr/>
          </p:nvSpPr>
          <p:spPr>
            <a:xfrm>
              <a:off x="6007545" y="2882932"/>
              <a:ext cx="1452880" cy="320954"/>
            </a:xfrm>
            <a:prstGeom prst="rect">
              <a:avLst/>
            </a:prstGeom>
            <a:noFill/>
          </p:spPr>
          <p:txBody>
            <a:bodyPr rtlCol="0" wrap="none">
              <a:spAutoFit/>
            </a:bodyPr>
            <a:lstStyle>
              <a:defPPr>
                <a:defRPr lang="zh-CN"/>
              </a:defPPr>
              <a:lvl1pPr>
                <a:defRPr b="1" sz="2400">
                  <a:solidFill>
                    <a:schemeClr val="bg1">
                      <a:lumMod val="50000"/>
                    </a:schemeClr>
                  </a:solidFill>
                </a:defRPr>
              </a:lvl1pPr>
            </a:lstStyle>
            <a:p>
              <a:r>
                <a:rPr altLang="en-US" lang="zh-CN" sz="2000">
                  <a:solidFill>
                    <a:srgbClr val="00544A"/>
                  </a:solidFill>
                  <a:latin charset="-122" panose="020b0503020204020204" pitchFamily="34" typeface="微软雅黑"/>
                  <a:ea charset="-122" panose="020b0503020204020204" pitchFamily="34" typeface="微软雅黑"/>
                </a:rPr>
                <a:t>您的小标题</a:t>
              </a:r>
            </a:p>
          </p:txBody>
        </p:sp>
        <p:cxnSp>
          <p:nvCxnSpPr>
            <p:cNvPr id="25" name="直接连接符 24"/>
            <p:cNvCxnSpPr/>
            <p:nvPr/>
          </p:nvCxnSpPr>
          <p:spPr>
            <a:xfrm>
              <a:off x="6102794" y="3321142"/>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
        <p:nvSpPr>
          <p:cNvPr id="26" name="TextBox 25"/>
          <p:cNvSpPr txBox="1"/>
          <p:nvPr/>
        </p:nvSpPr>
        <p:spPr>
          <a:xfrm>
            <a:off x="803475" y="2681705"/>
            <a:ext cx="2920576" cy="923544"/>
          </a:xfrm>
          <a:prstGeom prst="rect">
            <a:avLst/>
          </a:prstGeom>
          <a:noFill/>
        </p:spPr>
        <p:txBody>
          <a:bodyPr rtlCol="0" wrap="square">
            <a:spAutoFit/>
          </a:bodyPr>
          <a:lstStyle/>
          <a:p>
            <a:pPr algn="just">
              <a:lnSpc>
                <a:spcPct val="130000"/>
              </a:lnSpc>
            </a:pPr>
            <a:r>
              <a:rPr altLang="en-US" lang="zh-CN" sz="1400">
                <a:latin charset="-122" panose="020b0503020204020204" pitchFamily="34" typeface="微软雅黑"/>
                <a:ea charset="-122" panose="020b0503020204020204" pitchFamily="34" typeface="微软雅黑"/>
              </a:rPr>
              <a:t>您的内容打在这里，或者通过复制您的文本后，在此框中选择粘贴，并选择只保留文字。</a:t>
            </a:r>
          </a:p>
        </p:txBody>
      </p:sp>
      <p:grpSp>
        <p:nvGrpSpPr>
          <p:cNvPr id="27" name="组合 26"/>
          <p:cNvGrpSpPr/>
          <p:nvPr/>
        </p:nvGrpSpPr>
        <p:grpSpPr>
          <a:xfrm>
            <a:off x="908269" y="2121501"/>
            <a:ext cx="2806256" cy="541000"/>
            <a:chOff x="387569" y="2019332"/>
            <a:chExt cx="2806256" cy="438210"/>
          </a:xfrm>
        </p:grpSpPr>
        <p:sp>
          <p:nvSpPr>
            <p:cNvPr id="28" name="TextBox 27"/>
            <p:cNvSpPr txBox="1"/>
            <p:nvPr/>
          </p:nvSpPr>
          <p:spPr>
            <a:xfrm>
              <a:off x="1740945" y="2019332"/>
              <a:ext cx="1452880" cy="320954"/>
            </a:xfrm>
            <a:prstGeom prst="rect">
              <a:avLst/>
            </a:prstGeom>
            <a:noFill/>
          </p:spPr>
          <p:txBody>
            <a:bodyPr rtlCol="0" wrap="none">
              <a:spAutoFit/>
            </a:bodyPr>
            <a:lstStyle>
              <a:defPPr>
                <a:defRPr lang="zh-CN"/>
              </a:defPPr>
              <a:lvl1pPr>
                <a:defRPr b="1" sz="2400">
                  <a:solidFill>
                    <a:schemeClr val="bg1">
                      <a:lumMod val="50000"/>
                    </a:schemeClr>
                  </a:solidFill>
                </a:defRPr>
              </a:lvl1pPr>
            </a:lstStyle>
            <a:p>
              <a:pPr algn="r"/>
              <a:r>
                <a:rPr altLang="en-US" lang="zh-CN" sz="2000">
                  <a:solidFill>
                    <a:srgbClr val="00544A"/>
                  </a:solidFill>
                  <a:latin charset="-122" panose="020b0503020204020204" pitchFamily="34" typeface="微软雅黑"/>
                  <a:ea charset="-122" panose="020b0503020204020204" pitchFamily="34" typeface="微软雅黑"/>
                </a:rPr>
                <a:t>您的小标题</a:t>
              </a:r>
            </a:p>
          </p:txBody>
        </p:sp>
        <p:cxnSp>
          <p:nvCxnSpPr>
            <p:cNvPr id="29" name="直接连接符 28"/>
            <p:cNvCxnSpPr/>
            <p:nvPr/>
          </p:nvCxnSpPr>
          <p:spPr>
            <a:xfrm>
              <a:off x="387569" y="2457542"/>
              <a:ext cx="2730056" cy="0"/>
            </a:xfrm>
            <a:prstGeom prst="line">
              <a:avLst/>
            </a:prstGeom>
            <a:ln w="19050">
              <a:solidFill>
                <a:srgbClr val="00544A"/>
              </a:solidFill>
              <a:prstDash val="sysDash"/>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val="1643427046"/>
      </p:ext>
    </p:extLst>
  </p:cSld>
  <p:clrMapOvr>
    <a:masterClrMapping/>
  </p:clrMapOvr>
  <p:transition advClick="0" advTm="4000" spd="slow">
    <p:push/>
  </p:transition>
  <p:timing>
    <p:tnLst>
      <p:par>
        <p:cTn dur="indefinite" id="1" nodeType="tmRoot" restart="never">
          <p:childTnLst>
            <p:seq concurrent="1" nextAc="seek">
              <p:cTn dur="indefinite" id="2" nodeType="mainSeq">
                <p:childTnLst>
                  <p:par>
                    <p:cTn fill="hold" id="3" nodeType="clickPar">
                      <p:stCondLst>
                        <p:cond delay="indefinite"/>
                        <p:cond delay="0" evt="onBegin">
                          <p:tn val="2"/>
                        </p:cond>
                      </p:stCondLst>
                      <p:childTnLst>
                        <p:par>
                          <p:cTn fill="hold" id="4" nodeType="afterGroup">
                            <p:stCondLst>
                              <p:cond delay="0"/>
                            </p:stCondLst>
                            <p:childTnLst>
                              <p:par>
                                <p:cTn fill="hold" id="5" nodeType="afterEffect" presetClass="entr" presetID="31" presetSubtype="0">
                                  <p:stCondLst>
                                    <p:cond delay="0"/>
                                  </p:stCondLst>
                                  <p:childTnLst>
                                    <p:set>
                                      <p:cBhvr>
                                        <p:cTn dur="1" fill="hold" id="6">
                                          <p:stCondLst>
                                            <p:cond delay="0"/>
                                          </p:stCondLst>
                                        </p:cTn>
                                        <p:tgtEl>
                                          <p:spTgt spid="2"/>
                                        </p:tgtEl>
                                        <p:attrNameLst>
                                          <p:attrName>style.visibility</p:attrName>
                                        </p:attrNameLst>
                                      </p:cBhvr>
                                      <p:to>
                                        <p:strVal val="visible"/>
                                      </p:to>
                                    </p:set>
                                    <p:anim calcmode="lin" valueType="num">
                                      <p:cBhvr>
                                        <p:cTn dur="500" fill="hold" id="7"/>
                                        <p:tgtEl>
                                          <p:spTgt spid="2"/>
                                        </p:tgtEl>
                                        <p:attrNameLst>
                                          <p:attrName>ppt_w</p:attrName>
                                        </p:attrNameLst>
                                      </p:cBhvr>
                                      <p:tavLst>
                                        <p:tav tm="0">
                                          <p:val>
                                            <p:fltVal val="0"/>
                                          </p:val>
                                        </p:tav>
                                        <p:tav tm="100000">
                                          <p:val>
                                            <p:strVal val="#ppt_w"/>
                                          </p:val>
                                        </p:tav>
                                      </p:tavLst>
                                    </p:anim>
                                    <p:anim calcmode="lin" valueType="num">
                                      <p:cBhvr>
                                        <p:cTn dur="500" fill="hold" id="8"/>
                                        <p:tgtEl>
                                          <p:spTgt spid="2"/>
                                        </p:tgtEl>
                                        <p:attrNameLst>
                                          <p:attrName>ppt_h</p:attrName>
                                        </p:attrNameLst>
                                      </p:cBhvr>
                                      <p:tavLst>
                                        <p:tav tm="0">
                                          <p:val>
                                            <p:fltVal val="0"/>
                                          </p:val>
                                        </p:tav>
                                        <p:tav tm="100000">
                                          <p:val>
                                            <p:strVal val="#ppt_h"/>
                                          </p:val>
                                        </p:tav>
                                      </p:tavLst>
                                    </p:anim>
                                    <p:anim calcmode="lin" valueType="num">
                                      <p:cBhvr>
                                        <p:cTn dur="500" fill="hold" id="9"/>
                                        <p:tgtEl>
                                          <p:spTgt spid="2"/>
                                        </p:tgtEl>
                                        <p:attrNameLst>
                                          <p:attrName>style.rotation</p:attrName>
                                        </p:attrNameLst>
                                      </p:cBhvr>
                                      <p:tavLst>
                                        <p:tav tm="0">
                                          <p:val>
                                            <p:fltVal val="90"/>
                                          </p:val>
                                        </p:tav>
                                        <p:tav tm="100000">
                                          <p:val>
                                            <p:fltVal val="0"/>
                                          </p:val>
                                        </p:tav>
                                      </p:tavLst>
                                    </p:anim>
                                    <p:animEffect filter="fade" transition="in">
                                      <p:cBhvr>
                                        <p:cTn dur="500" id="10"/>
                                        <p:tgtEl>
                                          <p:spTgt spid="2"/>
                                        </p:tgtEl>
                                      </p:cBhvr>
                                    </p:animEffect>
                                  </p:childTnLst>
                                </p:cTn>
                              </p:par>
                            </p:childTnLst>
                          </p:cTn>
                        </p:par>
                        <p:par>
                          <p:cTn fill="hold" id="11" nodeType="afterGroup">
                            <p:stCondLst>
                              <p:cond delay="500"/>
                            </p:stCondLst>
                            <p:childTnLst>
                              <p:par>
                                <p:cTn fill="hold" id="12" nodeType="afterEffect" presetClass="entr" presetID="22" presetSubtype="8">
                                  <p:stCondLst>
                                    <p:cond delay="0"/>
                                  </p:stCondLst>
                                  <p:childTnLst>
                                    <p:set>
                                      <p:cBhvr>
                                        <p:cTn dur="1" fill="hold" id="13">
                                          <p:stCondLst>
                                            <p:cond delay="0"/>
                                          </p:stCondLst>
                                        </p:cTn>
                                        <p:tgtEl>
                                          <p:spTgt spid="19"/>
                                        </p:tgtEl>
                                        <p:attrNameLst>
                                          <p:attrName>style.visibility</p:attrName>
                                        </p:attrNameLst>
                                      </p:cBhvr>
                                      <p:to>
                                        <p:strVal val="visible"/>
                                      </p:to>
                                    </p:set>
                                    <p:animEffect filter="wipe(left)" transition="in">
                                      <p:cBhvr>
                                        <p:cTn dur="500" id="14"/>
                                        <p:tgtEl>
                                          <p:spTgt spid="19"/>
                                        </p:tgtEl>
                                      </p:cBhvr>
                                    </p:animEffect>
                                  </p:childTnLst>
                                </p:cTn>
                              </p:par>
                            </p:childTnLst>
                          </p:cTn>
                        </p:par>
                        <p:par>
                          <p:cTn fill="hold" id="15" nodeType="afterGroup">
                            <p:stCondLst>
                              <p:cond delay="1000"/>
                            </p:stCondLst>
                            <p:childTnLst>
                              <p:par>
                                <p:cTn fill="hold" grpId="0" id="16" nodeType="afterEffect" presetClass="entr" presetID="16" presetSubtype="21">
                                  <p:stCondLst>
                                    <p:cond delay="0"/>
                                  </p:stCondLst>
                                  <p:childTnLst>
                                    <p:set>
                                      <p:cBhvr>
                                        <p:cTn dur="1" fill="hold" id="17">
                                          <p:stCondLst>
                                            <p:cond delay="0"/>
                                          </p:stCondLst>
                                        </p:cTn>
                                        <p:tgtEl>
                                          <p:spTgt spid="18"/>
                                        </p:tgtEl>
                                        <p:attrNameLst>
                                          <p:attrName>style.visibility</p:attrName>
                                        </p:attrNameLst>
                                      </p:cBhvr>
                                      <p:to>
                                        <p:strVal val="visible"/>
                                      </p:to>
                                    </p:set>
                                    <p:animEffect filter="barn(inVertical)" transition="in">
                                      <p:cBhvr>
                                        <p:cTn dur="500" id="18"/>
                                        <p:tgtEl>
                                          <p:spTgt spid="18"/>
                                        </p:tgtEl>
                                      </p:cBhvr>
                                    </p:animEffect>
                                  </p:childTnLst>
                                </p:cTn>
                              </p:par>
                            </p:childTnLst>
                          </p:cTn>
                        </p:par>
                        <p:par>
                          <p:cTn fill="hold" id="19" nodeType="afterGroup">
                            <p:stCondLst>
                              <p:cond delay="1500"/>
                            </p:stCondLst>
                            <p:childTnLst>
                              <p:par>
                                <p:cTn fill="hold" id="20" nodeType="afterEffect" presetClass="entr" presetID="22" presetSubtype="2">
                                  <p:stCondLst>
                                    <p:cond delay="0"/>
                                  </p:stCondLst>
                                  <p:childTnLst>
                                    <p:set>
                                      <p:cBhvr>
                                        <p:cTn dur="1" fill="hold" id="21">
                                          <p:stCondLst>
                                            <p:cond delay="0"/>
                                          </p:stCondLst>
                                        </p:cTn>
                                        <p:tgtEl>
                                          <p:spTgt spid="27"/>
                                        </p:tgtEl>
                                        <p:attrNameLst>
                                          <p:attrName>style.visibility</p:attrName>
                                        </p:attrNameLst>
                                      </p:cBhvr>
                                      <p:to>
                                        <p:strVal val="visible"/>
                                      </p:to>
                                    </p:set>
                                    <p:animEffect filter="wipe(right)" transition="in">
                                      <p:cBhvr>
                                        <p:cTn dur="500" id="22"/>
                                        <p:tgtEl>
                                          <p:spTgt spid="27"/>
                                        </p:tgtEl>
                                      </p:cBhvr>
                                    </p:animEffect>
                                  </p:childTnLst>
                                </p:cTn>
                              </p:par>
                            </p:childTnLst>
                          </p:cTn>
                        </p:par>
                        <p:par>
                          <p:cTn fill="hold" id="23" nodeType="afterGroup">
                            <p:stCondLst>
                              <p:cond delay="2000"/>
                            </p:stCondLst>
                            <p:childTnLst>
                              <p:par>
                                <p:cTn fill="hold" grpId="0" id="24" nodeType="afterEffect" presetClass="entr" presetID="16" presetSubtype="21">
                                  <p:stCondLst>
                                    <p:cond delay="0"/>
                                  </p:stCondLst>
                                  <p:childTnLst>
                                    <p:set>
                                      <p:cBhvr>
                                        <p:cTn dur="1" fill="hold" id="25">
                                          <p:stCondLst>
                                            <p:cond delay="0"/>
                                          </p:stCondLst>
                                        </p:cTn>
                                        <p:tgtEl>
                                          <p:spTgt spid="26"/>
                                        </p:tgtEl>
                                        <p:attrNameLst>
                                          <p:attrName>style.visibility</p:attrName>
                                        </p:attrNameLst>
                                      </p:cBhvr>
                                      <p:to>
                                        <p:strVal val="visible"/>
                                      </p:to>
                                    </p:set>
                                    <p:animEffect filter="barn(inVertical)" transition="in">
                                      <p:cBhvr>
                                        <p:cTn dur="500" id="26"/>
                                        <p:tgtEl>
                                          <p:spTgt spid="26"/>
                                        </p:tgtEl>
                                      </p:cBhvr>
                                    </p:animEffect>
                                  </p:childTnLst>
                                </p:cTn>
                              </p:par>
                            </p:childTnLst>
                          </p:cTn>
                        </p:par>
                        <p:par>
                          <p:cTn fill="hold" id="27" nodeType="afterGroup">
                            <p:stCondLst>
                              <p:cond delay="2500"/>
                            </p:stCondLst>
                            <p:childTnLst>
                              <p:par>
                                <p:cTn fill="hold" id="28" nodeType="afterEffect" presetClass="entr" presetID="22" presetSubtype="8">
                                  <p:stCondLst>
                                    <p:cond delay="0"/>
                                  </p:stCondLst>
                                  <p:childTnLst>
                                    <p:set>
                                      <p:cBhvr>
                                        <p:cTn dur="1" fill="hold" id="29">
                                          <p:stCondLst>
                                            <p:cond delay="0"/>
                                          </p:stCondLst>
                                        </p:cTn>
                                        <p:tgtEl>
                                          <p:spTgt spid="23"/>
                                        </p:tgtEl>
                                        <p:attrNameLst>
                                          <p:attrName>style.visibility</p:attrName>
                                        </p:attrNameLst>
                                      </p:cBhvr>
                                      <p:to>
                                        <p:strVal val="visible"/>
                                      </p:to>
                                    </p:set>
                                    <p:animEffect filter="wipe(left)" transition="in">
                                      <p:cBhvr>
                                        <p:cTn dur="500" id="30"/>
                                        <p:tgtEl>
                                          <p:spTgt spid="23"/>
                                        </p:tgtEl>
                                      </p:cBhvr>
                                    </p:animEffect>
                                  </p:childTnLst>
                                </p:cTn>
                              </p:par>
                            </p:childTnLst>
                          </p:cTn>
                        </p:par>
                        <p:par>
                          <p:cTn fill="hold" id="31" nodeType="afterGroup">
                            <p:stCondLst>
                              <p:cond delay="3000"/>
                            </p:stCondLst>
                            <p:childTnLst>
                              <p:par>
                                <p:cTn fill="hold" grpId="0" id="32" nodeType="afterEffect" presetClass="entr" presetID="16" presetSubtype="21">
                                  <p:stCondLst>
                                    <p:cond delay="0"/>
                                  </p:stCondLst>
                                  <p:childTnLst>
                                    <p:set>
                                      <p:cBhvr>
                                        <p:cTn dur="1" fill="hold" id="33">
                                          <p:stCondLst>
                                            <p:cond delay="0"/>
                                          </p:stCondLst>
                                        </p:cTn>
                                        <p:tgtEl>
                                          <p:spTgt spid="22"/>
                                        </p:tgtEl>
                                        <p:attrNameLst>
                                          <p:attrName>style.visibility</p:attrName>
                                        </p:attrNameLst>
                                      </p:cBhvr>
                                      <p:to>
                                        <p:strVal val="visible"/>
                                      </p:to>
                                    </p:set>
                                    <p:animEffect filter="barn(inVertical)" transition="in">
                                      <p:cBhvr>
                                        <p:cTn dur="500" id="34"/>
                                        <p:tgtEl>
                                          <p:spTgt spid="22"/>
                                        </p:tgtEl>
                                      </p:cBhvr>
                                    </p:animEffect>
                                  </p:childTnLst>
                                </p:cTn>
                              </p:par>
                            </p:childTnLst>
                          </p:cTn>
                        </p:par>
                      </p:childTnLst>
                    </p:cTn>
                  </p:par>
                </p:childTnLst>
              </p:cTn>
              <p:prevCondLst>
                <p:cond delay="0" evt="onPrev">
                  <p:tgtEl>
                    <p:sldTgt/>
                  </p:tgtEl>
                </p:cond>
              </p:prevCondLst>
              <p:nextCondLst>
                <p:cond delay="0" evt="onNext">
                  <p:tgtEl>
                    <p:sldTgt/>
                  </p:tgtEl>
                </p:cond>
              </p:nextCondLst>
            </p:seq>
          </p:childTnLst>
        </p:cTn>
      </p:par>
    </p:tnLst>
    <p:bldLst>
      <p:bldP grpId="0" spid="18"/>
      <p:bldP grpId="0" spid="22"/>
      <p:bldP grpId="0" spid="26"/>
    </p:bldLst>
  </p:timing>
</p:sld>
</file>

<file path=ppt/tags/tag1.xml><?xml version="1.0" encoding="utf-8"?>
<p:tagLst xmlns:p="http://schemas.openxmlformats.org/presentationml/2006/main">
  <p:tag name="AS_NET" val="4.0.30319.42000"/>
  <p:tag name="AS_OS" val="Microsoft Windows NT 6.2.9200.0"/>
  <p:tag name="AS_RELEASE_DATE" val="2020.04.14"/>
  <p:tag name="AS_TITLE" val="Aspose.Slides for .NET 4.0 Client Profile"/>
  <p:tag name="AS_VERSION" val="20.4"/>
</p:tagLst>
</file>

<file path=ppt/theme/theme1.xml><?xml version="1.0" encoding="utf-8"?>
<a:theme xmlns:r="http://schemas.openxmlformats.org/officeDocument/2006/relationships" xmlns:a="http://schemas.openxmlformats.org/drawingml/2006/main" name="">
  <a:themeElements>
    <a:clrScheme name="波形">
      <a:dk1>
        <a:sysClr val="windowText" lastClr="000000"/>
      </a:dk1>
      <a:lt1>
        <a:sysClr val="window" lastClr="FFFFFF"/>
      </a:lt1>
      <a:dk2>
        <a:srgbClr val="073E87"/>
      </a:dk2>
      <a:lt2>
        <a:srgbClr val="C6E7FC"/>
      </a:lt2>
      <a:accent1>
        <a:srgbClr val="31B6FD"/>
      </a:accent1>
      <a:accent2>
        <a:srgbClr val="4584D3"/>
      </a:accent2>
      <a:accent3>
        <a:srgbClr val="5BD078"/>
      </a:accent3>
      <a:accent4>
        <a:srgbClr val="A5D028"/>
      </a:accent4>
      <a:accent5>
        <a:srgbClr val="F5C040"/>
      </a:accent5>
      <a:accent6>
        <a:srgbClr val="05E0DB"/>
      </a:accent6>
      <a:hlink>
        <a:srgbClr val="0080FF"/>
      </a:hlink>
      <a:folHlink>
        <a:srgbClr val="5EAEFF"/>
      </a:folHlink>
    </a:clrScheme>
    <a:fontScheme name="Office">
      <a:majorFont>
        <a:latin typeface="Calibri"/>
        <a:ea typeface="Arial"/>
        <a:cs typeface="Arial"/>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Arial"/>
        <a:cs typeface="Arial"/>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ppt/theme/theme2.xml><?xml version="1.0" encoding="utf-8"?>
<a:theme xmlns:r="http://schemas.openxmlformats.org/officeDocument/2006/relationships" xmlns:a="http://schemas.openxmlformats.org/drawingml/2006/main" name="">
  <a:themeElements>
    <a:clrScheme name="Office 主题">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主题">
      <a:majorFont>
        <a:latin typeface="Calibri Light" panose="020f0302020204030204"/>
        <a:ea typeface="Arial"/>
        <a:cs typeface="Arial"/>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Arial"/>
        <a:cs typeface="Arial"/>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主题">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Lst>
    <a:ext uri="{05A4C25C-085E-4340-85A3-A5531E510DB2}">
      <thm15:themeFamily xmlns:thm15="http://schemas.microsoft.com/office/thememl/2012/main" id="{62F939B6-93AF-4DB8-9C6B-D6C7DFDC589F}" name="Office Theme" vid="{4A3C46E8-61CC-4603-A589-7422A47A8E4A}"/>
    </a:ext>
  </a:extLst>
</a:theme>
</file>

<file path=ppt/theme/theme3.xml><?xml version="1.0" encoding="utf-8"?>
<a:theme xmlns:r="http://schemas.openxmlformats.org/officeDocument/2006/relationships" xmlns:a="http://schemas.openxmlformats.org/drawingml/2006/main" name="Office 主题​​">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Arial"/>
        <a:cs typeface="Arial"/>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Arial"/>
        <a:cs typeface="Arial"/>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heme>
</file>

<file path=docProps/app.xml><?xml version="1.0" encoding="utf-8"?>
<Properties xmlns:vt="http://schemas.openxmlformats.org/officeDocument/2006/docPropsVTypes" xmlns="http://schemas.openxmlformats.org/officeDocument/2006/extended-properties">
  <Company/>
  <Paragraphs>277</Paragraphs>
  <Slides>36</Slides>
  <Notes>36</Notes>
  <TotalTime>0</TotalTime>
  <HiddenSlides>0</HiddenSlides>
  <MMClips>0</MMClips>
  <ScaleCrop>0</ScaleCrop>
  <HeadingPairs>
    <vt:vector baseType="variant" size="6">
      <vt:variant>
        <vt:lpstr>Fonts used</vt:lpstr>
      </vt:variant>
      <vt:variant>
        <vt:i4>11</vt:i4>
      </vt:variant>
      <vt:variant>
        <vt:lpstr>Theme</vt:lpstr>
      </vt:variant>
      <vt:variant>
        <vt:i4>1</vt:i4>
      </vt:variant>
      <vt:variant>
        <vt:lpstr>Slide Titles</vt:lpstr>
      </vt:variant>
      <vt:variant>
        <vt:i4>36</vt:i4>
      </vt:variant>
    </vt:vector>
  </HeadingPairs>
  <TitlesOfParts>
    <vt:vector baseType="lpstr" size="48">
      <vt:lpstr>Arial</vt:lpstr>
      <vt:lpstr>Calibri</vt:lpstr>
      <vt:lpstr>微软雅黑</vt:lpstr>
      <vt:lpstr>Calibri Light</vt:lpstr>
      <vt:lpstr>宋体</vt:lpstr>
      <vt:lpstr>Wingdings</vt:lpstr>
      <vt:lpstr>Adobe 黑体 Std R</vt:lpstr>
      <vt:lpstr>方正超粗黑简体</vt:lpstr>
      <vt:lpstr>方正正准黑简体</vt:lpstr>
      <vt:lpstr>Arial Unicode MS</vt:lpstr>
      <vt:lpstr>华文细黑</vt:lpstr>
      <vt:lpstr>Office 主题</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vector>
  </TitlesOfParts>
  <LinksUpToDate>0</LinksUpToDate>
  <SharedDoc>0</SharedDoc>
  <HyperlinksChanged>0</HyperlinksChanged>
  <Application>Aspose.Slides for .NET</Application>
  <AppVersion>20.0400</AppVersion>
</Properties>
</file>

<file path=docProps/core.xml><?xml version="1.0" encoding="utf-8"?>
<cp:coreProperties xmlns:cp="http://schemas.openxmlformats.org/package/2006/metadata/core-properties" xmlns:dc="http://purl.org/dc/elements/1.1/" xmlns:dcterms="http://purl.org/dc/terms/" xmlns:xsi="http://www.w3.org/2001/XMLSchema-instance">
  <dcterms:created xsi:type="dcterms:W3CDTF">2021-08-22T12:08:18Z</dcterms:created>
  <cp:lastPrinted>2021-08-22T12:08:18Z</cp:lastPrinted>
  <dcterms:modified xsi:type="dcterms:W3CDTF">2021-08-22T05:51:11Z</dcterms:modified>
  <cp:revision>1</cp:revision>
</cp:coreProperties>
</file>